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令和６年度フォルダ\衛生指導係\オープンデータ\R6\R6.6公開\"/>
    </mc:Choice>
  </mc:AlternateContent>
  <bookViews>
    <workbookView xWindow="0" yWindow="0" windowWidth="21690" windowHeight="10380"/>
  </bookViews>
  <sheets>
    <sheet name="新台帳" sheetId="1" r:id="rId1"/>
    <sheet name="旧台帳" sheetId="2" r:id="rId2"/>
  </sheets>
  <definedNames>
    <definedName name="_xlnm._FilterDatabase" localSheetId="1" hidden="1">旧台帳!$A$1:$K$2879</definedName>
    <definedName name="_xlnm._FilterDatabase" localSheetId="0" hidden="1">新台帳!$A$1:$P$3195</definedName>
    <definedName name="食品台帳一覧">#REF!</definedName>
  </definedNames>
  <calcPr calcId="0"/>
</workbook>
</file>

<file path=xl/sharedStrings.xml><?xml version="1.0" encoding="utf-8"?>
<sst xmlns="http://schemas.openxmlformats.org/spreadsheetml/2006/main" count="49106" uniqueCount="20263">
  <si>
    <t>営業の種類</t>
  </si>
  <si>
    <t>許可番号</t>
  </si>
  <si>
    <t>初回許可年月日</t>
  </si>
  <si>
    <t>許可年月日</t>
  </si>
  <si>
    <t>許可満了日</t>
  </si>
  <si>
    <t/>
  </si>
  <si>
    <t>富山市</t>
  </si>
  <si>
    <t>株式会社トンボ飲料</t>
  </si>
  <si>
    <t>16</t>
  </si>
  <si>
    <t>富山県</t>
  </si>
  <si>
    <t>下赤江町１丁目６番３４号</t>
  </si>
  <si>
    <t>株式会社　トンボ飲料</t>
  </si>
  <si>
    <t>下赤江町</t>
  </si>
  <si>
    <t>1-6-34</t>
  </si>
  <si>
    <t>10</t>
  </si>
  <si>
    <t>1</t>
  </si>
  <si>
    <t>⑪ 菓子製造業</t>
  </si>
  <si>
    <t>23CA0032</t>
  </si>
  <si>
    <t>14</t>
  </si>
  <si>
    <t>⑭ 清涼飲料水製造業</t>
  </si>
  <si>
    <t>23CI0001</t>
  </si>
  <si>
    <t>富山薬品株式会社</t>
  </si>
  <si>
    <t>四方西岩瀬石瀬１７５番地</t>
  </si>
  <si>
    <t>四方西岩瀬石瀬</t>
  </si>
  <si>
    <t>175</t>
  </si>
  <si>
    <t>2</t>
  </si>
  <si>
    <t>23CA0054</t>
  </si>
  <si>
    <t>株式会社Ｐ・Ｍ・Ｃ</t>
  </si>
  <si>
    <t>13</t>
  </si>
  <si>
    <t>東京都</t>
  </si>
  <si>
    <t>港区</t>
  </si>
  <si>
    <t>新橋３丁目２５番１９号</t>
  </si>
  <si>
    <t>PMC食品工場</t>
  </si>
  <si>
    <t>荒川</t>
  </si>
  <si>
    <t>2-19-33</t>
  </si>
  <si>
    <t>753</t>
  </si>
  <si>
    <t>③ 食肉販売業</t>
  </si>
  <si>
    <t>22BF0018</t>
  </si>
  <si>
    <t>22CA0070</t>
  </si>
  <si>
    <t>⑯ 水産製品製造業</t>
  </si>
  <si>
    <t>22CH0008</t>
  </si>
  <si>
    <t>25</t>
  </si>
  <si>
    <t>㉕ そうざい製造業</t>
  </si>
  <si>
    <t>22CC0018</t>
  </si>
  <si>
    <t>総曲輪ハイボール酒場</t>
  </si>
  <si>
    <t>総曲輪</t>
  </si>
  <si>
    <t>２－１－９</t>
  </si>
  <si>
    <t>１Ｆ</t>
  </si>
  <si>
    <t>軽飲食</t>
  </si>
  <si>
    <t>① 飲食店営業</t>
  </si>
  <si>
    <t>22AI0205</t>
  </si>
  <si>
    <t>ハラミセンター</t>
  </si>
  <si>
    <t>3-2-10</t>
  </si>
  <si>
    <t>23AI0218</t>
  </si>
  <si>
    <t>酒菜家　おあじ　総曲輪店</t>
  </si>
  <si>
    <t>3-3-22</t>
  </si>
  <si>
    <t>23AI0219</t>
  </si>
  <si>
    <t>アルビス株式会社</t>
  </si>
  <si>
    <t>射水市</t>
  </si>
  <si>
    <t>流通センター水戸田三丁目</t>
  </si>
  <si>
    <t>４番地</t>
  </si>
  <si>
    <t>アルビス　宮野店</t>
  </si>
  <si>
    <t>婦中町新屋</t>
  </si>
  <si>
    <t>59</t>
  </si>
  <si>
    <t>21AE0036</t>
  </si>
  <si>
    <t>18BF0080</t>
  </si>
  <si>
    <t>④ 魚介類販売業</t>
  </si>
  <si>
    <t>24BD0008</t>
  </si>
  <si>
    <t>アルビス　エスタ店</t>
  </si>
  <si>
    <t>桜町一丁目</t>
  </si>
  <si>
    <t>1-1</t>
  </si>
  <si>
    <t>24AE0010</t>
  </si>
  <si>
    <t>24BF0006</t>
  </si>
  <si>
    <t>24BD0011</t>
  </si>
  <si>
    <t>アルビス　ミューズ店</t>
  </si>
  <si>
    <t>水橋市江</t>
  </si>
  <si>
    <t>47</t>
  </si>
  <si>
    <t>22BD0040</t>
  </si>
  <si>
    <t>アルビス　アリス店</t>
  </si>
  <si>
    <t>五福</t>
  </si>
  <si>
    <t>1143-1</t>
  </si>
  <si>
    <t>17AK0022</t>
  </si>
  <si>
    <t>17BF0085</t>
  </si>
  <si>
    <t>17BD0090</t>
  </si>
  <si>
    <t>アルビス　アピア店</t>
  </si>
  <si>
    <t>稲荷元町</t>
  </si>
  <si>
    <t>2-11-1</t>
  </si>
  <si>
    <t>23AE0020</t>
  </si>
  <si>
    <t>23BF0004</t>
  </si>
  <si>
    <t>23BD0009</t>
  </si>
  <si>
    <t>アルビス　グリーンモール店</t>
  </si>
  <si>
    <t>山室</t>
  </si>
  <si>
    <t>226-2</t>
  </si>
  <si>
    <t>24AE0001</t>
  </si>
  <si>
    <t>21BF0004</t>
  </si>
  <si>
    <t>21BD0006</t>
  </si>
  <si>
    <t>19AE0033</t>
  </si>
  <si>
    <t>19BF0044</t>
  </si>
  <si>
    <t>アルビス　奥田店</t>
  </si>
  <si>
    <t>下新本町</t>
  </si>
  <si>
    <t>138-3</t>
  </si>
  <si>
    <t>24AK0006</t>
  </si>
  <si>
    <t>24BF0010</t>
  </si>
  <si>
    <t>24BD0013</t>
  </si>
  <si>
    <t>アルビス　経堂店</t>
  </si>
  <si>
    <t>経堂一丁目</t>
  </si>
  <si>
    <t>251</t>
  </si>
  <si>
    <t>24AK0001</t>
  </si>
  <si>
    <t>24BF0001</t>
  </si>
  <si>
    <t>24BD0002</t>
  </si>
  <si>
    <t>アルビス　呉羽東店</t>
  </si>
  <si>
    <t>呉羽町</t>
  </si>
  <si>
    <t>7026</t>
  </si>
  <si>
    <t>23AK0021</t>
  </si>
  <si>
    <t>23BF0016</t>
  </si>
  <si>
    <t>23BD0018</t>
  </si>
  <si>
    <t>アルビス　呉羽本郷店</t>
  </si>
  <si>
    <t>本郷東</t>
  </si>
  <si>
    <t>2459-7</t>
  </si>
  <si>
    <t>19AE0051</t>
  </si>
  <si>
    <t>19BF0069</t>
  </si>
  <si>
    <t>21BD0052</t>
  </si>
  <si>
    <t>アルビス　高原町店</t>
  </si>
  <si>
    <t>中川原</t>
  </si>
  <si>
    <t>65-6</t>
  </si>
  <si>
    <t>23AE0006</t>
  </si>
  <si>
    <t>23BF0002</t>
  </si>
  <si>
    <t>23BD0002</t>
  </si>
  <si>
    <t>アルビス　新庄店</t>
  </si>
  <si>
    <t>新庄銀座</t>
  </si>
  <si>
    <t>19AE0021</t>
  </si>
  <si>
    <t>19BF0036</t>
  </si>
  <si>
    <t>18BD0058</t>
  </si>
  <si>
    <t>アルビス　大久保店</t>
  </si>
  <si>
    <t>下大久保</t>
  </si>
  <si>
    <t>263-1</t>
  </si>
  <si>
    <t>18AE0061</t>
  </si>
  <si>
    <t>18BF0071</t>
  </si>
  <si>
    <t>21BD0053</t>
  </si>
  <si>
    <t>アルビス　八尾店</t>
  </si>
  <si>
    <t>八尾町井田</t>
  </si>
  <si>
    <t>580-1</t>
  </si>
  <si>
    <t>19AE0058</t>
  </si>
  <si>
    <t>19BF0073</t>
  </si>
  <si>
    <t>21BD0013</t>
  </si>
  <si>
    <t>アルビス　布瀬店</t>
  </si>
  <si>
    <t>布瀬町南一丁目</t>
  </si>
  <si>
    <t>6-5</t>
  </si>
  <si>
    <t>23AE0007</t>
  </si>
  <si>
    <t>23BF0003</t>
  </si>
  <si>
    <t>23BD0003</t>
  </si>
  <si>
    <t>アルビス　羽根店</t>
  </si>
  <si>
    <t>羽根</t>
  </si>
  <si>
    <t>1292-1</t>
  </si>
  <si>
    <t>22AK0026</t>
  </si>
  <si>
    <t>22BF0024</t>
  </si>
  <si>
    <t>22BD0041</t>
  </si>
  <si>
    <t>株式会社日本ヒュウマップ</t>
  </si>
  <si>
    <t>荒川区</t>
  </si>
  <si>
    <t>西日暮里</t>
  </si>
  <si>
    <t>5丁目15番7</t>
  </si>
  <si>
    <t>めん六や　富山南店</t>
  </si>
  <si>
    <t>７７８－１</t>
  </si>
  <si>
    <t>21AA0177</t>
  </si>
  <si>
    <t>スターバックスコーヒージャパン株式会社</t>
  </si>
  <si>
    <t>品川区</t>
  </si>
  <si>
    <t>上大崎</t>
  </si>
  <si>
    <t>2-25-2</t>
  </si>
  <si>
    <t>スターバックスコーヒー富山天正寺店</t>
  </si>
  <si>
    <t>天正寺</t>
  </si>
  <si>
    <t>1125</t>
  </si>
  <si>
    <t>76</t>
  </si>
  <si>
    <t>23AJ0055</t>
  </si>
  <si>
    <t>スターバックスコーヒー　富山マルート店</t>
  </si>
  <si>
    <t>明輪町</t>
  </si>
  <si>
    <t>1-231</t>
  </si>
  <si>
    <t>マルート　１階</t>
  </si>
  <si>
    <t>22AJ0011</t>
  </si>
  <si>
    <t>スターバックスコーヒー　富山ファボーレ店</t>
  </si>
  <si>
    <t>婦中町下轡田</t>
  </si>
  <si>
    <t>165-1</t>
  </si>
  <si>
    <t>ファボーレ　１F</t>
  </si>
  <si>
    <t>22AJ0069</t>
  </si>
  <si>
    <t>株式会社ティー・エフ・ピー</t>
  </si>
  <si>
    <t>愛知県</t>
  </si>
  <si>
    <t>小牧市</t>
  </si>
  <si>
    <t>小木東二丁目</t>
  </si>
  <si>
    <t>121番地2</t>
  </si>
  <si>
    <t>うめばち　ふちゅう</t>
  </si>
  <si>
    <t>婦中町蔵島</t>
  </si>
  <si>
    <t>1058-2</t>
  </si>
  <si>
    <t>介護施設うめばちふちゅう１F</t>
  </si>
  <si>
    <t>22AA0157</t>
  </si>
  <si>
    <t>株式会社バロー</t>
  </si>
  <si>
    <t>21</t>
  </si>
  <si>
    <t>岐阜県</t>
  </si>
  <si>
    <t>多治見市</t>
  </si>
  <si>
    <t>大針町</t>
  </si>
  <si>
    <t>661-1</t>
  </si>
  <si>
    <t>バロー　黒瀬店</t>
  </si>
  <si>
    <t>黒瀬</t>
  </si>
  <si>
    <t>４７０－２</t>
  </si>
  <si>
    <t>22AK0004</t>
  </si>
  <si>
    <t>22BD0005</t>
  </si>
  <si>
    <t>22BF0003</t>
  </si>
  <si>
    <t>22CA0019</t>
  </si>
  <si>
    <t>有限会社大場養蜂園</t>
  </si>
  <si>
    <t>新庄町</t>
  </si>
  <si>
    <t>1-17-33</t>
  </si>
  <si>
    <t>有限会社大場養蜂園　カフェ38</t>
  </si>
  <si>
    <t>花園町1-1-32</t>
  </si>
  <si>
    <t>22AJ0090</t>
  </si>
  <si>
    <t>22CA0088</t>
  </si>
  <si>
    <t>ユニー株式会社</t>
  </si>
  <si>
    <t>稲沢市</t>
  </si>
  <si>
    <t>天池五反田町</t>
  </si>
  <si>
    <t>1番地</t>
  </si>
  <si>
    <t>アピタ富山店</t>
  </si>
  <si>
    <t>上袋</t>
  </si>
  <si>
    <t>100番68</t>
  </si>
  <si>
    <t>22AK0005</t>
  </si>
  <si>
    <t>22BD0006</t>
  </si>
  <si>
    <t>22BF0004</t>
  </si>
  <si>
    <t>アピタ富山東店</t>
  </si>
  <si>
    <t>上冨居三丁目</t>
  </si>
  <si>
    <t>８－３８</t>
  </si>
  <si>
    <t>22AK0008</t>
  </si>
  <si>
    <t>22BF0007</t>
  </si>
  <si>
    <t>22BD0012</t>
  </si>
  <si>
    <t>ピアゴ富山西町店</t>
  </si>
  <si>
    <t>上本町</t>
  </si>
  <si>
    <t>２番１７号</t>
  </si>
  <si>
    <t>23BD0016</t>
  </si>
  <si>
    <t>株式会社アントステラ</t>
  </si>
  <si>
    <t>白金台</t>
  </si>
  <si>
    <t>五丁目２２番１２号</t>
  </si>
  <si>
    <t>ステラおばさんのクッキー　富山マルート</t>
  </si>
  <si>
    <t>１－２３１　1階</t>
  </si>
  <si>
    <t>マルート</t>
  </si>
  <si>
    <t>22CA0028</t>
  </si>
  <si>
    <t>有限会社シーフード北陸</t>
  </si>
  <si>
    <t>大泉東町１丁目１０番地６</t>
  </si>
  <si>
    <t>魚広　マルート店</t>
  </si>
  <si>
    <t>マルート１Ｆ</t>
  </si>
  <si>
    <t>22AA0025</t>
  </si>
  <si>
    <t>22BD0011</t>
  </si>
  <si>
    <t>順風屋</t>
  </si>
  <si>
    <t>内幸町</t>
  </si>
  <si>
    <t>３－２２</t>
  </si>
  <si>
    <t>高橋ビル１Ｆ</t>
  </si>
  <si>
    <t>19AE0067</t>
  </si>
  <si>
    <t>20BD0055</t>
  </si>
  <si>
    <t>Ｏｈａｎａ</t>
  </si>
  <si>
    <t>新富町一丁目</t>
  </si>
  <si>
    <t>３ー９</t>
  </si>
  <si>
    <t>駅前プラザビル１Ｆ</t>
  </si>
  <si>
    <t>18AI0202</t>
  </si>
  <si>
    <t>カネ美食品株式会社</t>
  </si>
  <si>
    <t>名古屋市緑区</t>
  </si>
  <si>
    <t>徳重</t>
  </si>
  <si>
    <t>三丁目107番地</t>
  </si>
  <si>
    <t>カネ美食品㈱富山西町店</t>
  </si>
  <si>
    <t>2-17</t>
  </si>
  <si>
    <t>ピアゴ富山西町店内</t>
  </si>
  <si>
    <t>24CA0042</t>
  </si>
  <si>
    <t>カネ美食品㈱　アピタ富山店</t>
  </si>
  <si>
    <t>100-68</t>
  </si>
  <si>
    <t>アピタ富山店内</t>
  </si>
  <si>
    <t>22AE0015</t>
  </si>
  <si>
    <t>株式会社大阪屋ショップ</t>
  </si>
  <si>
    <t>赤田</t>
  </si>
  <si>
    <t>487番地1</t>
  </si>
  <si>
    <t>大阪屋ショップ城川原店</t>
  </si>
  <si>
    <t>城川原</t>
  </si>
  <si>
    <t>3丁目5番75号</t>
  </si>
  <si>
    <t>21AE0028</t>
  </si>
  <si>
    <t>21BF0045</t>
  </si>
  <si>
    <t>21CA0035</t>
  </si>
  <si>
    <t>大阪屋ショップ粟島店</t>
  </si>
  <si>
    <t>粟島町</t>
  </si>
  <si>
    <t>3丁目21-37</t>
  </si>
  <si>
    <t>22AE0023</t>
  </si>
  <si>
    <t>21BF0046</t>
  </si>
  <si>
    <t>大阪屋ショップ　下堀店</t>
  </si>
  <si>
    <t>下堀</t>
  </si>
  <si>
    <t>56</t>
  </si>
  <si>
    <t>19AK0018</t>
  </si>
  <si>
    <t>19BF0087</t>
  </si>
  <si>
    <t>19CA0100</t>
  </si>
  <si>
    <t>大阪屋ショップ　藤木店</t>
  </si>
  <si>
    <t>開</t>
  </si>
  <si>
    <t>592</t>
  </si>
  <si>
    <t>24AE0005</t>
  </si>
  <si>
    <t>24BF0004</t>
  </si>
  <si>
    <t>19CA0006</t>
  </si>
  <si>
    <t>大阪屋ショップ　五福店</t>
  </si>
  <si>
    <t>3区5160</t>
  </si>
  <si>
    <t>21AK0006</t>
  </si>
  <si>
    <t>21BF0040</t>
  </si>
  <si>
    <t>21CA0026</t>
  </si>
  <si>
    <t>大阪屋ショップ　秋吉店</t>
  </si>
  <si>
    <t>秋吉</t>
  </si>
  <si>
    <t>151-1</t>
  </si>
  <si>
    <t>18AE0065</t>
  </si>
  <si>
    <t>18BF0077</t>
  </si>
  <si>
    <t>18CA0061</t>
  </si>
  <si>
    <t>大阪屋ショップ　上飯野店</t>
  </si>
  <si>
    <t>上飯野</t>
  </si>
  <si>
    <t>31番１</t>
  </si>
  <si>
    <t>23AE0022</t>
  </si>
  <si>
    <t>23BF0005</t>
  </si>
  <si>
    <t>23CA0036</t>
  </si>
  <si>
    <t>大阪屋ショップ　新庄店</t>
  </si>
  <si>
    <t>新庄町三丁目</t>
  </si>
  <si>
    <t>6-50</t>
  </si>
  <si>
    <t>19AK0005</t>
  </si>
  <si>
    <t>19BF0015</t>
  </si>
  <si>
    <t>19CA0015</t>
  </si>
  <si>
    <t>大阪屋ショップ　赤田店</t>
  </si>
  <si>
    <t>745</t>
  </si>
  <si>
    <t>24AE0006</t>
  </si>
  <si>
    <t>22BF0005</t>
  </si>
  <si>
    <t>19CA0004</t>
  </si>
  <si>
    <t>大阪屋ショップ　太郎丸店</t>
  </si>
  <si>
    <t>太郎丸本町三丁目</t>
  </si>
  <si>
    <t>6-14</t>
  </si>
  <si>
    <t>24AE0004</t>
  </si>
  <si>
    <t>24BF0003</t>
  </si>
  <si>
    <t>19CA0002</t>
  </si>
  <si>
    <t>大阪屋ショップ　豊田店</t>
  </si>
  <si>
    <t>豊田町一丁目</t>
  </si>
  <si>
    <t>4-40</t>
  </si>
  <si>
    <t>20AK0020</t>
  </si>
  <si>
    <t>20BF0098</t>
  </si>
  <si>
    <t>20CA0093</t>
  </si>
  <si>
    <t>大阪屋ショップ　北新町店</t>
  </si>
  <si>
    <t>北新町一丁目</t>
  </si>
  <si>
    <t>3-1</t>
  </si>
  <si>
    <t>21AE0015</t>
  </si>
  <si>
    <t>21BF0033</t>
  </si>
  <si>
    <t>21CA0019</t>
  </si>
  <si>
    <t>大阪屋ショップ　呉羽店</t>
  </si>
  <si>
    <t>北二ツ屋字万田割</t>
  </si>
  <si>
    <t>143</t>
  </si>
  <si>
    <t>21AE0049</t>
  </si>
  <si>
    <t>21BF0055</t>
  </si>
  <si>
    <t>18CA0083</t>
  </si>
  <si>
    <t>大阪屋ショップ　本郷南店</t>
  </si>
  <si>
    <t>本郷町</t>
  </si>
  <si>
    <t>75-1</t>
  </si>
  <si>
    <t>22AE0009</t>
  </si>
  <si>
    <t>22BF0006</t>
  </si>
  <si>
    <t>24CA0012</t>
  </si>
  <si>
    <t>大阪屋ショップ月岡店</t>
  </si>
  <si>
    <t>月岡町六丁目</t>
  </si>
  <si>
    <t>708</t>
  </si>
  <si>
    <t>24AK0002</t>
  </si>
  <si>
    <t>24BF0002</t>
  </si>
  <si>
    <t>大阪屋ショップキャロット１店</t>
  </si>
  <si>
    <t>2513-1</t>
  </si>
  <si>
    <t>20AE0066</t>
  </si>
  <si>
    <t>19BF0072</t>
  </si>
  <si>
    <t>大阪屋ショップ大沢野店</t>
  </si>
  <si>
    <t>高内</t>
  </si>
  <si>
    <t>401</t>
  </si>
  <si>
    <t>19AE0056</t>
  </si>
  <si>
    <t>大阪屋ショップ　婦中店</t>
  </si>
  <si>
    <t>婦中町板倉</t>
  </si>
  <si>
    <t>455-1</t>
  </si>
  <si>
    <t>21AE0058</t>
  </si>
  <si>
    <t>21BF0056</t>
  </si>
  <si>
    <t>18CA0068</t>
  </si>
  <si>
    <t>大阪屋ショップ　大沢野店</t>
  </si>
  <si>
    <t>22BF0022</t>
  </si>
  <si>
    <t>ワタミ株式会社</t>
  </si>
  <si>
    <t>大田区</t>
  </si>
  <si>
    <t>羽田１丁目１番３号</t>
  </si>
  <si>
    <t>旨唐揚げと居酒メシ　ミライザカ富山駅前店</t>
  </si>
  <si>
    <t>新富町</t>
  </si>
  <si>
    <t>1-4-11</t>
  </si>
  <si>
    <t>トミリョウビル1F</t>
  </si>
  <si>
    <t>23AI0154</t>
  </si>
  <si>
    <t>株式会社コーシン</t>
  </si>
  <si>
    <t>17</t>
  </si>
  <si>
    <t>石川県</t>
  </si>
  <si>
    <t>野々市市</t>
  </si>
  <si>
    <t>押野２丁目２１６番地</t>
  </si>
  <si>
    <t>オーシャンゴルフクラブ１Ｆ</t>
  </si>
  <si>
    <t>オーシャンゴルフクラブ</t>
  </si>
  <si>
    <t>下冨居</t>
  </si>
  <si>
    <t>１－３－４０</t>
  </si>
  <si>
    <t>② 調理機能を有する自動販売機（要許可）</t>
  </si>
  <si>
    <t>23ED0001</t>
  </si>
  <si>
    <t>オーシャンゴルフクラブ２Ｆ</t>
  </si>
  <si>
    <t>23ED0002</t>
  </si>
  <si>
    <t>富山競輪場　守衛口正面</t>
  </si>
  <si>
    <t>岩瀬池田町</t>
  </si>
  <si>
    <t>8-2</t>
  </si>
  <si>
    <t>23ED0004</t>
  </si>
  <si>
    <t>富山競輪場　1F車券売り場外</t>
  </si>
  <si>
    <t>23ED0003</t>
  </si>
  <si>
    <t>道の駅　細入</t>
  </si>
  <si>
    <t>片掛</t>
  </si>
  <si>
    <t>3-5</t>
  </si>
  <si>
    <t>581</t>
  </si>
  <si>
    <t>自動販売機</t>
  </si>
  <si>
    <t>23ED0006</t>
  </si>
  <si>
    <t>有限会社吉田トレーディング</t>
  </si>
  <si>
    <t>八尾町黒田</t>
  </si>
  <si>
    <t>5318</t>
  </si>
  <si>
    <t>まんま</t>
  </si>
  <si>
    <t>向新庄町四丁目</t>
  </si>
  <si>
    <t>２－１１</t>
  </si>
  <si>
    <t>21AA0111</t>
  </si>
  <si>
    <t>株式会社ひがしやま</t>
  </si>
  <si>
    <t>宮城県</t>
  </si>
  <si>
    <t>仙台市青葉区</t>
  </si>
  <si>
    <t>中央２丁目１０番３０号仙台明芳ビル６Ｆ</t>
  </si>
  <si>
    <t>炭焼牛たん東山　富山MAROOT店</t>
  </si>
  <si>
    <t>MAROOT4階</t>
  </si>
  <si>
    <t>22AI0021</t>
  </si>
  <si>
    <t>ジーピースタッフ株式会社</t>
  </si>
  <si>
    <t>33</t>
  </si>
  <si>
    <t>岡山県</t>
  </si>
  <si>
    <t>倉敷市</t>
  </si>
  <si>
    <t>藤戸町天城１７－２</t>
  </si>
  <si>
    <t>William's Banana　富山店</t>
  </si>
  <si>
    <t>1929</t>
  </si>
  <si>
    <t>21AJ0039</t>
  </si>
  <si>
    <t>婦中町余川</t>
  </si>
  <si>
    <t>２８３</t>
  </si>
  <si>
    <t>ラーメンハウス　ヤマチャン</t>
  </si>
  <si>
    <t>21AD0015</t>
  </si>
  <si>
    <t>株式会社オフショア</t>
  </si>
  <si>
    <t>茶屋町</t>
  </si>
  <si>
    <t>570-1</t>
  </si>
  <si>
    <t>マクドナルド　８号線　田尻店</t>
  </si>
  <si>
    <t>田尻南</t>
  </si>
  <si>
    <t>100</t>
  </si>
  <si>
    <t>21AJ0032</t>
  </si>
  <si>
    <t>株式会社　桶川住吉商店</t>
  </si>
  <si>
    <t>金沢市</t>
  </si>
  <si>
    <t>北町</t>
  </si>
  <si>
    <t>丁56-1</t>
  </si>
  <si>
    <t>鳥さく</t>
  </si>
  <si>
    <t>１６５−１</t>
  </si>
  <si>
    <t>フューチャーシティ ファボーレ</t>
  </si>
  <si>
    <t>21AA0166</t>
  </si>
  <si>
    <t>特定非営利活動法人里山倶楽部</t>
  </si>
  <si>
    <t>太田口通り一丁目</t>
  </si>
  <si>
    <t>6-24</t>
  </si>
  <si>
    <t>食堂nogi</t>
  </si>
  <si>
    <t>開ヶ丘</t>
  </si>
  <si>
    <t>43-1</t>
  </si>
  <si>
    <t>21AA0142</t>
  </si>
  <si>
    <t>とんとんトン（飛騨４８０う８１１４）</t>
  </si>
  <si>
    <t>蜷川</t>
  </si>
  <si>
    <t>４５９－１</t>
  </si>
  <si>
    <t>21AM0015</t>
  </si>
  <si>
    <t>ありがトン（飛騨８００さ３５６９）</t>
  </si>
  <si>
    <t>23AM0040</t>
  </si>
  <si>
    <t>株式会社　ONE'S　HEART</t>
  </si>
  <si>
    <t>向新庄町７－１６－１８</t>
  </si>
  <si>
    <t>魚富</t>
  </si>
  <si>
    <t>新富町二丁目</t>
  </si>
  <si>
    <t>4-4</t>
  </si>
  <si>
    <t>井上ビル1，2F</t>
  </si>
  <si>
    <t>22AI0052</t>
  </si>
  <si>
    <t>井上ビル1,2F</t>
  </si>
  <si>
    <t>22BD0023</t>
  </si>
  <si>
    <t>かつきよ</t>
  </si>
  <si>
    <t>27番地</t>
  </si>
  <si>
    <t>23AA0041</t>
  </si>
  <si>
    <t>地魚地酒　うお清</t>
  </si>
  <si>
    <t>１－３－９</t>
  </si>
  <si>
    <t>24AI0049</t>
  </si>
  <si>
    <t>三室荒屋</t>
  </si>
  <si>
    <t>444-1</t>
  </si>
  <si>
    <t>麺家竜馬</t>
  </si>
  <si>
    <t>東老田</t>
  </si>
  <si>
    <t>1244-8</t>
  </si>
  <si>
    <t>22AD0048</t>
  </si>
  <si>
    <t>21CA0032</t>
  </si>
  <si>
    <t>一本木</t>
  </si>
  <si>
    <t>１４</t>
  </si>
  <si>
    <t>徳井</t>
  </si>
  <si>
    <t>㉙ 漬物製造業</t>
  </si>
  <si>
    <t>21CT0001</t>
  </si>
  <si>
    <t>有限会社　シーフード北陸</t>
  </si>
  <si>
    <t>大泉東町</t>
  </si>
  <si>
    <t>一丁目１０－６</t>
  </si>
  <si>
    <t>旬撰料理　順風満帆</t>
  </si>
  <si>
    <t>３－３</t>
  </si>
  <si>
    <t>ホテルルートイン富山駅前B1F</t>
  </si>
  <si>
    <t>21BD0046</t>
  </si>
  <si>
    <t>UDON　三助</t>
  </si>
  <si>
    <t>一丁目3-9</t>
  </si>
  <si>
    <t>駅前プラザビル1階</t>
  </si>
  <si>
    <t>22AD0055</t>
  </si>
  <si>
    <t>地魚屋　BISTRO la baie</t>
  </si>
  <si>
    <t>桜町</t>
  </si>
  <si>
    <t>2丁目2-24</t>
  </si>
  <si>
    <t>22AI0278</t>
  </si>
  <si>
    <t>タリーズコーヒージャパン株式会社</t>
  </si>
  <si>
    <t>新宿区</t>
  </si>
  <si>
    <t>箪笥町２２番地</t>
  </si>
  <si>
    <t>タリーズコーヒーSELECTきときと市場とやマルシェ店</t>
  </si>
  <si>
    <t>1番220号</t>
  </si>
  <si>
    <t>きときと市場とやマルシェ１F</t>
  </si>
  <si>
    <t>23AJ0111</t>
  </si>
  <si>
    <t>水落</t>
  </si>
  <si>
    <t>ファミリーマート　富山田尻店</t>
  </si>
  <si>
    <t>93-1</t>
  </si>
  <si>
    <t>20AN0024</t>
  </si>
  <si>
    <t>株式会社　ハチグラム</t>
  </si>
  <si>
    <t>善名</t>
  </si>
  <si>
    <t>360</t>
  </si>
  <si>
    <t>BOBBY'ｓ　CHEESE　CAKE</t>
  </si>
  <si>
    <t>21CA0033</t>
  </si>
  <si>
    <t>グッディーズキッチン（富山480を184）</t>
  </si>
  <si>
    <t>459-1</t>
  </si>
  <si>
    <t>24AM0003</t>
  </si>
  <si>
    <t>太郎丸本町一丁目</t>
  </si>
  <si>
    <t>３－４</t>
  </si>
  <si>
    <t>太郎丸本舗</t>
  </si>
  <si>
    <t>21AJ0031</t>
  </si>
  <si>
    <t>ボルカノ菜園バル　駅前店</t>
  </si>
  <si>
    <t>３－１１</t>
  </si>
  <si>
    <t>ＡＩビル　１Ｆ</t>
  </si>
  <si>
    <t>21AA0110</t>
  </si>
  <si>
    <t>富山小林製薬株式会社</t>
  </si>
  <si>
    <t>中大久保</t>
  </si>
  <si>
    <t>100-1</t>
  </si>
  <si>
    <t>24CA0039</t>
  </si>
  <si>
    <t>株式会社モンテローザフーズ</t>
  </si>
  <si>
    <t>歌舞伎町</t>
  </si>
  <si>
    <t>一丁目２１番１号</t>
  </si>
  <si>
    <t>居楽屋　白木屋</t>
  </si>
  <si>
    <t>一丁目2番3号</t>
  </si>
  <si>
    <t>　CIC　地下1階</t>
  </si>
  <si>
    <t>24AI0085</t>
  </si>
  <si>
    <t>株式会社むすんでひらいて</t>
  </si>
  <si>
    <t>福岡県</t>
  </si>
  <si>
    <t>糟屋郡新宮町</t>
  </si>
  <si>
    <t>下府</t>
  </si>
  <si>
    <t>二丁目12番地24号</t>
  </si>
  <si>
    <t>むすんでひらいて婦中店</t>
  </si>
  <si>
    <t>婦中町宮ケ島</t>
  </si>
  <si>
    <t>315</t>
  </si>
  <si>
    <t>21CC0014</t>
  </si>
  <si>
    <t>むすんでひらいて　岩瀬東店</t>
  </si>
  <si>
    <t>中田一丁目</t>
  </si>
  <si>
    <t>111-1</t>
  </si>
  <si>
    <t>21AE0021</t>
  </si>
  <si>
    <t>むすんでひらいて八尾南店</t>
  </si>
  <si>
    <t>4948番地３</t>
  </si>
  <si>
    <t>21CC0016</t>
  </si>
  <si>
    <t>むすんでひらいて岩瀬東店</t>
  </si>
  <si>
    <t>中田</t>
  </si>
  <si>
    <t>1丁目111-1</t>
  </si>
  <si>
    <t>21CC0015</t>
  </si>
  <si>
    <t>むすんでひらいて　四方店</t>
  </si>
  <si>
    <t>四方荒屋</t>
  </si>
  <si>
    <t xml:space="preserve">1463番地 </t>
  </si>
  <si>
    <t>クスリのアオキ四方店内</t>
  </si>
  <si>
    <t>23AE0032</t>
  </si>
  <si>
    <t>フルタフーズ株式会社</t>
  </si>
  <si>
    <t>西二俣</t>
  </si>
  <si>
    <t>335</t>
  </si>
  <si>
    <t>フルタフーズ株式会社　富山工場</t>
  </si>
  <si>
    <t>上冨居</t>
  </si>
  <si>
    <t>1丁目5番8号</t>
  </si>
  <si>
    <t>28</t>
  </si>
  <si>
    <t>㉘ 複合型冷凍食品製造業</t>
  </si>
  <si>
    <t>23FB0001</t>
  </si>
  <si>
    <t>株式会社鎌倉パスタ</t>
  </si>
  <si>
    <t>岡山市北区</t>
  </si>
  <si>
    <t>平田１７３番地１０４</t>
  </si>
  <si>
    <t>鎌倉パスタ　富山マルート店</t>
  </si>
  <si>
    <t>1番231号</t>
  </si>
  <si>
    <t>富山マルート4F</t>
  </si>
  <si>
    <t>22AA0169</t>
  </si>
  <si>
    <t>第一薬品工業　株式会社</t>
  </si>
  <si>
    <t>草島</t>
  </si>
  <si>
    <t>15-1</t>
  </si>
  <si>
    <t>第一薬品工業  株式会社</t>
  </si>
  <si>
    <t>21CI0003</t>
  </si>
  <si>
    <t>かね久饂飩　株式会社</t>
  </si>
  <si>
    <t>針原中町</t>
  </si>
  <si>
    <t>835</t>
  </si>
  <si>
    <t>かね久　針原店</t>
  </si>
  <si>
    <t>21AD0017</t>
  </si>
  <si>
    <t>犬島</t>
  </si>
  <si>
    <t>ワイルドベリー</t>
  </si>
  <si>
    <t>犬島二丁目</t>
  </si>
  <si>
    <t>1-26</t>
  </si>
  <si>
    <t>21AJ0030</t>
  </si>
  <si>
    <t>ラーメン　特一</t>
  </si>
  <si>
    <t>粟島町3丁目</t>
  </si>
  <si>
    <t>４－１</t>
  </si>
  <si>
    <t>21AD0016</t>
  </si>
  <si>
    <t>東町</t>
  </si>
  <si>
    <t>シャイン　スピリット</t>
  </si>
  <si>
    <t>館出町</t>
  </si>
  <si>
    <t>二丁目1-2</t>
  </si>
  <si>
    <t>福一第二ビル2F</t>
  </si>
  <si>
    <t>21AI0117</t>
  </si>
  <si>
    <t>フォーティエイト</t>
  </si>
  <si>
    <t>総曲輪一丁目</t>
  </si>
  <si>
    <t>1-5</t>
  </si>
  <si>
    <t>サンバードビル　2F</t>
  </si>
  <si>
    <t>21AI0116</t>
  </si>
  <si>
    <t>有限会社香保里食堂</t>
  </si>
  <si>
    <t>清水元町</t>
  </si>
  <si>
    <t>1-6</t>
  </si>
  <si>
    <t>（有）香保里食堂</t>
  </si>
  <si>
    <t>新桜町</t>
  </si>
  <si>
    <t>7-38</t>
  </si>
  <si>
    <t>21AA0112</t>
  </si>
  <si>
    <t>株式会社すかいらーくレストランツ</t>
  </si>
  <si>
    <t>武蔵野市</t>
  </si>
  <si>
    <t>西久保１丁目２５番８号</t>
  </si>
  <si>
    <t>むさしの森珈琲 富山経堂店</t>
  </si>
  <si>
    <t>経堂</t>
  </si>
  <si>
    <t>４丁目１３－１３</t>
  </si>
  <si>
    <t>23AA0048</t>
  </si>
  <si>
    <t>ガスト　富山空港通店</t>
  </si>
  <si>
    <t>二口町</t>
  </si>
  <si>
    <t>５丁目１０－４</t>
  </si>
  <si>
    <t>24AA0023</t>
  </si>
  <si>
    <t>しゃぶ葉富山中島店</t>
  </si>
  <si>
    <t>中島三丁目</t>
  </si>
  <si>
    <t>７－２５</t>
  </si>
  <si>
    <t>食堂</t>
  </si>
  <si>
    <t>22AA0072</t>
  </si>
  <si>
    <t>滑川市</t>
  </si>
  <si>
    <t>菰原</t>
  </si>
  <si>
    <t>カフェ　ＳＵＺＵ</t>
  </si>
  <si>
    <t>町袋</t>
  </si>
  <si>
    <t>340</t>
  </si>
  <si>
    <t>21CA0034</t>
  </si>
  <si>
    <t>株式会社平和堂</t>
  </si>
  <si>
    <t>滋賀県</t>
  </si>
  <si>
    <t>彦根市</t>
  </si>
  <si>
    <t>西今町</t>
  </si>
  <si>
    <t>株式会社平和堂　アル・プラザ富山</t>
  </si>
  <si>
    <t>１６５－１</t>
  </si>
  <si>
    <t>22CA0072</t>
  </si>
  <si>
    <t>22CA0073</t>
  </si>
  <si>
    <t>平和堂　アル・プラザ富山</t>
  </si>
  <si>
    <t>165番地の1</t>
  </si>
  <si>
    <t>ファボーレ1F</t>
  </si>
  <si>
    <t>23AJ0075</t>
  </si>
  <si>
    <t>合同会社　つぼみ</t>
  </si>
  <si>
    <t>丸の内一丁目</t>
  </si>
  <si>
    <t>５－８</t>
  </si>
  <si>
    <t>中華そば　つぼみ</t>
  </si>
  <si>
    <t>新庄北町</t>
  </si>
  <si>
    <t>１８－２４</t>
  </si>
  <si>
    <t>22AD0006</t>
  </si>
  <si>
    <t>㉔ 麺類製造業</t>
  </si>
  <si>
    <t>22CG0002</t>
  </si>
  <si>
    <t>株式会社　ＦＣＣ</t>
  </si>
  <si>
    <t>高岡市</t>
  </si>
  <si>
    <t>宮脇町</t>
  </si>
  <si>
    <t>１００３</t>
  </si>
  <si>
    <t>一伍一十問屋</t>
  </si>
  <si>
    <t>２－１７</t>
  </si>
  <si>
    <t>21BD0045</t>
  </si>
  <si>
    <t>おおみ食品</t>
  </si>
  <si>
    <t>水橋金尾新296-8</t>
  </si>
  <si>
    <t>21CC0009</t>
  </si>
  <si>
    <t>東中野町</t>
  </si>
  <si>
    <t>minami茶</t>
  </si>
  <si>
    <t>3-4-33</t>
  </si>
  <si>
    <t>ひつじビル1F</t>
  </si>
  <si>
    <t>21AJ0035</t>
  </si>
  <si>
    <t>23CA0121</t>
  </si>
  <si>
    <t>明治薬品株式会社</t>
  </si>
  <si>
    <t>三郷</t>
  </si>
  <si>
    <t>６番地</t>
  </si>
  <si>
    <t>明治薬品（株）富山南工場</t>
  </si>
  <si>
    <t>46</t>
  </si>
  <si>
    <t>22CI0002</t>
  </si>
  <si>
    <t>カンサプ株式会社</t>
  </si>
  <si>
    <t>福井県</t>
  </si>
  <si>
    <t>福井市</t>
  </si>
  <si>
    <t>運動公園１丁目１８０１番地３</t>
  </si>
  <si>
    <t>是・空　富山飯野店</t>
  </si>
  <si>
    <t>新屋</t>
  </si>
  <si>
    <t>4-1</t>
  </si>
  <si>
    <t>22AD0019</t>
  </si>
  <si>
    <t>是・空　富山呉羽店</t>
  </si>
  <si>
    <t>7279-1</t>
  </si>
  <si>
    <t>22AD0049</t>
  </si>
  <si>
    <t>岩本屋　富山呉羽本郷店</t>
  </si>
  <si>
    <t>本郷西部</t>
  </si>
  <si>
    <t>10番</t>
  </si>
  <si>
    <t>めん類</t>
  </si>
  <si>
    <t>23AD0041</t>
  </si>
  <si>
    <t>有限会社プライムワン</t>
  </si>
  <si>
    <t>柳町２丁目３番９号</t>
  </si>
  <si>
    <t>西町大喜　中島店</t>
  </si>
  <si>
    <t>7-14</t>
  </si>
  <si>
    <t>21AD0020</t>
  </si>
  <si>
    <t>串家物語富山ファボーレ店</t>
  </si>
  <si>
    <t>フューチャーシティーファボーレ1階</t>
  </si>
  <si>
    <t>21AI0144</t>
  </si>
  <si>
    <t>西町大喜　西町本店</t>
  </si>
  <si>
    <t>１－７</t>
  </si>
  <si>
    <t>22AD0022</t>
  </si>
  <si>
    <t>布目北</t>
  </si>
  <si>
    <t>63</t>
  </si>
  <si>
    <t>ハクレイ食品</t>
  </si>
  <si>
    <t>21AE0029</t>
  </si>
  <si>
    <t>高山市</t>
  </si>
  <si>
    <t>パーラーだるま（飛騨480え733）</t>
  </si>
  <si>
    <t>21AM0016</t>
  </si>
  <si>
    <t>下新川郡入善町</t>
  </si>
  <si>
    <t>URA</t>
  </si>
  <si>
    <t>２－３　　００８</t>
  </si>
  <si>
    <t>21AI0118</t>
  </si>
  <si>
    <t>株式会社　本久</t>
  </si>
  <si>
    <t>20</t>
  </si>
  <si>
    <t>長野県</t>
  </si>
  <si>
    <t>長野市</t>
  </si>
  <si>
    <t>桐原一丁目</t>
  </si>
  <si>
    <t>３－５</t>
  </si>
  <si>
    <t>韓丼　富山豊田店</t>
  </si>
  <si>
    <t>豊田町二丁目</t>
  </si>
  <si>
    <t>１０－４５</t>
  </si>
  <si>
    <t>21AA0114</t>
  </si>
  <si>
    <t>万さく新庄経堂店</t>
  </si>
  <si>
    <t>長江東町</t>
  </si>
  <si>
    <t>３－２０３</t>
  </si>
  <si>
    <t>22AA0037</t>
  </si>
  <si>
    <t>株式会社　けやき酒店</t>
  </si>
  <si>
    <t>水橋中村町</t>
  </si>
  <si>
    <t>１２１－８</t>
  </si>
  <si>
    <t>ローソン　水橋中村町店</t>
  </si>
  <si>
    <t>21AE0030</t>
  </si>
  <si>
    <t>株式会社　クローカス</t>
  </si>
  <si>
    <t>水橋二杉</t>
  </si>
  <si>
    <t>59-2</t>
  </si>
  <si>
    <t>クローカス食品</t>
  </si>
  <si>
    <t>今市</t>
  </si>
  <si>
    <t>560-5　Ｍ11</t>
  </si>
  <si>
    <t>21CC0011</t>
  </si>
  <si>
    <t>富山市農業協同組合</t>
  </si>
  <si>
    <t>吉岡466-1</t>
  </si>
  <si>
    <t>ＪＡ富山市まんなか市場</t>
  </si>
  <si>
    <t>堀川町212</t>
  </si>
  <si>
    <t>21CC0010</t>
  </si>
  <si>
    <t>21CT0002</t>
  </si>
  <si>
    <t>JA富山市まんなか市場</t>
  </si>
  <si>
    <t>堀川町</t>
  </si>
  <si>
    <t>212番地</t>
  </si>
  <si>
    <t>22AJ0063</t>
  </si>
  <si>
    <t>株式会社　ファイブスター</t>
  </si>
  <si>
    <t>松原町</t>
  </si>
  <si>
    <t>１８８０－５</t>
  </si>
  <si>
    <t>ココス　千代田店</t>
  </si>
  <si>
    <t>千代田町</t>
  </si>
  <si>
    <t>１－１０</t>
  </si>
  <si>
    <t>21AA0115</t>
  </si>
  <si>
    <t>居酒屋×Bar　VEGA</t>
  </si>
  <si>
    <t>２－２５－６０</t>
  </si>
  <si>
    <t>２Ｆ</t>
  </si>
  <si>
    <t>23AI0029</t>
  </si>
  <si>
    <t>ちびっこ　らーめん</t>
  </si>
  <si>
    <t>５－３</t>
  </si>
  <si>
    <t>丸満会館１Ｆ</t>
  </si>
  <si>
    <t>759</t>
  </si>
  <si>
    <t>21AD0019</t>
  </si>
  <si>
    <t>ｃａｆｅ　ｂａｒ　ｔｒａｆｆｉｃ</t>
  </si>
  <si>
    <t>4-2</t>
  </si>
  <si>
    <t>タウンＴＯＹＯ2Ｆ</t>
  </si>
  <si>
    <t>21AI0121</t>
  </si>
  <si>
    <t>株式会社　京料理あずま</t>
  </si>
  <si>
    <t>京都府</t>
  </si>
  <si>
    <t>京都市中京区</t>
  </si>
  <si>
    <t>西ノ京南大炊御門町</t>
  </si>
  <si>
    <t>10番地</t>
  </si>
  <si>
    <t>富山葬儀法要会館</t>
  </si>
  <si>
    <t>20-1</t>
  </si>
  <si>
    <t>21AA0117</t>
  </si>
  <si>
    <t>シティホール新庄</t>
  </si>
  <si>
    <t>1-9-47</t>
  </si>
  <si>
    <t>23AG0007</t>
  </si>
  <si>
    <t>明日ダイニング株式会社</t>
  </si>
  <si>
    <t>新根塚町２丁目９番１３号</t>
  </si>
  <si>
    <t>紅虎餃子房　ファボーレ店</t>
  </si>
  <si>
    <t>ファボーレ１F</t>
  </si>
  <si>
    <t>中華料理</t>
  </si>
  <si>
    <t>22AB0008</t>
  </si>
  <si>
    <t>野々上</t>
  </si>
  <si>
    <t>ギャラリー桜</t>
  </si>
  <si>
    <t>経田</t>
  </si>
  <si>
    <t>1257</t>
  </si>
  <si>
    <t>21BD0047</t>
  </si>
  <si>
    <t>合同会社ｚｏｏ</t>
  </si>
  <si>
    <t>大泉町二丁目</t>
  </si>
  <si>
    <t>4-16浜忠ビル１Ｆ</t>
  </si>
  <si>
    <t>ひつじ</t>
  </si>
  <si>
    <t>4-9-2</t>
  </si>
  <si>
    <t>23AJ0057</t>
  </si>
  <si>
    <t>金代</t>
  </si>
  <si>
    <t>JACK ROSE</t>
  </si>
  <si>
    <t>８－１２</t>
  </si>
  <si>
    <t>クリスタルビル３F</t>
  </si>
  <si>
    <t>21AI0120</t>
  </si>
  <si>
    <t>新川原町</t>
  </si>
  <si>
    <t>ビッグロック（富山480せ5477）</t>
  </si>
  <si>
    <t>21AM0017</t>
  </si>
  <si>
    <t>たべ呑みどころ　秋元</t>
  </si>
  <si>
    <t>八人町</t>
  </si>
  <si>
    <t>3-6</t>
  </si>
  <si>
    <t>タウンコテージ 101</t>
  </si>
  <si>
    <t>22AI0174</t>
  </si>
  <si>
    <t>上赤江町二丁目</t>
  </si>
  <si>
    <t>ゴールドカレー　富山豊田店</t>
  </si>
  <si>
    <t>12-21</t>
  </si>
  <si>
    <t>21AA0118</t>
  </si>
  <si>
    <t>株式会社フルールリブラン</t>
  </si>
  <si>
    <t>上飯野１番地の１</t>
  </si>
  <si>
    <t>㈱フルールリブラン　婦中店</t>
  </si>
  <si>
    <t>婦中町板倉391-1</t>
  </si>
  <si>
    <t>22AJ0076</t>
  </si>
  <si>
    <t>22CA0068</t>
  </si>
  <si>
    <t>ヴェルフヲンス</t>
  </si>
  <si>
    <t>1333</t>
  </si>
  <si>
    <t>22AJ0103</t>
  </si>
  <si>
    <t>22CA0098</t>
  </si>
  <si>
    <t>（株）フルールリブラン南本店</t>
  </si>
  <si>
    <t>黒瀬北町</t>
  </si>
  <si>
    <t>1-3-3</t>
  </si>
  <si>
    <t>24CA0005</t>
  </si>
  <si>
    <t>㈱フルールリブラン栄町総本店</t>
  </si>
  <si>
    <t>栄町</t>
  </si>
  <si>
    <t>2-1-5</t>
  </si>
  <si>
    <t>24CA0021</t>
  </si>
  <si>
    <t>株式会社　エーライン</t>
  </si>
  <si>
    <t>布瀬本町</t>
  </si>
  <si>
    <t>４－１２</t>
  </si>
  <si>
    <t>とんこつ　えびすこ</t>
  </si>
  <si>
    <t>アリスショッピングセンター１Ｆ</t>
  </si>
  <si>
    <t>21AD0021</t>
  </si>
  <si>
    <t>株式会社　ＡＺＺＵＲＲＩ</t>
  </si>
  <si>
    <t>桜町二丁目</t>
  </si>
  <si>
    <t>2-18　3Ｆ</t>
  </si>
  <si>
    <t>けむり</t>
  </si>
  <si>
    <t>4番25号</t>
  </si>
  <si>
    <t>カーニープレイス富山1Ｆ</t>
  </si>
  <si>
    <t>21AI0122</t>
  </si>
  <si>
    <t>有限会社　加賀八</t>
  </si>
  <si>
    <t>森三丁目</t>
  </si>
  <si>
    <t>６－１８</t>
  </si>
  <si>
    <t>12</t>
  </si>
  <si>
    <t>⑫ アイスクリーム類製造業</t>
  </si>
  <si>
    <t>21CD0008</t>
  </si>
  <si>
    <t>株式会社　文苑堂書店</t>
  </si>
  <si>
    <t>駅南</t>
  </si>
  <si>
    <t>5丁目2-20</t>
  </si>
  <si>
    <t>ドトールコーヒーショップ　TSUTAYA　BOOKSTORE　藤の木店</t>
  </si>
  <si>
    <t>1325</t>
  </si>
  <si>
    <t>21AJ0038</t>
  </si>
  <si>
    <t>ドトールコーヒーショップ　文苑堂富山豊田店</t>
  </si>
  <si>
    <t>8-14</t>
  </si>
  <si>
    <t>22AJ0052</t>
  </si>
  <si>
    <t>株式会社源</t>
  </si>
  <si>
    <t>南央町</t>
  </si>
  <si>
    <t>37-6</t>
  </si>
  <si>
    <t>株式会社　源　立山そば店</t>
  </si>
  <si>
    <t>1-227</t>
  </si>
  <si>
    <t>21AD0024</t>
  </si>
  <si>
    <t>株式会社　源　コンコースおむすび屋</t>
  </si>
  <si>
    <t>21AE0038</t>
  </si>
  <si>
    <t>㉗ 冷凍食品製造業</t>
  </si>
  <si>
    <t>21CV0001</t>
  </si>
  <si>
    <t>株式会社源　本社工場</t>
  </si>
  <si>
    <t>24CC0001</t>
  </si>
  <si>
    <t>24CG0001</t>
  </si>
  <si>
    <t>源　ますのすしミュージアム</t>
  </si>
  <si>
    <t>24AA0013</t>
  </si>
  <si>
    <t>株式会社サカナサケ</t>
  </si>
  <si>
    <t>新富町２丁目１番３号</t>
  </si>
  <si>
    <t>吟</t>
  </si>
  <si>
    <t>5-11</t>
  </si>
  <si>
    <t>新桜町ビルⅡ１F</t>
  </si>
  <si>
    <t>21AI0129</t>
  </si>
  <si>
    <t>ぎんぎょ伍式</t>
  </si>
  <si>
    <t>２丁目3-27</t>
  </si>
  <si>
    <t>開花ビル１Ｆ</t>
  </si>
  <si>
    <t>23AI0050</t>
  </si>
  <si>
    <t>浜黒崎</t>
  </si>
  <si>
    <t>873-2</t>
  </si>
  <si>
    <t>豊富鮮魚店</t>
  </si>
  <si>
    <t>21AE0031</t>
  </si>
  <si>
    <t>21BD0048</t>
  </si>
  <si>
    <t>有限会社シーアンドエス</t>
  </si>
  <si>
    <t>1083カワカミビル８F</t>
  </si>
  <si>
    <t>ローソン　富山下新本町店</t>
  </si>
  <si>
    <t>6-12</t>
  </si>
  <si>
    <t>21AN0026</t>
  </si>
  <si>
    <t>南砺市</t>
  </si>
  <si>
    <t>知心</t>
  </si>
  <si>
    <t>粟島町一丁目</t>
  </si>
  <si>
    <t>21-21</t>
  </si>
  <si>
    <t>21AI0123</t>
  </si>
  <si>
    <t>婦中町西本郷</t>
  </si>
  <si>
    <t>ａｎ’ｓ　ｋｉｔｃｈｅｎ</t>
  </si>
  <si>
    <t>婦中町速星</t>
  </si>
  <si>
    <t>724</t>
  </si>
  <si>
    <t>斉藤ビル２Ｆ</t>
  </si>
  <si>
    <t>21CC0012</t>
  </si>
  <si>
    <t>113-11</t>
  </si>
  <si>
    <t>ファミリーマート　富山秋吉店</t>
  </si>
  <si>
    <t>19AN0018</t>
  </si>
  <si>
    <t>ファミリーマート　富山鍋田店</t>
  </si>
  <si>
    <t>鍋田</t>
  </si>
  <si>
    <t>18-15</t>
  </si>
  <si>
    <t>24AN0020</t>
  </si>
  <si>
    <t>ファミリーマート　富山綾田町店</t>
  </si>
  <si>
    <t>綾田町一丁目</t>
  </si>
  <si>
    <t>49-1</t>
  </si>
  <si>
    <t>20AN0039</t>
  </si>
  <si>
    <t>ファミリーマート　富山上赤江店</t>
  </si>
  <si>
    <t>9-1</t>
  </si>
  <si>
    <t>21AN0019</t>
  </si>
  <si>
    <t>ファミリーマート　新根塚町二丁目店</t>
  </si>
  <si>
    <t>新根塚町二丁目</t>
  </si>
  <si>
    <t>23AN0003</t>
  </si>
  <si>
    <t>ファミリーマート　富山駅前店</t>
  </si>
  <si>
    <t>4-20</t>
  </si>
  <si>
    <t>23AN0012</t>
  </si>
  <si>
    <t>ファミリーマート　富山大町店</t>
  </si>
  <si>
    <t>大町</t>
  </si>
  <si>
    <t>19AE0026</t>
  </si>
  <si>
    <t>ファミリーマート　富山中田店</t>
  </si>
  <si>
    <t>11-13</t>
  </si>
  <si>
    <t>20AN0030</t>
  </si>
  <si>
    <t>ファミリーマート　富山稲荷町店</t>
  </si>
  <si>
    <t>稲荷町三丁目</t>
  </si>
  <si>
    <t>7-24</t>
  </si>
  <si>
    <t>21AN0042</t>
  </si>
  <si>
    <t>Vinakaコーポレーション　株式会社</t>
  </si>
  <si>
    <t>776-4</t>
  </si>
  <si>
    <t>宇奈とと　ファボーレ富山店</t>
  </si>
  <si>
    <t>フューチャーシティー　ファボーレ　1F</t>
  </si>
  <si>
    <t>21AA0120</t>
  </si>
  <si>
    <t>富金豚</t>
  </si>
  <si>
    <t>１－３２　４Ｆ</t>
  </si>
  <si>
    <t>22AA0035</t>
  </si>
  <si>
    <t>BLUE CAFE ORIENTAL</t>
  </si>
  <si>
    <t>牛島町</t>
  </si>
  <si>
    <t>９－２８</t>
  </si>
  <si>
    <t>オーバード・ホール２Ｆ</t>
  </si>
  <si>
    <t>22AJ0029</t>
  </si>
  <si>
    <t>株式会社　富山市民プラザ</t>
  </si>
  <si>
    <t>大手町</t>
  </si>
  <si>
    <t>6番14号</t>
  </si>
  <si>
    <t>地場もん屋　総本店</t>
  </si>
  <si>
    <t>総曲輪3丁目</t>
  </si>
  <si>
    <t>3-16</t>
  </si>
  <si>
    <t>総曲輪ウィズビル　1F</t>
  </si>
  <si>
    <t>21AA0119</t>
  </si>
  <si>
    <t>食堂　fil</t>
  </si>
  <si>
    <t>荒町</t>
  </si>
  <si>
    <t>5-5</t>
  </si>
  <si>
    <t>まちなか学生シェアハウス　fil 1F</t>
  </si>
  <si>
    <t>22AA0174</t>
  </si>
  <si>
    <t>とも</t>
  </si>
  <si>
    <t>八尾町東町</t>
  </si>
  <si>
    <t>2204番地</t>
  </si>
  <si>
    <t>21AJ0036</t>
  </si>
  <si>
    <t>KEBAB TIME（岐阜800そ216）</t>
  </si>
  <si>
    <t>23AM0034</t>
  </si>
  <si>
    <t>稲荷元町一丁目</t>
  </si>
  <si>
    <t>セブンペア</t>
  </si>
  <si>
    <t>下冨居一丁目</t>
  </si>
  <si>
    <t>8-20</t>
  </si>
  <si>
    <t>東洋第2ビル</t>
  </si>
  <si>
    <t>21AN0027</t>
  </si>
  <si>
    <t>国際観光興業　株式会社</t>
  </si>
  <si>
    <t>緑町二丁目</t>
  </si>
  <si>
    <t>ホテル　オアシス</t>
  </si>
  <si>
    <t>水橋小出</t>
  </si>
  <si>
    <t>995</t>
  </si>
  <si>
    <t>21AF0010</t>
  </si>
  <si>
    <t>株式会社　幸伸</t>
  </si>
  <si>
    <t>庵谷</t>
  </si>
  <si>
    <t>９９０</t>
  </si>
  <si>
    <t>ＨＡＰＰＹ　ＶＩＬＬＡＧＥ　７</t>
  </si>
  <si>
    <t>１０－１</t>
  </si>
  <si>
    <t>21AJ0037</t>
  </si>
  <si>
    <t>22CD0003</t>
  </si>
  <si>
    <t>有限会社　山藤商事</t>
  </si>
  <si>
    <t>月岡町</t>
  </si>
  <si>
    <t>7丁目２７０番地</t>
  </si>
  <si>
    <t>ファミリーマート　富山本町店</t>
  </si>
  <si>
    <t>本町</t>
  </si>
  <si>
    <t>7-2</t>
  </si>
  <si>
    <t>18AN0046</t>
  </si>
  <si>
    <t>ファミリーマート　富山金代店</t>
  </si>
  <si>
    <t>24-1</t>
  </si>
  <si>
    <t>22AN0005</t>
  </si>
  <si>
    <t>ファミリーマート　富山本郷店</t>
  </si>
  <si>
    <t>127-1</t>
  </si>
  <si>
    <t>21AN0005</t>
  </si>
  <si>
    <t>ファミリーマート　大山町田畠店</t>
  </si>
  <si>
    <t>田畠</t>
  </si>
  <si>
    <t>189-2</t>
  </si>
  <si>
    <t>18AN0058</t>
  </si>
  <si>
    <t>ファミリーマート　富山大久保店</t>
  </si>
  <si>
    <t>大久保</t>
  </si>
  <si>
    <t>2423-1</t>
  </si>
  <si>
    <t>23AN0027</t>
  </si>
  <si>
    <t>ファミリーマート富山月岡町店</t>
  </si>
  <si>
    <t>月岡町四丁目</t>
  </si>
  <si>
    <t>22番1</t>
  </si>
  <si>
    <t>23AN0005</t>
  </si>
  <si>
    <t>社会福祉法人　セーナー苑</t>
  </si>
  <si>
    <t>坂本</t>
  </si>
  <si>
    <t>3110</t>
  </si>
  <si>
    <t>地域生活サービス部　工房CoCo</t>
  </si>
  <si>
    <t>21AK0009</t>
  </si>
  <si>
    <t>霞　ジャスミン</t>
  </si>
  <si>
    <t>桜木町</t>
  </si>
  <si>
    <t>３－１８</t>
  </si>
  <si>
    <t>ティファニービル　１F</t>
  </si>
  <si>
    <t>21AI0125</t>
  </si>
  <si>
    <t>タンドール酒場　SAKURA　TAVERN</t>
  </si>
  <si>
    <t>1-12</t>
  </si>
  <si>
    <t>TSビル２F</t>
  </si>
  <si>
    <t>21AI0126</t>
  </si>
  <si>
    <t>西大沢</t>
  </si>
  <si>
    <t>クレール・キッチン</t>
  </si>
  <si>
    <t>上大久保</t>
  </si>
  <si>
    <t>1564-2</t>
  </si>
  <si>
    <t>21AI0127</t>
  </si>
  <si>
    <t>有限会社　日栄商事</t>
  </si>
  <si>
    <t>緑町二丁目3-5</t>
  </si>
  <si>
    <t>ホテル　サンセット</t>
  </si>
  <si>
    <t>町袋181-1</t>
  </si>
  <si>
    <t>21AF0011</t>
  </si>
  <si>
    <t>株式会社　ガラパゴス</t>
  </si>
  <si>
    <t>5436-1</t>
  </si>
  <si>
    <t>アウトドアバル　ガラパゴス</t>
  </si>
  <si>
    <t>1Ｆ</t>
  </si>
  <si>
    <t>21CA0036</t>
  </si>
  <si>
    <t>和食ティファニー</t>
  </si>
  <si>
    <t>18-7</t>
  </si>
  <si>
    <t>アーバンプレイス14Ｆ</t>
  </si>
  <si>
    <t>21AG0011</t>
  </si>
  <si>
    <t>金の鯛</t>
  </si>
  <si>
    <t>611番地の2</t>
  </si>
  <si>
    <t>21AN0028</t>
  </si>
  <si>
    <t>株式会社クスリのアオキ</t>
  </si>
  <si>
    <t>白山市</t>
  </si>
  <si>
    <t>松本町２５１２番地</t>
  </si>
  <si>
    <t>クスリのアオキ岩瀬東店</t>
  </si>
  <si>
    <t>一丁目2番30号</t>
  </si>
  <si>
    <t>22BD0026</t>
  </si>
  <si>
    <t>22CC0015</t>
  </si>
  <si>
    <t>クスリのアオキ四方店</t>
  </si>
  <si>
    <t>1463番地</t>
  </si>
  <si>
    <t>23BD0011</t>
  </si>
  <si>
    <t>23CA0072</t>
  </si>
  <si>
    <t>株式会社　ユニオン・ランチ</t>
  </si>
  <si>
    <t>向新庄町</t>
  </si>
  <si>
    <t>4-1-82</t>
  </si>
  <si>
    <t>(株)ユニオンランチ　バルチラジャパン営業所</t>
  </si>
  <si>
    <t>水橋中村</t>
  </si>
  <si>
    <t>７６１－１</t>
  </si>
  <si>
    <t>21AA0151</t>
  </si>
  <si>
    <t>（株）ユニオンランチ　不二越クラブ営業所</t>
  </si>
  <si>
    <t>東石金町</t>
  </si>
  <si>
    <t>11-17</t>
  </si>
  <si>
    <t>ナチ富山ドミトリー1F</t>
  </si>
  <si>
    <t>20AA0037</t>
  </si>
  <si>
    <t>（株）ユニオンランチ　森永北陸乳業営業所</t>
  </si>
  <si>
    <t>向新庄町八丁目</t>
  </si>
  <si>
    <t>3-45</t>
  </si>
  <si>
    <t>19AA0048</t>
  </si>
  <si>
    <t>田中エンジニアリング内　食堂</t>
  </si>
  <si>
    <t>向新庄町7-19-19</t>
  </si>
  <si>
    <t>田中エンジニアリング内２F食堂</t>
  </si>
  <si>
    <t>22AA0061</t>
  </si>
  <si>
    <t>（株）ユニオンランチ　石金精機営業所</t>
  </si>
  <si>
    <t>流杉</t>
  </si>
  <si>
    <t>255</t>
  </si>
  <si>
    <t>23AA0026</t>
  </si>
  <si>
    <t>（株）ユニオンランチ　ウィズキッズしながわ給食室</t>
  </si>
  <si>
    <t>千歳町三丁目</t>
  </si>
  <si>
    <t>7-31</t>
  </si>
  <si>
    <t>18AA0089</t>
  </si>
  <si>
    <t>朝日印刷（株）食堂</t>
  </si>
  <si>
    <t>492-2</t>
  </si>
  <si>
    <t>18AA0158</t>
  </si>
  <si>
    <t>（株）ユニオンランチ</t>
  </si>
  <si>
    <t>1-82</t>
  </si>
  <si>
    <t>24AE0008</t>
  </si>
  <si>
    <t>（株）ユニオンランチ　田中水橋営業所</t>
  </si>
  <si>
    <t>水橋伊勢屋</t>
  </si>
  <si>
    <t>150-1</t>
  </si>
  <si>
    <t>23AA0083</t>
  </si>
  <si>
    <t>（株）ユニオンランチ　紫幼稚園　給食室</t>
  </si>
  <si>
    <t>103-1</t>
  </si>
  <si>
    <t>19AA0190</t>
  </si>
  <si>
    <t>第一薬品工業（株）内食堂</t>
  </si>
  <si>
    <t>20AA0066</t>
  </si>
  <si>
    <t>（株）ユニオンランチ　田中精密　婦中営業所</t>
  </si>
  <si>
    <t>婦中町島田</t>
  </si>
  <si>
    <t>328</t>
  </si>
  <si>
    <t>20AA0121</t>
  </si>
  <si>
    <t>（株）ユニオンランチ　富山トヨタ営業所</t>
  </si>
  <si>
    <t>千歳町二丁目</t>
  </si>
  <si>
    <t>5-26</t>
  </si>
  <si>
    <t>20AA0123</t>
  </si>
  <si>
    <t>（株）ユニオンランチ　不二越工業営業所</t>
  </si>
  <si>
    <t>7-5</t>
  </si>
  <si>
    <t>21AA0034</t>
  </si>
  <si>
    <t>（株）ユニオンランチ　不二越東富山営業所</t>
  </si>
  <si>
    <t>米田町三丁目</t>
  </si>
  <si>
    <t>21AA0098</t>
  </si>
  <si>
    <t>医師会管理センター　食堂</t>
  </si>
  <si>
    <t>経堂四丁目</t>
  </si>
  <si>
    <t>1-36</t>
  </si>
  <si>
    <t>19AA0044</t>
  </si>
  <si>
    <t>株式会社ユニオンランチ　トヨタモビリティ富山Gスクエア五福店</t>
  </si>
  <si>
    <t>五福末広町</t>
  </si>
  <si>
    <t>1238番地</t>
  </si>
  <si>
    <t>23AA0087</t>
  </si>
  <si>
    <t>（株）ユニオンランチ 富山工業高校食堂</t>
  </si>
  <si>
    <t>２２３８番地</t>
  </si>
  <si>
    <t>23AA0120</t>
  </si>
  <si>
    <t>有限会社　さくらシステム</t>
  </si>
  <si>
    <t>入江三丁目</t>
  </si>
  <si>
    <t>98-2</t>
  </si>
  <si>
    <t>まごころ弁当　さくら富山店</t>
  </si>
  <si>
    <t>田畑</t>
  </si>
  <si>
    <t>240-4</t>
  </si>
  <si>
    <t>21AE0032</t>
  </si>
  <si>
    <t>水橋中馬場</t>
  </si>
  <si>
    <t>32-2</t>
  </si>
  <si>
    <t>オーヴェルジュ　トヤマ　鶏</t>
  </si>
  <si>
    <t>23AF0018</t>
  </si>
  <si>
    <t>cafe 162</t>
  </si>
  <si>
    <t>掛尾町</t>
  </si>
  <si>
    <t>500</t>
  </si>
  <si>
    <t>21AA0121</t>
  </si>
  <si>
    <t>有限会社　杉谷商店</t>
  </si>
  <si>
    <t>総曲輪三丁目</t>
  </si>
  <si>
    <t>２－１９</t>
  </si>
  <si>
    <t>豚屋ＢＬＡＣＫＤＲＥＡＭ</t>
  </si>
  <si>
    <t>21CC0013</t>
  </si>
  <si>
    <t>婦中町田島</t>
  </si>
  <si>
    <t>ＡＬＩＣＥ</t>
  </si>
  <si>
    <t>やま基ビル４Ｆ</t>
  </si>
  <si>
    <t>21AJ0040</t>
  </si>
  <si>
    <t>ｈａｓｈｔａｇ</t>
  </si>
  <si>
    <t>９－１</t>
  </si>
  <si>
    <t>オレンジビル２Ｆ</t>
  </si>
  <si>
    <t>22AI0036</t>
  </si>
  <si>
    <t>Cheers</t>
  </si>
  <si>
    <t>１－３－２２</t>
  </si>
  <si>
    <t>やま基ビル３F</t>
  </si>
  <si>
    <t>24AI0110</t>
  </si>
  <si>
    <t>八尾町杉田</t>
  </si>
  <si>
    <t>603</t>
  </si>
  <si>
    <t>4TUNE COFFEE</t>
  </si>
  <si>
    <t>21AJ0072</t>
  </si>
  <si>
    <t>株式会社ライブステージ</t>
  </si>
  <si>
    <t>諸江町中丁</t>
  </si>
  <si>
    <t>507-1</t>
  </si>
  <si>
    <t>LIVE　KITCHEN（金沢830す168）</t>
  </si>
  <si>
    <t>富山県富山市</t>
  </si>
  <si>
    <t>22AM0009</t>
  </si>
  <si>
    <t>月見町三丁目</t>
  </si>
  <si>
    <t>オープンセサミ</t>
  </si>
  <si>
    <t>21AE0033</t>
  </si>
  <si>
    <t>有限会社　はなと</t>
  </si>
  <si>
    <t>黒部市</t>
  </si>
  <si>
    <t>荻生</t>
  </si>
  <si>
    <t>5297</t>
  </si>
  <si>
    <t>やわらかとんかつ　かつ兵衛空港通り店</t>
  </si>
  <si>
    <t>二口町五丁目</t>
  </si>
  <si>
    <t>１－１</t>
  </si>
  <si>
    <t>22AA0031</t>
  </si>
  <si>
    <t>珈琲哲學　富山東店</t>
  </si>
  <si>
    <t>水橋大正</t>
  </si>
  <si>
    <t>280</t>
  </si>
  <si>
    <t>23AA0079</t>
  </si>
  <si>
    <t>とんかつ工房　かつ兵衛　ファボーレ店</t>
  </si>
  <si>
    <t>ファボーレ１階</t>
  </si>
  <si>
    <t>23AA0132</t>
  </si>
  <si>
    <t>株式会社ＴＯＫＹＯ　ＬＯＵＮＧＥ　ＩＮＴＥＲＮＡＴＩＯＮＡＬ</t>
  </si>
  <si>
    <t>渋谷区</t>
  </si>
  <si>
    <t>渋谷２丁目１２番１１号ＭＡＴＳＵＳＨＩＴＡ・ＢＬＤＧ．８Ｆ</t>
  </si>
  <si>
    <t>CENTRAL LOUNGE 5（江東800さ457）</t>
  </si>
  <si>
    <t>23AM0007</t>
  </si>
  <si>
    <t>つばめ野</t>
  </si>
  <si>
    <t>セブンイレブン富山中田1丁目店</t>
  </si>
  <si>
    <t>1-30</t>
  </si>
  <si>
    <t>23AN0002</t>
  </si>
  <si>
    <t>株式会社セオリー</t>
  </si>
  <si>
    <t>新橋１丁目８－４－６階</t>
  </si>
  <si>
    <t>日本酒スローフード　とやま方舟　富山駅店</t>
  </si>
  <si>
    <t>1-220</t>
  </si>
  <si>
    <t>21AA0145</t>
  </si>
  <si>
    <t>TRUST</t>
  </si>
  <si>
    <t xml:space="preserve">6-12 </t>
  </si>
  <si>
    <t>フクタビル　２F</t>
  </si>
  <si>
    <t>21AI0130</t>
  </si>
  <si>
    <t>株式会社王将フードサービス</t>
  </si>
  <si>
    <t>京都市山科区</t>
  </si>
  <si>
    <t>西野山射庭ノ上町２９４番地の１</t>
  </si>
  <si>
    <t>餃子の王将　黒瀬北店</t>
  </si>
  <si>
    <t>1-8-11</t>
  </si>
  <si>
    <t>24AB0006</t>
  </si>
  <si>
    <t>千晶畑</t>
  </si>
  <si>
    <t>寺島</t>
  </si>
  <si>
    <t>599</t>
  </si>
  <si>
    <t>21CA0038</t>
  </si>
  <si>
    <t>21CI0004</t>
  </si>
  <si>
    <t>農事組合法人　音川加工</t>
  </si>
  <si>
    <t>婦中町外輪野</t>
  </si>
  <si>
    <t>5843</t>
  </si>
  <si>
    <t>21CT0003</t>
  </si>
  <si>
    <t>5843番地</t>
  </si>
  <si>
    <t>22CA0082</t>
  </si>
  <si>
    <t>⑳ みそ又はしょうゆ製造業</t>
  </si>
  <si>
    <t>22CF0006</t>
  </si>
  <si>
    <t>22CC0019</t>
  </si>
  <si>
    <t>株式会社　ガネーシャ</t>
  </si>
  <si>
    <t>大泉東町一丁目4-7</t>
  </si>
  <si>
    <t>ＳＨＯＧＵＮ　ＰＩＺＺＡ</t>
  </si>
  <si>
    <t>総曲輪三丁目4-8</t>
  </si>
  <si>
    <t>総曲輪ＢＡＳＥ　103</t>
  </si>
  <si>
    <t>21AE0035</t>
  </si>
  <si>
    <t>トトンｋｉｔｃｈｅｎ</t>
  </si>
  <si>
    <t>問屋町一丁目</t>
  </si>
  <si>
    <t>９</t>
  </si>
  <si>
    <t>株式会社米三流通センター</t>
  </si>
  <si>
    <t>22AJ0102</t>
  </si>
  <si>
    <t>SHOGUN  BURGER</t>
  </si>
  <si>
    <t>3-3-21</t>
  </si>
  <si>
    <t>23AI0211</t>
  </si>
  <si>
    <t>小杉</t>
  </si>
  <si>
    <t>すみれ</t>
  </si>
  <si>
    <t>秋ケ島</t>
  </si>
  <si>
    <t>30</t>
  </si>
  <si>
    <t>空港ターミナルビル１F</t>
  </si>
  <si>
    <t>21AC0008</t>
  </si>
  <si>
    <t>株式会社大和　富山店</t>
  </si>
  <si>
    <t>3丁目8番6号</t>
  </si>
  <si>
    <t>(株)大和　富山店</t>
  </si>
  <si>
    <t>８－６</t>
  </si>
  <si>
    <t>大和富山店Ｂ１Ｆ</t>
  </si>
  <si>
    <t>18AE0051</t>
  </si>
  <si>
    <t>合同会社大福</t>
  </si>
  <si>
    <t>安曇野市</t>
  </si>
  <si>
    <t>豊科高家</t>
  </si>
  <si>
    <t>6495-4</t>
  </si>
  <si>
    <t>やきとり家すみれ　富山駅前店</t>
  </si>
  <si>
    <t>4-3</t>
  </si>
  <si>
    <t>アクロスキューブ富山新富町１F2F</t>
  </si>
  <si>
    <t>21AI0131</t>
  </si>
  <si>
    <t>お台所　RAKUSHIYO</t>
  </si>
  <si>
    <t>堀</t>
  </si>
  <si>
    <t>22AE0029</t>
  </si>
  <si>
    <t>22CA0075</t>
  </si>
  <si>
    <t>合同会社　雲ノ平山荘</t>
  </si>
  <si>
    <t>神奈川県</t>
  </si>
  <si>
    <t>三浦市</t>
  </si>
  <si>
    <t>三崎町小網代1464</t>
  </si>
  <si>
    <t>雲ノ平山荘</t>
  </si>
  <si>
    <t>有峰黒部谷割113イ林小班</t>
  </si>
  <si>
    <t>21AF0012</t>
  </si>
  <si>
    <t>株式会社　ＩＴＳ</t>
  </si>
  <si>
    <t>砺波市</t>
  </si>
  <si>
    <t>豊町</t>
  </si>
  <si>
    <t>１－８－４</t>
  </si>
  <si>
    <t>ほし乃</t>
  </si>
  <si>
    <t>堤町通り一丁目</t>
  </si>
  <si>
    <t>21AA0123</t>
  </si>
  <si>
    <t>堤町通り</t>
  </si>
  <si>
    <t>1-1-13</t>
  </si>
  <si>
    <t>23AA0123</t>
  </si>
  <si>
    <t>株式会社　大重亭</t>
  </si>
  <si>
    <t>末広町</t>
  </si>
  <si>
    <t>３８</t>
  </si>
  <si>
    <t>大重亭ＳＨＯＫＵＤＯ</t>
  </si>
  <si>
    <t>富山大和６Ｆレストラン</t>
  </si>
  <si>
    <t>21AA0124</t>
  </si>
  <si>
    <t>株式会社　Ｅｘｓｔａｇｅ</t>
  </si>
  <si>
    <t>森四丁目</t>
  </si>
  <si>
    <t>９－４３</t>
  </si>
  <si>
    <t>金沢フルーツ大福　凛々堂</t>
  </si>
  <si>
    <t>２－１６</t>
  </si>
  <si>
    <t>23AJ0001</t>
  </si>
  <si>
    <t>21CA0040</t>
  </si>
  <si>
    <t>中新川郡上市町</t>
  </si>
  <si>
    <t>Cafe HERBS</t>
  </si>
  <si>
    <t>53</t>
  </si>
  <si>
    <t>21AI0133</t>
  </si>
  <si>
    <t>大寅</t>
  </si>
  <si>
    <t>9-2</t>
  </si>
  <si>
    <t>オレンジビルF1B</t>
  </si>
  <si>
    <t>21AI0134</t>
  </si>
  <si>
    <t>株式会社　オフショア</t>
  </si>
  <si>
    <t>茶屋町570-1</t>
  </si>
  <si>
    <t>マクドナルド　富山インター店</t>
  </si>
  <si>
    <t>掛尾町543</t>
  </si>
  <si>
    <t>21AJ0043</t>
  </si>
  <si>
    <t>マクドナルド　富山中川原ムサシ店</t>
  </si>
  <si>
    <t>409-1</t>
  </si>
  <si>
    <t>22AJ0120</t>
  </si>
  <si>
    <t>マクドナルド　五福アリス店</t>
  </si>
  <si>
    <t>1143-1　アリスショッピングセンター１F</t>
  </si>
  <si>
    <t>23AJ0076</t>
  </si>
  <si>
    <t>鹿島町一丁目</t>
  </si>
  <si>
    <t>9-8</t>
  </si>
  <si>
    <t>珈琲駅ブルートレイン</t>
  </si>
  <si>
    <t>21AJ0044</t>
  </si>
  <si>
    <t>西山王町</t>
  </si>
  <si>
    <t>1-21</t>
  </si>
  <si>
    <t>まえやま食堂</t>
  </si>
  <si>
    <t>21AD0022</t>
  </si>
  <si>
    <t>株式会社倉田商会</t>
  </si>
  <si>
    <t>水落１番地３０</t>
  </si>
  <si>
    <t>倉田商店　（富山830す1011）</t>
  </si>
  <si>
    <t>富山県内一円</t>
  </si>
  <si>
    <t>21AM0018</t>
  </si>
  <si>
    <t>倉田商店　（富山483か1001）</t>
  </si>
  <si>
    <t>22AM0006</t>
  </si>
  <si>
    <t>倉田商店　（富山483え1002）</t>
  </si>
  <si>
    <t>22AM0007</t>
  </si>
  <si>
    <t>倉田商店　（富山483え1003）</t>
  </si>
  <si>
    <t>22AM0008</t>
  </si>
  <si>
    <t>倉田商店　（富山483く1005)</t>
  </si>
  <si>
    <t>23AM0008</t>
  </si>
  <si>
    <t>倉田商店　（富山483う1006)</t>
  </si>
  <si>
    <t>23AM0009</t>
  </si>
  <si>
    <t>倉田商店　（富山 483 さ 1007）</t>
  </si>
  <si>
    <t>24AM0018</t>
  </si>
  <si>
    <t>酒場トキシラズ</t>
  </si>
  <si>
    <t>3-15</t>
  </si>
  <si>
    <t>広瀬ビル１F</t>
  </si>
  <si>
    <t>21AI0135</t>
  </si>
  <si>
    <t>竜清丸</t>
  </si>
  <si>
    <t>北代</t>
  </si>
  <si>
    <t>2区8-1</t>
  </si>
  <si>
    <t>21AN0029</t>
  </si>
  <si>
    <t>株式会社翔志</t>
  </si>
  <si>
    <t>田中町２８７番地３</t>
  </si>
  <si>
    <t>つけ麵・まぜそば桜　富山MAROOT店</t>
  </si>
  <si>
    <t>MAROOT4階第414号</t>
  </si>
  <si>
    <t>22AD0008</t>
  </si>
  <si>
    <t>らーめん世界　富山インター店</t>
  </si>
  <si>
    <t>黒崎</t>
  </si>
  <si>
    <t>字高木割168-1</t>
  </si>
  <si>
    <t>22AD0053</t>
  </si>
  <si>
    <t>焼めしくにを　マリエとやま店</t>
  </si>
  <si>
    <t>１番61号</t>
  </si>
  <si>
    <t>マリエとやま１階</t>
  </si>
  <si>
    <t>22AB0013</t>
  </si>
  <si>
    <t>DIiVA</t>
  </si>
  <si>
    <t>2-13</t>
  </si>
  <si>
    <t>ザ・ロイヤルビル</t>
  </si>
  <si>
    <t>21AI0136</t>
  </si>
  <si>
    <t>西田地方町三丁目</t>
  </si>
  <si>
    <t>5-15</t>
  </si>
  <si>
    <t>ビストロヨシダ</t>
  </si>
  <si>
    <t>21AA0125</t>
  </si>
  <si>
    <t>西押川</t>
  </si>
  <si>
    <t>Mugi JAM</t>
  </si>
  <si>
    <t>西押川1131</t>
  </si>
  <si>
    <t>72</t>
  </si>
  <si>
    <t>22CA0101</t>
  </si>
  <si>
    <t>23CT0003</t>
  </si>
  <si>
    <t>千石町</t>
  </si>
  <si>
    <t>1-1-7</t>
  </si>
  <si>
    <t>一平飯店</t>
  </si>
  <si>
    <t>21AB0009</t>
  </si>
  <si>
    <t>特定非営利活動法人ありがた家</t>
  </si>
  <si>
    <t>福島三丁目</t>
  </si>
  <si>
    <t>79</t>
  </si>
  <si>
    <t>21AA0126</t>
  </si>
  <si>
    <t>下新町</t>
  </si>
  <si>
    <t>Rest</t>
  </si>
  <si>
    <t>1-14</t>
  </si>
  <si>
    <t>駅前横丁ビル１F</t>
  </si>
  <si>
    <t>21AI0137</t>
  </si>
  <si>
    <t>石倉町</t>
  </si>
  <si>
    <t>2-18</t>
  </si>
  <si>
    <t>スナック　由美</t>
  </si>
  <si>
    <t>スナック　ユミ</t>
  </si>
  <si>
    <t>余西ビル1Ｆ</t>
  </si>
  <si>
    <t>21AI0138</t>
  </si>
  <si>
    <t>大空食品　有限会社</t>
  </si>
  <si>
    <t>西中野町二丁目</t>
  </si>
  <si>
    <t>19-11</t>
  </si>
  <si>
    <t>大多屋　鱒の寿し店</t>
  </si>
  <si>
    <t>21AE0037</t>
  </si>
  <si>
    <t>五洲薬品株式会社</t>
  </si>
  <si>
    <t>花園町一丁目</t>
  </si>
  <si>
    <t>とやマルシェGOSHU</t>
  </si>
  <si>
    <t>21AI0139</t>
  </si>
  <si>
    <t>五洲薬品株式会社　千里工場</t>
  </si>
  <si>
    <t>婦中町千里</t>
  </si>
  <si>
    <t>6542</t>
  </si>
  <si>
    <t>23CC0016</t>
  </si>
  <si>
    <t>中新川郡立山町</t>
  </si>
  <si>
    <t>Ｍａｉｍｕ</t>
  </si>
  <si>
    <t>大町308-14</t>
  </si>
  <si>
    <t>西野ビル１Ｆ</t>
  </si>
  <si>
    <t>21AI0140</t>
  </si>
  <si>
    <t>スナック・ベル</t>
  </si>
  <si>
    <t>中央通り三丁目</t>
  </si>
  <si>
    <t>2-16</t>
  </si>
  <si>
    <t>21AI0142</t>
  </si>
  <si>
    <t>コンパスグループ・ジャパン株式会社</t>
  </si>
  <si>
    <t>中央区</t>
  </si>
  <si>
    <t>築地5丁目</t>
  </si>
  <si>
    <t>5番12号</t>
  </si>
  <si>
    <t>コンパス２１５９５店</t>
  </si>
  <si>
    <t>東黒牧</t>
  </si>
  <si>
    <t>１０</t>
  </si>
  <si>
    <t>21AA0127</t>
  </si>
  <si>
    <t>有限会社　田畑商店</t>
  </si>
  <si>
    <t>太田口通り二丁目</t>
  </si>
  <si>
    <t>21CF0002</t>
  </si>
  <si>
    <t>イタリア料理　エルバッチャ</t>
  </si>
  <si>
    <t>八尾町新田3-1</t>
  </si>
  <si>
    <t>21AA0128</t>
  </si>
  <si>
    <t>婦中町蛍川</t>
  </si>
  <si>
    <t>680-18</t>
  </si>
  <si>
    <t>中華そば　だゐち</t>
  </si>
  <si>
    <t>21AD0023</t>
  </si>
  <si>
    <t>中滝</t>
  </si>
  <si>
    <t>Ｓｏｕｔｈｅｒｎ　Ａｕｔｏｍｏｂｉｌｅｓ</t>
  </si>
  <si>
    <t>３５</t>
  </si>
  <si>
    <t>21AI0143</t>
  </si>
  <si>
    <t>21CA0042</t>
  </si>
  <si>
    <t>ｆｏｏｄ　ｃｏｕｒｔ　オクショウ</t>
  </si>
  <si>
    <t>五本榎</t>
  </si>
  <si>
    <t>８２－５</t>
  </si>
  <si>
    <t>21AN0030</t>
  </si>
  <si>
    <t>21CA0044</t>
  </si>
  <si>
    <t>奥村商店（富山480を152）</t>
  </si>
  <si>
    <t>22AM0005</t>
  </si>
  <si>
    <t>ほの字</t>
  </si>
  <si>
    <t>5-1</t>
  </si>
  <si>
    <t>寺島ビル2Ｆ</t>
  </si>
  <si>
    <t>21AA0129</t>
  </si>
  <si>
    <t>布一酒店株式会社</t>
  </si>
  <si>
    <t>新富町２丁目４番５号</t>
  </si>
  <si>
    <t>角打ち　ぬのいち</t>
  </si>
  <si>
    <t>２－４－５</t>
  </si>
  <si>
    <t>23AI0082</t>
  </si>
  <si>
    <t>中冨居</t>
  </si>
  <si>
    <t>２０－５１</t>
  </si>
  <si>
    <t>セントラルキッチン</t>
  </si>
  <si>
    <t>21CA0045</t>
  </si>
  <si>
    <t>特定非営利活動法人　神通さくら野会</t>
  </si>
  <si>
    <t>八尾町西神通882-1</t>
  </si>
  <si>
    <t>サポートハウス　神通さくら野</t>
  </si>
  <si>
    <t>21AA0130</t>
  </si>
  <si>
    <t>578-1</t>
  </si>
  <si>
    <t>そば処　権兵衛</t>
  </si>
  <si>
    <t>21AD0025</t>
  </si>
  <si>
    <t>株式会社　ワールド総業</t>
  </si>
  <si>
    <t>PARADAISE AQUA</t>
  </si>
  <si>
    <t>11-11</t>
  </si>
  <si>
    <t>富山館２F</t>
  </si>
  <si>
    <t>21AH0005</t>
  </si>
  <si>
    <t>スナック　＆　リラクゼーション　美咲</t>
  </si>
  <si>
    <t>宝町一丁目</t>
  </si>
  <si>
    <t>5-14</t>
  </si>
  <si>
    <t>アミティ宝　１F</t>
  </si>
  <si>
    <t>21AI0145</t>
  </si>
  <si>
    <t>八尾町西新町</t>
  </si>
  <si>
    <t>３９４９</t>
  </si>
  <si>
    <t>水上芳一商店</t>
  </si>
  <si>
    <t>21AJ0048</t>
  </si>
  <si>
    <t>24CT0002</t>
  </si>
  <si>
    <t>4159-2</t>
  </si>
  <si>
    <t>22CF0005</t>
  </si>
  <si>
    <t>凛</t>
  </si>
  <si>
    <t>１１－１２</t>
  </si>
  <si>
    <t>中央パークビル　１Ｆ</t>
  </si>
  <si>
    <t>21AI0146</t>
  </si>
  <si>
    <t>（株）平安堂</t>
  </si>
  <si>
    <t>室町通り二丁目</t>
  </si>
  <si>
    <t>1-24</t>
  </si>
  <si>
    <t>21CA0047</t>
  </si>
  <si>
    <t>有限会社マエダック</t>
  </si>
  <si>
    <t>向新庄</t>
  </si>
  <si>
    <t>５３番地の８２</t>
  </si>
  <si>
    <t>ファミリーマート　富山新庄本町店</t>
  </si>
  <si>
    <t>新庄本町一丁目</t>
  </si>
  <si>
    <t>2-32</t>
  </si>
  <si>
    <t>21AN0016</t>
  </si>
  <si>
    <t>ファミリーマート　富山向新庄店</t>
  </si>
  <si>
    <t>向新庄町六丁目</t>
  </si>
  <si>
    <t>9-31</t>
  </si>
  <si>
    <t>21AN0017</t>
  </si>
  <si>
    <t>向新庄５３番地の８２</t>
  </si>
  <si>
    <t>ファミリーマート　富山千歳町店</t>
  </si>
  <si>
    <t>千歳町一丁目</t>
  </si>
  <si>
    <t>6-15</t>
  </si>
  <si>
    <t>23AN0026</t>
  </si>
  <si>
    <t>ファミリーマート　富山中央市場店</t>
  </si>
  <si>
    <t>382-1</t>
  </si>
  <si>
    <t>24AN0011</t>
  </si>
  <si>
    <t>ファミリーマート　富山下坂倉店</t>
  </si>
  <si>
    <t>婦中町下坂倉</t>
  </si>
  <si>
    <t>114-1</t>
  </si>
  <si>
    <t>22AN0033</t>
  </si>
  <si>
    <t>大三フーズ株式会社</t>
  </si>
  <si>
    <t>田川市</t>
  </si>
  <si>
    <t>大字伊加利</t>
  </si>
  <si>
    <t>1824-28</t>
  </si>
  <si>
    <t>大三フーズ株式会社　八尾南店</t>
  </si>
  <si>
    <t>４９４８－３</t>
  </si>
  <si>
    <t>21BF0054</t>
  </si>
  <si>
    <t>南の牧場　四方店</t>
  </si>
  <si>
    <t>1463</t>
  </si>
  <si>
    <t>23BF0010</t>
  </si>
  <si>
    <t>南の牧場　岩瀬東店</t>
  </si>
  <si>
    <t>1-2-30</t>
  </si>
  <si>
    <t>23BF0009</t>
  </si>
  <si>
    <t>株式会社叶夢</t>
  </si>
  <si>
    <t>2-9-301</t>
  </si>
  <si>
    <t>First　Will</t>
  </si>
  <si>
    <t>8-8</t>
  </si>
  <si>
    <t>第一三愛ビル4F</t>
  </si>
  <si>
    <t>21AI0147</t>
  </si>
  <si>
    <t>JAMMIN</t>
  </si>
  <si>
    <t>2-14</t>
  </si>
  <si>
    <t>内幸ビルA館6F</t>
  </si>
  <si>
    <t>21AI0148</t>
  </si>
  <si>
    <t>ベンジー</t>
  </si>
  <si>
    <t>２－１４</t>
  </si>
  <si>
    <t>内幸ビルＡ館3Ｆ</t>
  </si>
  <si>
    <t>23AI0030</t>
  </si>
  <si>
    <t>なにわ飯店</t>
  </si>
  <si>
    <t>4-10</t>
  </si>
  <si>
    <t>21AB0010</t>
  </si>
  <si>
    <t>そば割烹　風庵</t>
  </si>
  <si>
    <t>寺島第二ビル</t>
  </si>
  <si>
    <t>21AD0026</t>
  </si>
  <si>
    <t>大三フーズ　株式会社</t>
  </si>
  <si>
    <t>伊加利2204</t>
  </si>
  <si>
    <t>大三フーズ株式会社 婦中店</t>
  </si>
  <si>
    <t>婦中町宮ケ島315　クスリのアオキ婦中店内</t>
  </si>
  <si>
    <t>21BF0047</t>
  </si>
  <si>
    <t>株式会社五十嵐商店</t>
  </si>
  <si>
    <t>金山新中２５番地１</t>
  </si>
  <si>
    <t>金山新中</t>
  </si>
  <si>
    <t>25-1</t>
  </si>
  <si>
    <t>⑱ 液卵製造業</t>
  </si>
  <si>
    <t>24CU0002</t>
  </si>
  <si>
    <t>アオヤギ食堂</t>
  </si>
  <si>
    <t>５－４</t>
  </si>
  <si>
    <t>寺島ビルⅡ　１Ｆ</t>
  </si>
  <si>
    <t>21AA0133</t>
  </si>
  <si>
    <t>神通町三丁目</t>
  </si>
  <si>
    <t>4-5</t>
  </si>
  <si>
    <t>上滝豆富店</t>
  </si>
  <si>
    <t>22</t>
  </si>
  <si>
    <t>㉒ 豆腐製造業</t>
  </si>
  <si>
    <t>21CE0002</t>
  </si>
  <si>
    <t>すなっく　寿々</t>
  </si>
  <si>
    <t>１－１７</t>
  </si>
  <si>
    <t>21AI0149</t>
  </si>
  <si>
    <t>水上開花堂</t>
  </si>
  <si>
    <t>八尾町黒田1452-7</t>
  </si>
  <si>
    <t>21AA0134</t>
  </si>
  <si>
    <t>合同会社　ジェネラルワン</t>
  </si>
  <si>
    <t>中央通り一丁目</t>
  </si>
  <si>
    <t>6-28</t>
  </si>
  <si>
    <t>TAPI　TAPI　富山480さ4748</t>
  </si>
  <si>
    <t>21AM0019</t>
  </si>
  <si>
    <t>Ｒａｖｉ</t>
  </si>
  <si>
    <t>１３－１４</t>
  </si>
  <si>
    <t>桜木町中央ビル１０４号</t>
  </si>
  <si>
    <t>21AI0109</t>
  </si>
  <si>
    <t>チキンスパイ</t>
  </si>
  <si>
    <t>６－２８</t>
  </si>
  <si>
    <t>新大気ビル</t>
  </si>
  <si>
    <t xml:space="preserve">20AI0109 </t>
  </si>
  <si>
    <t>ＷＯ－ＭＯ</t>
  </si>
  <si>
    <t>津幡ビル１Ｆ</t>
  </si>
  <si>
    <t>21AI0110</t>
  </si>
  <si>
    <t>ASOBIBAR</t>
  </si>
  <si>
    <t>12-8</t>
  </si>
  <si>
    <t>17番街ビル301</t>
  </si>
  <si>
    <t>22AI0002</t>
  </si>
  <si>
    <t>アミューズメントバーおちょ</t>
  </si>
  <si>
    <t>エイゼン第一ビル</t>
  </si>
  <si>
    <t>22AI0126</t>
  </si>
  <si>
    <t>庭煙</t>
  </si>
  <si>
    <t>２－２６</t>
  </si>
  <si>
    <t>あるぺん村新桜町ビル２Ｆ</t>
  </si>
  <si>
    <t>23AI0093</t>
  </si>
  <si>
    <t>ナビスタンド</t>
  </si>
  <si>
    <t>11-8</t>
  </si>
  <si>
    <t>1F</t>
  </si>
  <si>
    <t>23AI0092</t>
  </si>
  <si>
    <t>株式会社　セイアグリーシステム</t>
  </si>
  <si>
    <t>福岡町江尻</t>
  </si>
  <si>
    <t>570</t>
  </si>
  <si>
    <t>フェルヴェール　富山駅店</t>
  </si>
  <si>
    <t>1-226</t>
  </si>
  <si>
    <t>（新幹線富山駅改札横店舗）</t>
  </si>
  <si>
    <t>21AJ0050</t>
  </si>
  <si>
    <t>有咲　合同会社</t>
  </si>
  <si>
    <t>今木町</t>
  </si>
  <si>
    <t>5-22</t>
  </si>
  <si>
    <t>1992 ’S　バインミー＆ドリンク</t>
  </si>
  <si>
    <t>5-22  (1F)</t>
  </si>
  <si>
    <t>21AI0150</t>
  </si>
  <si>
    <t>株式会社力の源カンパニー</t>
  </si>
  <si>
    <t>福岡市中央区</t>
  </si>
  <si>
    <t>大名一丁目</t>
  </si>
  <si>
    <t>１３番１４号</t>
  </si>
  <si>
    <t>一風堂　富山店</t>
  </si>
  <si>
    <t>二口町5-10-1</t>
  </si>
  <si>
    <t>24AD0010</t>
  </si>
  <si>
    <t>SkiD　and</t>
  </si>
  <si>
    <t>6番地15-20</t>
  </si>
  <si>
    <t>21CA0048</t>
  </si>
  <si>
    <t>21AJ0051</t>
  </si>
  <si>
    <t>南栗山</t>
  </si>
  <si>
    <t>１５</t>
  </si>
  <si>
    <t>おうちカフェ　甘いんだよ。</t>
  </si>
  <si>
    <t>１５番地</t>
  </si>
  <si>
    <t>21AJ0052</t>
  </si>
  <si>
    <t>株式会社　エムザック</t>
  </si>
  <si>
    <t>千日町</t>
  </si>
  <si>
    <t>廻る富山湾すし玉富山駅店</t>
  </si>
  <si>
    <t>21AC0009</t>
  </si>
  <si>
    <t>有限会社　白えび屋</t>
  </si>
  <si>
    <t>194-21</t>
  </si>
  <si>
    <t>白えび亭</t>
  </si>
  <si>
    <t>21AA0135</t>
  </si>
  <si>
    <t>（有）白えび屋　田刈屋店</t>
  </si>
  <si>
    <t>田刈屋</t>
  </si>
  <si>
    <t>88-3</t>
  </si>
  <si>
    <t>22AK0023</t>
  </si>
  <si>
    <t>22BD0033</t>
  </si>
  <si>
    <t>株式会社富山ホームズ</t>
  </si>
  <si>
    <t>五福４６６番地２４</t>
  </si>
  <si>
    <t>らーめん響</t>
  </si>
  <si>
    <t>３２２４−１</t>
  </si>
  <si>
    <t>21AD0027</t>
  </si>
  <si>
    <t>とんかつや　３３</t>
  </si>
  <si>
    <t>向新庄町一丁目</t>
  </si>
  <si>
    <t>21AA0136</t>
  </si>
  <si>
    <t>23CA0067</t>
  </si>
  <si>
    <t>自然の家</t>
  </si>
  <si>
    <t>62-2</t>
  </si>
  <si>
    <t>21AA0132</t>
  </si>
  <si>
    <t>有限会社石坂善商店</t>
  </si>
  <si>
    <t>中央通り３丁目４番３号</t>
  </si>
  <si>
    <t>酒家蔵部</t>
  </si>
  <si>
    <t>22AI0173</t>
  </si>
  <si>
    <t>婦中町笹倉</t>
  </si>
  <si>
    <t>88-1</t>
  </si>
  <si>
    <t>ココナッツ　アイランド</t>
  </si>
  <si>
    <t>87-1</t>
  </si>
  <si>
    <t>21AJ0055</t>
  </si>
  <si>
    <t>株式会社　七越</t>
  </si>
  <si>
    <t>中央通り二丁目</t>
  </si>
  <si>
    <t>3-20</t>
  </si>
  <si>
    <t>七越とやマルシェ店</t>
  </si>
  <si>
    <t>21AJ0054</t>
  </si>
  <si>
    <t>21CA0050</t>
  </si>
  <si>
    <t>七越　アピア店</t>
  </si>
  <si>
    <t>アピアショッピングセンター１F</t>
  </si>
  <si>
    <t>23AJ0018</t>
  </si>
  <si>
    <t>23CA0025</t>
  </si>
  <si>
    <t>七越茶屋</t>
  </si>
  <si>
    <t>3-8-38</t>
  </si>
  <si>
    <t>アピタ富山東店1F</t>
  </si>
  <si>
    <t>24AN0021</t>
  </si>
  <si>
    <t>24CA0026</t>
  </si>
  <si>
    <t>花園町四丁目</t>
  </si>
  <si>
    <t>2-10</t>
  </si>
  <si>
    <t>菓子工房　こうげん</t>
  </si>
  <si>
    <t>21CA0051</t>
  </si>
  <si>
    <t>株式会社ウメケン</t>
  </si>
  <si>
    <t>大阪府</t>
  </si>
  <si>
    <t>守口市</t>
  </si>
  <si>
    <t>大日町</t>
  </si>
  <si>
    <t>３－２７－７</t>
  </si>
  <si>
    <t>株式会社ウメケン　富山工場</t>
  </si>
  <si>
    <t>５３２－１</t>
  </si>
  <si>
    <t>㉜ 添加物製造業</t>
  </si>
  <si>
    <t>21CK0001</t>
  </si>
  <si>
    <t>BAR　HAYATO</t>
  </si>
  <si>
    <t>593</t>
  </si>
  <si>
    <t>富健ビル　２F</t>
  </si>
  <si>
    <t>21AI0151</t>
  </si>
  <si>
    <t>八尾町舘本郷</t>
  </si>
  <si>
    <t>1317</t>
  </si>
  <si>
    <t>皆口製パン</t>
  </si>
  <si>
    <t>21AE0041</t>
  </si>
  <si>
    <t>21CA0052</t>
  </si>
  <si>
    <t>ばらずし　婦中店</t>
  </si>
  <si>
    <t>777-1</t>
  </si>
  <si>
    <t>21AE0040</t>
  </si>
  <si>
    <t>5781</t>
  </si>
  <si>
    <t>和食亭　こもり</t>
  </si>
  <si>
    <t>21AG0012</t>
  </si>
  <si>
    <t>南田町一丁目</t>
  </si>
  <si>
    <t>2-15</t>
  </si>
  <si>
    <t>城寿司</t>
  </si>
  <si>
    <t>21AC0011</t>
  </si>
  <si>
    <t>380-3</t>
  </si>
  <si>
    <t>Sociable　neo</t>
  </si>
  <si>
    <t>1-10</t>
  </si>
  <si>
    <t>プレイハウスビル２F</t>
  </si>
  <si>
    <t>21AI0152</t>
  </si>
  <si>
    <t>八木山</t>
  </si>
  <si>
    <t>56番地</t>
  </si>
  <si>
    <t>磯野屋菓子舗</t>
  </si>
  <si>
    <t>21CA0053</t>
  </si>
  <si>
    <t>21CD0009</t>
  </si>
  <si>
    <t>Tomorrow　トゥモロー</t>
  </si>
  <si>
    <t>6-3</t>
  </si>
  <si>
    <t>大洋第二ビル　１F102号室</t>
  </si>
  <si>
    <t>21AI0153</t>
  </si>
  <si>
    <t>オークス株式会社</t>
  </si>
  <si>
    <t>中島四丁目</t>
  </si>
  <si>
    <t>オークス　セレモニーホール呉羽</t>
  </si>
  <si>
    <t>580-5</t>
  </si>
  <si>
    <t>21AG0013</t>
  </si>
  <si>
    <t>匿</t>
  </si>
  <si>
    <t>蛯町</t>
  </si>
  <si>
    <t>2-2</t>
  </si>
  <si>
    <t>21AG0018</t>
  </si>
  <si>
    <t>オークスセレモニー西</t>
  </si>
  <si>
    <t>１－１４</t>
  </si>
  <si>
    <t>22AA0101</t>
  </si>
  <si>
    <t>オークスカナルパークホテル富山レストラン et Vous</t>
  </si>
  <si>
    <t>11-1  1F</t>
  </si>
  <si>
    <t>22AA0102</t>
  </si>
  <si>
    <t>オークスカナルパークホテル富山　主厨房</t>
  </si>
  <si>
    <t>11-1</t>
  </si>
  <si>
    <t>22AF0011</t>
  </si>
  <si>
    <t>オークスセレモニーホール平安</t>
  </si>
  <si>
    <t>稲荷元町三丁目</t>
  </si>
  <si>
    <t>2-12</t>
  </si>
  <si>
    <t>23AG0003</t>
  </si>
  <si>
    <t>オークスセレモニーホール八尾</t>
  </si>
  <si>
    <t>八尾町福島</t>
  </si>
  <si>
    <t>212-2</t>
  </si>
  <si>
    <t>20AA0115</t>
  </si>
  <si>
    <t>オークスセレモニーホール北　別館</t>
  </si>
  <si>
    <t>岩瀬赤田町</t>
  </si>
  <si>
    <t>12-10</t>
  </si>
  <si>
    <t>24AA0075</t>
  </si>
  <si>
    <t>食楽工房</t>
  </si>
  <si>
    <t>太郎丸西町一丁目</t>
  </si>
  <si>
    <t>１－３</t>
  </si>
  <si>
    <t>パレーシャル小柴　１０２</t>
  </si>
  <si>
    <t>21BF0049</t>
  </si>
  <si>
    <t>22BD0016</t>
  </si>
  <si>
    <t>22CC0005</t>
  </si>
  <si>
    <t>きっちんツキトヒ</t>
  </si>
  <si>
    <t>稲荷元町二丁目</t>
  </si>
  <si>
    <t>アピアショッピングセンター内2F</t>
  </si>
  <si>
    <t>22AA0106</t>
  </si>
  <si>
    <t>株式会社　ロデオインターナショナル</t>
  </si>
  <si>
    <t>２－１２</t>
  </si>
  <si>
    <t>ＵＬＵＷＡＴＵ　ＡＭＩＧＯ</t>
  </si>
  <si>
    <t>４－１３</t>
  </si>
  <si>
    <t>21AA0137</t>
  </si>
  <si>
    <t>株式会社　メフォス</t>
  </si>
  <si>
    <t>赤坂二丁目</t>
  </si>
  <si>
    <t>23番1号</t>
  </si>
  <si>
    <t>メフォス　10533号店</t>
  </si>
  <si>
    <t>堀川小泉町一丁目</t>
  </si>
  <si>
    <t>13-10</t>
  </si>
  <si>
    <t>堀川小学校　１F</t>
  </si>
  <si>
    <t>22AA0054</t>
  </si>
  <si>
    <t>メフォス０１０６９１号店（奥田小学校）</t>
  </si>
  <si>
    <t>奥田双葉町</t>
  </si>
  <si>
    <t>10-18</t>
  </si>
  <si>
    <t>奥田小学校内</t>
  </si>
  <si>
    <t>23AA0057</t>
  </si>
  <si>
    <t>メフォス　01492号</t>
  </si>
  <si>
    <t>開発</t>
  </si>
  <si>
    <t>133</t>
  </si>
  <si>
    <t>（栗山病院）</t>
  </si>
  <si>
    <t>24AA0039</t>
  </si>
  <si>
    <t>居酒屋　丹紋</t>
  </si>
  <si>
    <t>楡原1193-2</t>
  </si>
  <si>
    <t>21AI0154</t>
  </si>
  <si>
    <t>有限会社　岩瀬水産</t>
  </si>
  <si>
    <t>布市</t>
  </si>
  <si>
    <t>320</t>
  </si>
  <si>
    <t>（株）大阪屋ショップ　キャロット１店内（有）岩瀬水産</t>
  </si>
  <si>
    <t>21BD0049</t>
  </si>
  <si>
    <t>4536-3</t>
  </si>
  <si>
    <t>焼肉　三千里</t>
  </si>
  <si>
    <t>21AA0139</t>
  </si>
  <si>
    <t>八尾町西町</t>
  </si>
  <si>
    <t>たこ焼　しみず</t>
  </si>
  <si>
    <t>2339</t>
  </si>
  <si>
    <t>21AN0031</t>
  </si>
  <si>
    <t>太田</t>
  </si>
  <si>
    <t>もんじゃ屋　吉兆</t>
  </si>
  <si>
    <t>5-24</t>
  </si>
  <si>
    <t>21AN0032</t>
  </si>
  <si>
    <t>375</t>
  </si>
  <si>
    <t>酒処　静香</t>
  </si>
  <si>
    <t>21AI0155</t>
  </si>
  <si>
    <t>1-3</t>
  </si>
  <si>
    <t>銀八鮨</t>
  </si>
  <si>
    <t>太田口通り三丁目</t>
  </si>
  <si>
    <t>21AC0010</t>
  </si>
  <si>
    <t>有限会社　竹島</t>
  </si>
  <si>
    <t>21AA0141</t>
  </si>
  <si>
    <t>八尾町上新町</t>
  </si>
  <si>
    <t>小蔵亀寿堂</t>
  </si>
  <si>
    <t>八尾町東新町</t>
  </si>
  <si>
    <t>4076</t>
  </si>
  <si>
    <t>21CA0054</t>
  </si>
  <si>
    <t>上赤江町</t>
  </si>
  <si>
    <t>TI　AMO</t>
  </si>
  <si>
    <t>21AI0156</t>
  </si>
  <si>
    <t>小島町</t>
  </si>
  <si>
    <t>つるや</t>
  </si>
  <si>
    <t>21AD0029</t>
  </si>
  <si>
    <t>たべ処のみ処　美和</t>
  </si>
  <si>
    <t>常盤町</t>
  </si>
  <si>
    <t>山口ビル1F</t>
  </si>
  <si>
    <t>21AI0157</t>
  </si>
  <si>
    <t>マンテンホテル株式会社</t>
  </si>
  <si>
    <t>2番17号</t>
  </si>
  <si>
    <t>辛子家</t>
  </si>
  <si>
    <t>21BF0051</t>
  </si>
  <si>
    <t>鯛家</t>
  </si>
  <si>
    <t>21BD0056</t>
  </si>
  <si>
    <t>呉羽富田町</t>
  </si>
  <si>
    <t>とみたや</t>
  </si>
  <si>
    <t>262-8</t>
  </si>
  <si>
    <t>21AA0140</t>
  </si>
  <si>
    <t>111-2</t>
  </si>
  <si>
    <t>喜多山</t>
  </si>
  <si>
    <t>21AD0030</t>
  </si>
  <si>
    <t>株式会社　OZLinks</t>
  </si>
  <si>
    <t>2986</t>
  </si>
  <si>
    <t>カフェ　おやつ</t>
  </si>
  <si>
    <t>2701-1</t>
  </si>
  <si>
    <t>21AJ0056</t>
  </si>
  <si>
    <t>藤木</t>
  </si>
  <si>
    <t>居酒屋　早苗</t>
  </si>
  <si>
    <t>1-15</t>
  </si>
  <si>
    <t>21AI0158</t>
  </si>
  <si>
    <t>特定非営利活動法人　愛和報恩会</t>
  </si>
  <si>
    <t>八尾町西川倉</t>
  </si>
  <si>
    <t>23-1</t>
  </si>
  <si>
    <t>FUN FARM のづみ野</t>
  </si>
  <si>
    <t>1410-4</t>
  </si>
  <si>
    <t>21CA0055</t>
  </si>
  <si>
    <t>八尾の農業守ろう屋（富山８００す７９５）</t>
  </si>
  <si>
    <t>自動車</t>
  </si>
  <si>
    <t>22AM0011</t>
  </si>
  <si>
    <t>和み蕎　たつ</t>
  </si>
  <si>
    <t>上大久保995-24</t>
  </si>
  <si>
    <t>21CA0056</t>
  </si>
  <si>
    <t>株式会社　ENEOSジェイクエスト</t>
  </si>
  <si>
    <t>新川一丁目　</t>
  </si>
  <si>
    <t>10-14 FORECAST茅場町６階</t>
  </si>
  <si>
    <t>株式会社　ENEOSジェイクエスト　大沢野店</t>
  </si>
  <si>
    <t>1985-1</t>
  </si>
  <si>
    <t>21AJ0057</t>
  </si>
  <si>
    <t>石坂</t>
  </si>
  <si>
    <t>2494-1</t>
  </si>
  <si>
    <t>ファミリーマート　富山石坂店</t>
  </si>
  <si>
    <t>19AN0028</t>
  </si>
  <si>
    <t>公立学校共済組合</t>
  </si>
  <si>
    <t>千代田区</t>
  </si>
  <si>
    <t>神田駿河台2-9-5</t>
  </si>
  <si>
    <t>公立学校共済組合　高志会館（洋食）</t>
  </si>
  <si>
    <t>千歳町一丁目3-1</t>
  </si>
  <si>
    <t>公立学校共済組合　高志会館２Ｆ</t>
  </si>
  <si>
    <t>21AG0014</t>
  </si>
  <si>
    <t>公立学校共済組合　高志会館　ビアガーデン</t>
  </si>
  <si>
    <t>千歳町</t>
  </si>
  <si>
    <t>1-3-1</t>
  </si>
  <si>
    <t>高志会館４F</t>
  </si>
  <si>
    <t>23AI0147</t>
  </si>
  <si>
    <t>清水町三丁目</t>
  </si>
  <si>
    <t>スナック　ミント</t>
  </si>
  <si>
    <t>21AI0161</t>
  </si>
  <si>
    <t>八尾町上新町2786</t>
  </si>
  <si>
    <t>仁市商店</t>
  </si>
  <si>
    <t>21AJ0058</t>
  </si>
  <si>
    <t>有限会社　吉田トレーディング</t>
  </si>
  <si>
    <t>ローソン　婦中千里店</t>
  </si>
  <si>
    <t>992-1</t>
  </si>
  <si>
    <t>21AN0034</t>
  </si>
  <si>
    <t>株式会社富山栄養</t>
  </si>
  <si>
    <t>塚原７番地１</t>
  </si>
  <si>
    <t>塚原</t>
  </si>
  <si>
    <t>7番地1</t>
  </si>
  <si>
    <t>㉛ 食品の小分け業</t>
  </si>
  <si>
    <t>24EF0002</t>
  </si>
  <si>
    <t>株式会社　ＤＥＥＰ</t>
  </si>
  <si>
    <t>２－２０　桜木センタービル４Ｆ</t>
  </si>
  <si>
    <t>ＶＥＲＹ</t>
  </si>
  <si>
    <t>２－２０</t>
  </si>
  <si>
    <t>桜木センタービル　４０４</t>
  </si>
  <si>
    <t>21AI0160</t>
  </si>
  <si>
    <t>CLUB ATELIER</t>
  </si>
  <si>
    <t>1丁目2番地13号</t>
  </si>
  <si>
    <t>ザ・ロイヤルビル1階</t>
  </si>
  <si>
    <t>23AI0136</t>
  </si>
  <si>
    <t>583</t>
  </si>
  <si>
    <t>赤江精肉店</t>
  </si>
  <si>
    <t>そう菜</t>
  </si>
  <si>
    <t>21AK0010</t>
  </si>
  <si>
    <t>21BF0050</t>
  </si>
  <si>
    <t>株式会社マルジンストア</t>
  </si>
  <si>
    <t>長柄町</t>
  </si>
  <si>
    <t>2-4-13</t>
  </si>
  <si>
    <t>マルジンストア</t>
  </si>
  <si>
    <t>1-10-6</t>
  </si>
  <si>
    <t>22CC0020</t>
  </si>
  <si>
    <t>22AK0024</t>
  </si>
  <si>
    <t>22BF0020</t>
  </si>
  <si>
    <t>中番</t>
  </si>
  <si>
    <t>えっちゅう風土</t>
  </si>
  <si>
    <t>上滝</t>
  </si>
  <si>
    <t>４４７－１</t>
  </si>
  <si>
    <t>21CA0057</t>
  </si>
  <si>
    <t>447-1</t>
  </si>
  <si>
    <t>22AN0040</t>
  </si>
  <si>
    <t>下タ林</t>
  </si>
  <si>
    <t>処　茶屋つくし</t>
  </si>
  <si>
    <t>２１８３</t>
  </si>
  <si>
    <t>21AI0162</t>
  </si>
  <si>
    <t>富山電気ビルディング　株式会社</t>
  </si>
  <si>
    <t>桜橋通り</t>
  </si>
  <si>
    <t>３－１</t>
  </si>
  <si>
    <t>電気ビルレストラン</t>
  </si>
  <si>
    <t>21AA0143</t>
  </si>
  <si>
    <t>富山電気ビルレストラン　県民会館店</t>
  </si>
  <si>
    <t>新総曲輪</t>
  </si>
  <si>
    <t>４番１８号</t>
  </si>
  <si>
    <t>県民会館８Ｆ</t>
  </si>
  <si>
    <t>21AA0182</t>
  </si>
  <si>
    <t>電気ビルレストラン　グリル清風</t>
  </si>
  <si>
    <t>３番１号</t>
  </si>
  <si>
    <t>23AA0108</t>
  </si>
  <si>
    <t>北陸電力株式会社　社員食堂</t>
  </si>
  <si>
    <t>牛島</t>
  </si>
  <si>
    <t>１５番１号</t>
  </si>
  <si>
    <t>23AA0109</t>
  </si>
  <si>
    <t>ブリーズ</t>
  </si>
  <si>
    <t>5-3</t>
  </si>
  <si>
    <t>23AA0153</t>
  </si>
  <si>
    <t>株式会社ホライズン・ホテルズ</t>
  </si>
  <si>
    <t>2-3</t>
  </si>
  <si>
    <t>ANAクラウンプラザホテル富山（富山800す5664）</t>
  </si>
  <si>
    <t>22AM0002</t>
  </si>
  <si>
    <t>髙田食糧株式会社</t>
  </si>
  <si>
    <t>1丁目8-13</t>
  </si>
  <si>
    <t>2丁目3-15</t>
  </si>
  <si>
    <t>24AE0012</t>
  </si>
  <si>
    <t>有限会社　せん</t>
  </si>
  <si>
    <t>布瀬町南</t>
  </si>
  <si>
    <t>ことの葉</t>
  </si>
  <si>
    <t>布瀬町南二丁目1-2</t>
  </si>
  <si>
    <t>23AJ0012</t>
  </si>
  <si>
    <t>21CA0058</t>
  </si>
  <si>
    <t>珈琲豆と器　大和屋（富山480せ6516）</t>
  </si>
  <si>
    <t>蜷川459-1</t>
  </si>
  <si>
    <t>21AM0021</t>
  </si>
  <si>
    <t>ローソン水橋小出店</t>
  </si>
  <si>
    <t>水橋小出1261-1</t>
  </si>
  <si>
    <t>21AN0035</t>
  </si>
  <si>
    <t>千石町二丁目</t>
  </si>
  <si>
    <t>5-12</t>
  </si>
  <si>
    <t>家庭懐石　さがの</t>
  </si>
  <si>
    <t>21AI0163</t>
  </si>
  <si>
    <t>有限会社　良忍カンパニー</t>
  </si>
  <si>
    <t>6番2号</t>
  </si>
  <si>
    <t>アジアンカフェ　ジャパマラ</t>
  </si>
  <si>
    <t>21AI0164</t>
  </si>
  <si>
    <t>（有）TH企画　富山130た34</t>
  </si>
  <si>
    <t>21AM0022</t>
  </si>
  <si>
    <t>CAFE　bean・Z</t>
  </si>
  <si>
    <t>白銀町</t>
  </si>
  <si>
    <t>21AJ0060</t>
  </si>
  <si>
    <t>3518-33</t>
  </si>
  <si>
    <t>ファミリーマート　富山五福店</t>
  </si>
  <si>
    <t>19AN0055</t>
  </si>
  <si>
    <t>有限会社　オカダフードサプライ</t>
  </si>
  <si>
    <t>婦中町増田</t>
  </si>
  <si>
    <t>30-1</t>
  </si>
  <si>
    <t>ポムの樹　富山ファボーレ店</t>
  </si>
  <si>
    <t>21AA0147</t>
  </si>
  <si>
    <t>株式会社　茶藝庭</t>
  </si>
  <si>
    <t>３－１９</t>
  </si>
  <si>
    <t xml:space="preserve">中華菜館　茶藝庭 </t>
  </si>
  <si>
    <t>太郎丸本町</t>
  </si>
  <si>
    <t>四丁目3-2</t>
  </si>
  <si>
    <t>風月花ビル101</t>
  </si>
  <si>
    <t>21AB0013</t>
  </si>
  <si>
    <t>本宮</t>
  </si>
  <si>
    <t>こっとん</t>
  </si>
  <si>
    <t>本宮花切割</t>
  </si>
  <si>
    <t>４－４１</t>
  </si>
  <si>
    <t>21AF0014</t>
  </si>
  <si>
    <t>有限会社　共栄社</t>
  </si>
  <si>
    <t>喜久井町</t>
  </si>
  <si>
    <t>２　ＡＰＡ早稲田ビル５Ｆ</t>
  </si>
  <si>
    <t>京都銀ゆば　富山駅前店</t>
  </si>
  <si>
    <t>８８－２</t>
  </si>
  <si>
    <t>アパホテル富山駅前　１Ｆ</t>
  </si>
  <si>
    <t>21AF0015</t>
  </si>
  <si>
    <t>名古屋コーチン十六夜</t>
  </si>
  <si>
    <t>1-10  1F</t>
  </si>
  <si>
    <t>73</t>
  </si>
  <si>
    <t>21AA0146</t>
  </si>
  <si>
    <t>ＳＡＮＤＷＩＣＨ　ＳＴＯＲＹ　Ｅ.Ｍ</t>
  </si>
  <si>
    <t>21AE0044</t>
  </si>
  <si>
    <t>株式会社　加賀屋</t>
  </si>
  <si>
    <t>七尾市</t>
  </si>
  <si>
    <t>和倉町</t>
  </si>
  <si>
    <t>ヨ部80番地</t>
  </si>
  <si>
    <t>加賀屋　八尾茶屋</t>
  </si>
  <si>
    <t>八尾町諏訪町</t>
  </si>
  <si>
    <t>2419</t>
  </si>
  <si>
    <t>21AJ0061</t>
  </si>
  <si>
    <t>粋庵　芙蓉庵</t>
  </si>
  <si>
    <t>２４７１</t>
  </si>
  <si>
    <t>喫茶軽食</t>
  </si>
  <si>
    <t>22AJ0096</t>
  </si>
  <si>
    <t>野口</t>
  </si>
  <si>
    <t>1227</t>
  </si>
  <si>
    <t>庄司工房</t>
  </si>
  <si>
    <t>21CA0059</t>
  </si>
  <si>
    <t>八尾町正間</t>
  </si>
  <si>
    <t>聚楽 創</t>
  </si>
  <si>
    <t>749-1</t>
  </si>
  <si>
    <t>21AA0148</t>
  </si>
  <si>
    <t>6-1</t>
  </si>
  <si>
    <t>海幸山幸　越中茶屋</t>
  </si>
  <si>
    <t>１－２２０</t>
  </si>
  <si>
    <t>きときと市場とやマルシェ内</t>
  </si>
  <si>
    <t>21AD0032</t>
  </si>
  <si>
    <t>示野珈琲</t>
  </si>
  <si>
    <t>明輪町1番231号MAROOT1階第106号</t>
  </si>
  <si>
    <t>22AI0066</t>
  </si>
  <si>
    <t>1341-2</t>
  </si>
  <si>
    <t>ニュー　ヤナセ</t>
  </si>
  <si>
    <t>21AA0149</t>
  </si>
  <si>
    <t>有限会社ヤギヤフード</t>
  </si>
  <si>
    <t>京田</t>
  </si>
  <si>
    <t>433</t>
  </si>
  <si>
    <t>モスバーガー　富山掛尾店</t>
  </si>
  <si>
    <t>619</t>
  </si>
  <si>
    <t>22AA0011</t>
  </si>
  <si>
    <t>２－５</t>
  </si>
  <si>
    <t>大町糀店</t>
  </si>
  <si>
    <t>21CF0004</t>
  </si>
  <si>
    <t>ｋ　ｃａｆｅ</t>
  </si>
  <si>
    <t>３０３１－４</t>
  </si>
  <si>
    <t>21AI0165</t>
  </si>
  <si>
    <t>八尾町石戸</t>
  </si>
  <si>
    <t>ラーメン　蔵王</t>
  </si>
  <si>
    <t>６６９－１</t>
  </si>
  <si>
    <t>21AD0033</t>
  </si>
  <si>
    <t>２０４－１</t>
  </si>
  <si>
    <t>喫茶　たいむ</t>
  </si>
  <si>
    <t>21AJ0062</t>
  </si>
  <si>
    <t>１９９</t>
  </si>
  <si>
    <t>お食事処　あらい</t>
  </si>
  <si>
    <t>21AG0015</t>
  </si>
  <si>
    <t>大泉中町</t>
  </si>
  <si>
    <t>むつ美</t>
  </si>
  <si>
    <t>西町</t>
  </si>
  <si>
    <t>9-18</t>
  </si>
  <si>
    <t>ウエストハウスビル　2F</t>
  </si>
  <si>
    <t>21AI0166</t>
  </si>
  <si>
    <t>婦中町河原町</t>
  </si>
  <si>
    <t>503</t>
  </si>
  <si>
    <t>ゴンドラ製菓</t>
  </si>
  <si>
    <t>21CA0060</t>
  </si>
  <si>
    <t>ホーライサンワイナリー　株式会社</t>
  </si>
  <si>
    <t>婦中町鶚谷</t>
  </si>
  <si>
    <t>㉑ 酒類製造業</t>
  </si>
  <si>
    <t>21CP0001</t>
  </si>
  <si>
    <t>やまふじぶどう園カフェ</t>
  </si>
  <si>
    <t>9番地5</t>
  </si>
  <si>
    <t>23AJ0084</t>
  </si>
  <si>
    <t>セブン-イレブン富山上大久保店</t>
  </si>
  <si>
    <t>486-1</t>
  </si>
  <si>
    <t>21AN0036</t>
  </si>
  <si>
    <t>北代二区</t>
  </si>
  <si>
    <t>6543</t>
  </si>
  <si>
    <t>早瀬鮮魚店</t>
  </si>
  <si>
    <t>21AE0045</t>
  </si>
  <si>
    <t>21BD0051</t>
  </si>
  <si>
    <t>八尾乳業協同組合</t>
  </si>
  <si>
    <t>5366</t>
  </si>
  <si>
    <t>589</t>
  </si>
  <si>
    <t>⑦ 乳処理業</t>
  </si>
  <si>
    <t>22DA0003</t>
  </si>
  <si>
    <t>ホーライサン</t>
  </si>
  <si>
    <t>婦中町吉谷</t>
  </si>
  <si>
    <t>21AA0150</t>
  </si>
  <si>
    <t>有限会社　大黒</t>
  </si>
  <si>
    <t>617</t>
  </si>
  <si>
    <t>大黒屋旅館</t>
  </si>
  <si>
    <t>21AF0016</t>
  </si>
  <si>
    <t>株式会社　陽進堂</t>
  </si>
  <si>
    <t>婦中町萩島</t>
  </si>
  <si>
    <t>３６９７－８</t>
  </si>
  <si>
    <t>21CK0002</t>
  </si>
  <si>
    <t>神通町一丁目</t>
  </si>
  <si>
    <t>1-25</t>
  </si>
  <si>
    <t>R＆T</t>
  </si>
  <si>
    <t>21AI0167</t>
  </si>
  <si>
    <t>長附</t>
  </si>
  <si>
    <t>ファミリーマート　富山岩瀬浜店</t>
  </si>
  <si>
    <t>岩瀬天神町</t>
  </si>
  <si>
    <t>17AN0034</t>
  </si>
  <si>
    <t>ファミリーマート　富山黒崎店</t>
  </si>
  <si>
    <t>18AN0032</t>
  </si>
  <si>
    <t>八尾町掛畑</t>
  </si>
  <si>
    <t>尾野　真理子</t>
  </si>
  <si>
    <t>1710</t>
  </si>
  <si>
    <t>23CT0004</t>
  </si>
  <si>
    <t>255-1</t>
  </si>
  <si>
    <t>キャラメル姫</t>
  </si>
  <si>
    <t>21CA0062</t>
  </si>
  <si>
    <t>スナック　ファインローズ</t>
  </si>
  <si>
    <t>４－９</t>
  </si>
  <si>
    <t>ナカヤビル２Ｆ</t>
  </si>
  <si>
    <t>21AI0168</t>
  </si>
  <si>
    <t>社会福祉法人白皇山保護園</t>
  </si>
  <si>
    <t>白皇さんの匠</t>
  </si>
  <si>
    <t>508-1</t>
  </si>
  <si>
    <t>21CE0003</t>
  </si>
  <si>
    <t>株式会社寿</t>
  </si>
  <si>
    <t>太田口通二丁目</t>
  </si>
  <si>
    <t>ホテルサンのサン</t>
  </si>
  <si>
    <t>21AF0017</t>
  </si>
  <si>
    <t>クラシモ神島株式会社</t>
  </si>
  <si>
    <t>239-1</t>
  </si>
  <si>
    <t>GENICO</t>
  </si>
  <si>
    <t>269</t>
  </si>
  <si>
    <t>神島リビング１F</t>
  </si>
  <si>
    <t>21AJ0063</t>
  </si>
  <si>
    <t>23CD0002</t>
  </si>
  <si>
    <t>株式会社ＴＯＣＯ</t>
  </si>
  <si>
    <t>17-1</t>
  </si>
  <si>
    <t>お弁当のとみや　富山店</t>
  </si>
  <si>
    <t>安養寺</t>
  </si>
  <si>
    <t>549番1</t>
  </si>
  <si>
    <t>21AE0051</t>
  </si>
  <si>
    <t>石金</t>
  </si>
  <si>
    <t>1-10-1</t>
  </si>
  <si>
    <t>アリアナ　キリム＆アート　ギャラリー</t>
  </si>
  <si>
    <t>21AA0167</t>
  </si>
  <si>
    <t>The　Walt</t>
  </si>
  <si>
    <t>21AI0169</t>
  </si>
  <si>
    <t>GATEAU　BASQUE</t>
  </si>
  <si>
    <t>3846-3</t>
  </si>
  <si>
    <t>21AJ0064</t>
  </si>
  <si>
    <t>笹津</t>
  </si>
  <si>
    <t>３９７－１</t>
  </si>
  <si>
    <t>中谷商店（中谷甘党）</t>
  </si>
  <si>
    <t>21AN0037</t>
  </si>
  <si>
    <t>21CA0063</t>
  </si>
  <si>
    <t>4-23</t>
  </si>
  <si>
    <t>癒しの湯宿　クレヨンハウス</t>
  </si>
  <si>
    <t>21AF0018</t>
  </si>
  <si>
    <t>株式会社GOOGIE</t>
  </si>
  <si>
    <t>問屋町</t>
  </si>
  <si>
    <t>1-6-1</t>
  </si>
  <si>
    <t>ファミリーマート　富山千代田町店</t>
  </si>
  <si>
    <t>8-35</t>
  </si>
  <si>
    <t>23AN0021</t>
  </si>
  <si>
    <t>ファミリーマート　富山山室店</t>
  </si>
  <si>
    <t>9-7</t>
  </si>
  <si>
    <t>24AN0005</t>
  </si>
  <si>
    <t>歌の路草　あんり</t>
  </si>
  <si>
    <t>蛯町4-7</t>
  </si>
  <si>
    <t>高戸ビル２Ｆ</t>
  </si>
  <si>
    <t>21AI0171</t>
  </si>
  <si>
    <t>呉羽町2929</t>
  </si>
  <si>
    <t>竹田精肉店</t>
  </si>
  <si>
    <t>21AK0012</t>
  </si>
  <si>
    <t>21BF0052</t>
  </si>
  <si>
    <t>株式会社あきんどスシロー</t>
  </si>
  <si>
    <t>吹田市</t>
  </si>
  <si>
    <t>江坂町</t>
  </si>
  <si>
    <t>1-22-2</t>
  </si>
  <si>
    <t>スシロー富山太郎丸店</t>
  </si>
  <si>
    <t>3-7-18</t>
  </si>
  <si>
    <t>22AC0015</t>
  </si>
  <si>
    <t>Ｈａｓｓｈｉ（ハッシ）</t>
  </si>
  <si>
    <t>総曲輪三丁目2-27</t>
  </si>
  <si>
    <t>総曲輪サンシャインビル</t>
  </si>
  <si>
    <t>21AE0046</t>
  </si>
  <si>
    <t>2267</t>
  </si>
  <si>
    <t>宮田旅館</t>
  </si>
  <si>
    <t>21AF0021</t>
  </si>
  <si>
    <t>セネバシナ</t>
  </si>
  <si>
    <t>婦中町小倉</t>
  </si>
  <si>
    <t>304</t>
  </si>
  <si>
    <t>21AI0170</t>
  </si>
  <si>
    <t>22CA0017</t>
  </si>
  <si>
    <t>啐硺　かねぶん</t>
  </si>
  <si>
    <t>室町通り1-1-16</t>
  </si>
  <si>
    <t>21AG0016</t>
  </si>
  <si>
    <t>婦中町長沢</t>
  </si>
  <si>
    <t>2897-4</t>
  </si>
  <si>
    <t>川村精肉店</t>
  </si>
  <si>
    <t>21BF0053</t>
  </si>
  <si>
    <t>有限会社　西野商店</t>
  </si>
  <si>
    <t>高内216</t>
  </si>
  <si>
    <t>21CF0005</t>
  </si>
  <si>
    <t>三俣山荘株式会社</t>
  </si>
  <si>
    <t>穂高有明</t>
  </si>
  <si>
    <t>５７１８番地１１６</t>
  </si>
  <si>
    <t>三俣山荘</t>
  </si>
  <si>
    <t>有峰黒部谷割</t>
  </si>
  <si>
    <t>21AF0019</t>
  </si>
  <si>
    <t>水晶小屋</t>
  </si>
  <si>
    <t>有峰黒部谷割国有林</t>
  </si>
  <si>
    <t>109イ林小班</t>
  </si>
  <si>
    <t>21AF0020</t>
  </si>
  <si>
    <t>丸の内二丁目</t>
  </si>
  <si>
    <t>アメリカンクラブウエスト</t>
  </si>
  <si>
    <t>森山電機第２ビル</t>
  </si>
  <si>
    <t>21AI0172</t>
  </si>
  <si>
    <t>有限会社　フーズデベロップメント</t>
  </si>
  <si>
    <t>下赤江町二丁目</t>
  </si>
  <si>
    <t>２－３４</t>
  </si>
  <si>
    <t>マルチョウ豚骨（富山８００す５５４０）</t>
  </si>
  <si>
    <t>21AM0023</t>
  </si>
  <si>
    <t>海鮮と炭火焼き　暖座</t>
  </si>
  <si>
    <t>2-1-1</t>
  </si>
  <si>
    <t>アミューズビル１F</t>
  </si>
  <si>
    <t>23AI0036</t>
  </si>
  <si>
    <t>ひつじのゆめ</t>
  </si>
  <si>
    <t>内幸ビルA館4F</t>
  </si>
  <si>
    <t>21AI0173</t>
  </si>
  <si>
    <t>有限会社　林盛堂本店</t>
  </si>
  <si>
    <t>3-8</t>
  </si>
  <si>
    <t>21CA0064</t>
  </si>
  <si>
    <t>2-4</t>
  </si>
  <si>
    <t>天平</t>
  </si>
  <si>
    <t>21AA0154</t>
  </si>
  <si>
    <t>千石町一丁目</t>
  </si>
  <si>
    <t>まるぜん食堂</t>
  </si>
  <si>
    <t>21AA0153</t>
  </si>
  <si>
    <t>olu olu</t>
  </si>
  <si>
    <t>富建ビル　１階</t>
  </si>
  <si>
    <t>21AI0175</t>
  </si>
  <si>
    <t>有限会社　プライムワン</t>
  </si>
  <si>
    <t>柳町二丁目</t>
  </si>
  <si>
    <t>3-9</t>
  </si>
  <si>
    <t>西町大喜　とやマルシェ店</t>
  </si>
  <si>
    <t>21AD0034</t>
  </si>
  <si>
    <t>もてなし蔵　和on</t>
  </si>
  <si>
    <t>越前町</t>
  </si>
  <si>
    <t>5-8</t>
  </si>
  <si>
    <t>21CA0065</t>
  </si>
  <si>
    <t>Human　Being株式会社</t>
  </si>
  <si>
    <t>757-5</t>
  </si>
  <si>
    <t>富ノ旨ミ28BY</t>
  </si>
  <si>
    <t>21AI0177</t>
  </si>
  <si>
    <t>21CC0001</t>
  </si>
  <si>
    <t>酒場ヤマ富</t>
  </si>
  <si>
    <t>SOGAWA BASE 1F</t>
  </si>
  <si>
    <t>20AI0150</t>
  </si>
  <si>
    <t>居酒屋　あんぽんたん</t>
  </si>
  <si>
    <t>水明舎ビル1F</t>
  </si>
  <si>
    <t>20AI0136</t>
  </si>
  <si>
    <t>株式会社　ｃａｎａｄｅｌｌｂｅｒｒｙ</t>
  </si>
  <si>
    <t>塩</t>
  </si>
  <si>
    <t>３０１１</t>
  </si>
  <si>
    <t>ｃａｎａｄｅｌｌｂｅｒｒｙ</t>
  </si>
  <si>
    <t>21CA0066</t>
  </si>
  <si>
    <t>canadellberry 総曲輪店</t>
  </si>
  <si>
    <t>3-2-15</t>
  </si>
  <si>
    <t>23AJ0060</t>
  </si>
  <si>
    <t>株式会社　フレール</t>
  </si>
  <si>
    <t>城東一丁目</t>
  </si>
  <si>
    <t>１３－３０</t>
  </si>
  <si>
    <t>ノータイム</t>
  </si>
  <si>
    <t>６－２９</t>
  </si>
  <si>
    <t>21AJ0065</t>
  </si>
  <si>
    <t>Ｈｅａｒｔｓ</t>
  </si>
  <si>
    <t>１２－１</t>
  </si>
  <si>
    <t>中央ホールビル２Ｆ</t>
  </si>
  <si>
    <t>21AI0256</t>
  </si>
  <si>
    <t>Ｓｈｏｗ　ｍａｎ</t>
  </si>
  <si>
    <t>中央ホールビル３Ｆ</t>
  </si>
  <si>
    <t>21AI0257</t>
  </si>
  <si>
    <t>楡原</t>
  </si>
  <si>
    <t>650-1</t>
  </si>
  <si>
    <t>中﨑菓子店</t>
  </si>
  <si>
    <t>21CA0067</t>
  </si>
  <si>
    <t>株式会社　富山ナイステック</t>
  </si>
  <si>
    <t>問屋町9番地</t>
  </si>
  <si>
    <t>元町珈琲　富山掛尾の離れ</t>
  </si>
  <si>
    <t>24AJ0021</t>
  </si>
  <si>
    <t>21AI0179</t>
  </si>
  <si>
    <t>富山大学生活協同組合</t>
  </si>
  <si>
    <t>3190</t>
  </si>
  <si>
    <t>富山大学生活協同組合　キャンパスコンビニ　チューリップ</t>
  </si>
  <si>
    <t>菓子製造業</t>
  </si>
  <si>
    <t>21AJ0066</t>
  </si>
  <si>
    <t>23CA0104</t>
  </si>
  <si>
    <t>富山大学生活協同組合　杉谷キャンパス　食堂</t>
  </si>
  <si>
    <t>杉谷</t>
  </si>
  <si>
    <t>2630</t>
  </si>
  <si>
    <t>21AA0155</t>
  </si>
  <si>
    <t>富山大学生活協同組合　本店食堂</t>
  </si>
  <si>
    <t>21AA0156</t>
  </si>
  <si>
    <t>富山大学生活協同組合　Open Cafe AZAMI</t>
  </si>
  <si>
    <t>22AJ0101</t>
  </si>
  <si>
    <t>22CA0094</t>
  </si>
  <si>
    <t>富山大学生活協同組合　杉谷キャンパス　購買部</t>
  </si>
  <si>
    <t>23CA0105</t>
  </si>
  <si>
    <t>城川原二丁目</t>
  </si>
  <si>
    <t>２－２５</t>
  </si>
  <si>
    <t>Ｄéｌｉｃｅ</t>
  </si>
  <si>
    <t>21AJ0067</t>
  </si>
  <si>
    <t>23CA0060</t>
  </si>
  <si>
    <t>エフテレット株式会社</t>
  </si>
  <si>
    <t>才覚寺</t>
  </si>
  <si>
    <t>760</t>
  </si>
  <si>
    <t>エフテレット</t>
  </si>
  <si>
    <t>21AJ0068</t>
  </si>
  <si>
    <t>21CA0068</t>
  </si>
  <si>
    <t>ケボウソフトウェア　株式会社</t>
  </si>
  <si>
    <t>高田</t>
  </si>
  <si>
    <t>５２７　情報ビル</t>
  </si>
  <si>
    <t>トッポリーノ</t>
  </si>
  <si>
    <t>５２７</t>
  </si>
  <si>
    <t>情報ビル５Ｆ</t>
  </si>
  <si>
    <t>21AA0157</t>
  </si>
  <si>
    <t>堀川小泉町</t>
  </si>
  <si>
    <t>麺や　美豚</t>
  </si>
  <si>
    <t>166-4</t>
  </si>
  <si>
    <t>22AD0037</t>
  </si>
  <si>
    <t>戸破</t>
  </si>
  <si>
    <t>くれは山荘</t>
  </si>
  <si>
    <t>西金屋</t>
  </si>
  <si>
    <t>6717</t>
  </si>
  <si>
    <t>21AA0158</t>
  </si>
  <si>
    <t>いるかホステル</t>
  </si>
  <si>
    <t>奥田新町</t>
  </si>
  <si>
    <t>8-1</t>
  </si>
  <si>
    <t>ボルファートとやま201室</t>
  </si>
  <si>
    <t>21AF0022</t>
  </si>
  <si>
    <t>株式会社サンショウ</t>
  </si>
  <si>
    <t>新根塚町</t>
  </si>
  <si>
    <t>3-2-2</t>
  </si>
  <si>
    <t>株式会社サンショウ　栄町店</t>
  </si>
  <si>
    <t>栄町3-2-29</t>
  </si>
  <si>
    <t>22AK0017</t>
  </si>
  <si>
    <t>22BF0012</t>
  </si>
  <si>
    <t>22BD0020</t>
  </si>
  <si>
    <t>2番32号</t>
  </si>
  <si>
    <t>22AN0004</t>
  </si>
  <si>
    <t>居酒屋　大ちゃん</t>
  </si>
  <si>
    <t>婦中町麦島</t>
  </si>
  <si>
    <t>21AI0180</t>
  </si>
  <si>
    <t>特定非営利活動法人　デイサービス　このゆびとーまれ</t>
  </si>
  <si>
    <t>富岡町</t>
  </si>
  <si>
    <t>355</t>
  </si>
  <si>
    <t>デイサービス　このゆびとーまれ茶屋</t>
  </si>
  <si>
    <t>441-3</t>
  </si>
  <si>
    <t>21AA0160</t>
  </si>
  <si>
    <t>株式会社　ユニード</t>
  </si>
  <si>
    <t>1298</t>
  </si>
  <si>
    <t>北陸電力（株）　常願寺寮</t>
  </si>
  <si>
    <t>220</t>
  </si>
  <si>
    <t>21AA0159</t>
  </si>
  <si>
    <t>デイサービスあおば</t>
  </si>
  <si>
    <t>2702-1</t>
  </si>
  <si>
    <t>22AA0117</t>
  </si>
  <si>
    <t>富山県警察学校食堂</t>
  </si>
  <si>
    <t>8丁目2番46号</t>
  </si>
  <si>
    <t>23AA0044</t>
  </si>
  <si>
    <t>株式会社　片山製薬所　食堂</t>
  </si>
  <si>
    <t>八尾町保内</t>
  </si>
  <si>
    <t>1丁目3番地</t>
  </si>
  <si>
    <t>23AA0110</t>
  </si>
  <si>
    <t>株式会社ダイケイ</t>
  </si>
  <si>
    <t>片口高場</t>
  </si>
  <si>
    <t>65-12</t>
  </si>
  <si>
    <t>モスバーガー富山上飯野店</t>
  </si>
  <si>
    <t>15-3</t>
  </si>
  <si>
    <t>23AJ0010</t>
  </si>
  <si>
    <t>有限会社ゆりまあゆ</t>
  </si>
  <si>
    <t>295-1</t>
  </si>
  <si>
    <t>ファミリーマート　富山新屋北店</t>
  </si>
  <si>
    <t>23AN0015</t>
  </si>
  <si>
    <t>焼肉　北斗</t>
  </si>
  <si>
    <t>布瀬町2-2-11</t>
  </si>
  <si>
    <t>21AI0181</t>
  </si>
  <si>
    <t>株式会社Me　Time</t>
  </si>
  <si>
    <t>2-8</t>
  </si>
  <si>
    <t>惣菜屋　MUROMACHI</t>
  </si>
  <si>
    <t>21AK0014</t>
  </si>
  <si>
    <t>酔芙蓉</t>
  </si>
  <si>
    <t>2-11-002号</t>
  </si>
  <si>
    <t>ふんすい横丁</t>
  </si>
  <si>
    <t>21AI0182</t>
  </si>
  <si>
    <t>長江本町</t>
  </si>
  <si>
    <t>SIZUKI</t>
  </si>
  <si>
    <t>グリーンタウンビル２-D</t>
  </si>
  <si>
    <t>21AI0183</t>
  </si>
  <si>
    <t>池多</t>
  </si>
  <si>
    <t>ファミリーマート　富山西インター</t>
  </si>
  <si>
    <t>1428-2</t>
  </si>
  <si>
    <t>21AN0033</t>
  </si>
  <si>
    <t>4174-1</t>
  </si>
  <si>
    <t>マイランチ</t>
  </si>
  <si>
    <t>21AE0047</t>
  </si>
  <si>
    <t>株式会社　ヤマトコ</t>
  </si>
  <si>
    <t>1026-1</t>
  </si>
  <si>
    <t>山元食道</t>
  </si>
  <si>
    <t>八尾町鏡町</t>
  </si>
  <si>
    <t>1000-10</t>
  </si>
  <si>
    <t>21AA0161</t>
  </si>
  <si>
    <t>たこ焼きの蛸入道</t>
  </si>
  <si>
    <t>５７８－１</t>
  </si>
  <si>
    <t>21AN0039</t>
  </si>
  <si>
    <t>有限会社　フレック</t>
  </si>
  <si>
    <t>4585-1</t>
  </si>
  <si>
    <t>21AK0013</t>
  </si>
  <si>
    <t>21BD0054</t>
  </si>
  <si>
    <t>魚津市</t>
  </si>
  <si>
    <t>ファミリーマート　富山八尾井田店</t>
  </si>
  <si>
    <t>八尾町井田4218-1</t>
  </si>
  <si>
    <t>18AN0041</t>
  </si>
  <si>
    <t>ファミリーマート　富山四方店</t>
  </si>
  <si>
    <t>四方</t>
  </si>
  <si>
    <t>286-1</t>
  </si>
  <si>
    <t>19AN0061</t>
  </si>
  <si>
    <t>株式会社　東横イン</t>
  </si>
  <si>
    <t>新蒲田一丁目</t>
  </si>
  <si>
    <t>７－４</t>
  </si>
  <si>
    <t>(株)東横ＩＮＮ富山駅新幹線口Ⅰ</t>
  </si>
  <si>
    <t>５－１</t>
  </si>
  <si>
    <t>21AF0023</t>
  </si>
  <si>
    <t>東横ＩＮＮ富山駅新幹線口Ⅱ</t>
  </si>
  <si>
    <t>１丁目４番１号</t>
  </si>
  <si>
    <t>24AF0003</t>
  </si>
  <si>
    <t>六区1929</t>
  </si>
  <si>
    <t>喜寿司</t>
  </si>
  <si>
    <t>21AC0012</t>
  </si>
  <si>
    <t>スナック　LaLa</t>
  </si>
  <si>
    <t>寺町</t>
  </si>
  <si>
    <t>65-21</t>
  </si>
  <si>
    <t>21AI0186</t>
  </si>
  <si>
    <t>羽衣庵</t>
  </si>
  <si>
    <t>押上</t>
  </si>
  <si>
    <t>270</t>
  </si>
  <si>
    <t>21AJ0069</t>
  </si>
  <si>
    <t>豊丘町</t>
  </si>
  <si>
    <t>美帆</t>
  </si>
  <si>
    <t>2-9</t>
  </si>
  <si>
    <t>西村ビル2Ｆ</t>
  </si>
  <si>
    <t>21AI0185</t>
  </si>
  <si>
    <t>福鶴酒造　株式会社</t>
  </si>
  <si>
    <t>２３５２</t>
  </si>
  <si>
    <t>福鶴酒造株式会社</t>
  </si>
  <si>
    <t>21CP0002</t>
  </si>
  <si>
    <t>番１</t>
  </si>
  <si>
    <t>日俣</t>
  </si>
  <si>
    <t>140番地5</t>
  </si>
  <si>
    <t>21AE0048</t>
  </si>
  <si>
    <t>326</t>
  </si>
  <si>
    <t>加藤製菓</t>
  </si>
  <si>
    <t>21CA0069</t>
  </si>
  <si>
    <t>居酒屋　ポチの家</t>
  </si>
  <si>
    <t>アミティ宝1F</t>
  </si>
  <si>
    <t>21CA0070</t>
  </si>
  <si>
    <t>株式会社すき家</t>
  </si>
  <si>
    <t>港南２丁目１８番１号</t>
  </si>
  <si>
    <t>すき家　359号婦中店</t>
  </si>
  <si>
    <t>23AA0117</t>
  </si>
  <si>
    <t>すき家　富山五福店</t>
  </si>
  <si>
    <t>五福字中割</t>
  </si>
  <si>
    <t>2325-3</t>
  </si>
  <si>
    <t>23AA0116</t>
  </si>
  <si>
    <t>すき家41号大沢野店</t>
  </si>
  <si>
    <t>１０５２－１</t>
  </si>
  <si>
    <t>22AA0118</t>
  </si>
  <si>
    <t>すき家　富山下冨居店</t>
  </si>
  <si>
    <t>2丁目13番77号</t>
  </si>
  <si>
    <t>23AA0011</t>
  </si>
  <si>
    <t>絲ｃａｆｅ</t>
  </si>
  <si>
    <t>８２</t>
  </si>
  <si>
    <t>21AJ0070</t>
  </si>
  <si>
    <t>とわだ</t>
  </si>
  <si>
    <t>レストタウンビル2F</t>
  </si>
  <si>
    <t>21AI0187</t>
  </si>
  <si>
    <t>株式会社　なかせ</t>
  </si>
  <si>
    <t>4893番地</t>
  </si>
  <si>
    <t>なかせ総合斎場　みどり会館</t>
  </si>
  <si>
    <t>北二ツ屋</t>
  </si>
  <si>
    <t>70番6</t>
  </si>
  <si>
    <t>21AA0162</t>
  </si>
  <si>
    <t>株式会社勉強屋</t>
  </si>
  <si>
    <t>守山町</t>
  </si>
  <si>
    <t>53番地</t>
  </si>
  <si>
    <t>ファミリーマート　富山八尾町店</t>
  </si>
  <si>
    <t>八尾町妙川寺</t>
  </si>
  <si>
    <t>21-1</t>
  </si>
  <si>
    <t>18AN0053</t>
  </si>
  <si>
    <t>ファミリーマート　富山八尾福島店</t>
  </si>
  <si>
    <t>459</t>
  </si>
  <si>
    <t>18AN0052</t>
  </si>
  <si>
    <t>株式会社EverT</t>
  </si>
  <si>
    <t>高畠町</t>
  </si>
  <si>
    <t>一丁目２－３</t>
  </si>
  <si>
    <t>ほとり座</t>
  </si>
  <si>
    <t>３丁目３－１６</t>
  </si>
  <si>
    <t>総曲輪ウィズビル４階</t>
  </si>
  <si>
    <t>21CD0010</t>
  </si>
  <si>
    <t>社会福祉法人　富山県精神保健福祉協会</t>
  </si>
  <si>
    <t>474番地2</t>
  </si>
  <si>
    <t>ゆりの木の里</t>
  </si>
  <si>
    <t>21AJ0071</t>
  </si>
  <si>
    <t>21CA0071</t>
  </si>
  <si>
    <t>3-14</t>
  </si>
  <si>
    <t>前留鱒寿し店</t>
  </si>
  <si>
    <t>21AE0050</t>
  </si>
  <si>
    <t>三代目ボーンミート</t>
  </si>
  <si>
    <t>一番町</t>
  </si>
  <si>
    <t>4-25</t>
  </si>
  <si>
    <t>24AK0005</t>
  </si>
  <si>
    <t>24BF0007</t>
  </si>
  <si>
    <t>下大久保3166</t>
  </si>
  <si>
    <t>やなせ</t>
  </si>
  <si>
    <t>21AA0163</t>
  </si>
  <si>
    <t>桜木町７－１２</t>
  </si>
  <si>
    <t>地酒・食事　十玄</t>
  </si>
  <si>
    <t>千龍ビル２Ｆ</t>
  </si>
  <si>
    <t>21AI0188</t>
  </si>
  <si>
    <t>雨みや</t>
  </si>
  <si>
    <t>山崎ビル2F</t>
  </si>
  <si>
    <t>21AI0189</t>
  </si>
  <si>
    <t>シーザース・ポイント</t>
  </si>
  <si>
    <t>17番街ビルBF</t>
  </si>
  <si>
    <t>21AI0201</t>
  </si>
  <si>
    <t>カントリーロード</t>
  </si>
  <si>
    <t>10-12</t>
  </si>
  <si>
    <t>21AI0190</t>
  </si>
  <si>
    <t>町村</t>
  </si>
  <si>
    <t>EMA  OYATSU</t>
  </si>
  <si>
    <t>東中野町三丁目</t>
  </si>
  <si>
    <t>4-33</t>
  </si>
  <si>
    <t>ひつじビル１F</t>
  </si>
  <si>
    <t>23CA0097</t>
  </si>
  <si>
    <t>上千俵町</t>
  </si>
  <si>
    <t>Ｐｕｓｈ－ｂ</t>
  </si>
  <si>
    <t>３－１０</t>
  </si>
  <si>
    <t>サンシャインビル１Ｆ</t>
  </si>
  <si>
    <t>21AI0191</t>
  </si>
  <si>
    <t>有限会社　中村麺業</t>
  </si>
  <si>
    <t>総栄通り　東京亭</t>
  </si>
  <si>
    <t>2-5</t>
  </si>
  <si>
    <t>21AD0037</t>
  </si>
  <si>
    <t>パントルージュ・キャンディー</t>
  </si>
  <si>
    <t>第一三愛ビル２F</t>
  </si>
  <si>
    <t>21AI0192</t>
  </si>
  <si>
    <t>サントリービバレッジソリューション株式会社</t>
  </si>
  <si>
    <t>西新宿八丁目</t>
  </si>
  <si>
    <t>17番1号</t>
  </si>
  <si>
    <t>中越精器（株）</t>
  </si>
  <si>
    <t>向新庄町七丁目</t>
  </si>
  <si>
    <t>14-41</t>
  </si>
  <si>
    <t>21ED0002</t>
  </si>
  <si>
    <t>１９２７</t>
  </si>
  <si>
    <t>ｃａｆｅ　５</t>
  </si>
  <si>
    <t>21AJ0073</t>
  </si>
  <si>
    <t>21CA0073</t>
  </si>
  <si>
    <t>有限会社針田鐘堂</t>
  </si>
  <si>
    <t>21CA0074</t>
  </si>
  <si>
    <t>Ｏｌｄ　Ｓａｉｎｔ　Ｒｉｃｋｅｙ’ｓ</t>
  </si>
  <si>
    <t>内幸町7-6</t>
  </si>
  <si>
    <t>桝山ビル２Ｆ</t>
  </si>
  <si>
    <t>21AI0193</t>
  </si>
  <si>
    <t>鯛安日和</t>
  </si>
  <si>
    <t>80-129</t>
  </si>
  <si>
    <t>21CA0075</t>
  </si>
  <si>
    <t>合同会社　遊水会</t>
  </si>
  <si>
    <t>古志町五丁目</t>
  </si>
  <si>
    <t>55番地</t>
  </si>
  <si>
    <t>水橋食堂　漁夫</t>
  </si>
  <si>
    <t>水橋辻ケ堂</t>
  </si>
  <si>
    <t>40-22</t>
  </si>
  <si>
    <t>21AA0164</t>
  </si>
  <si>
    <t>24CH0001</t>
  </si>
  <si>
    <t>First</t>
  </si>
  <si>
    <t>1005-2-1F</t>
  </si>
  <si>
    <t>21AI0196</t>
  </si>
  <si>
    <t>金屋</t>
  </si>
  <si>
    <t>3880-1</t>
  </si>
  <si>
    <t>鮮魚仕出おかやま</t>
  </si>
  <si>
    <t>21BF0057</t>
  </si>
  <si>
    <t>デイサービス　婦中道場</t>
  </si>
  <si>
    <t>婦中町道場</t>
  </si>
  <si>
    <t>815</t>
  </si>
  <si>
    <t>21CA0077</t>
  </si>
  <si>
    <t>株式会社　エッセンス</t>
  </si>
  <si>
    <t>安田町</t>
  </si>
  <si>
    <t>3-8 アベビル４F</t>
  </si>
  <si>
    <t>居酒屋一会　本店</t>
  </si>
  <si>
    <t>アベビル１F</t>
  </si>
  <si>
    <t>21CA0076</t>
  </si>
  <si>
    <t>居酒屋一会　桜町店</t>
  </si>
  <si>
    <t>ブレイン桜ビル2F</t>
  </si>
  <si>
    <t>24AI0103</t>
  </si>
  <si>
    <t>株式会社　魚国総本社</t>
  </si>
  <si>
    <t>大阪市中央区</t>
  </si>
  <si>
    <t>道修町</t>
  </si>
  <si>
    <t>一丁目６－１９</t>
  </si>
  <si>
    <t>魚国総本社　富山２３３３６１</t>
  </si>
  <si>
    <t>八尾町奥田</t>
  </si>
  <si>
    <t>８０</t>
  </si>
  <si>
    <t>椿寿荘内食堂</t>
  </si>
  <si>
    <t>21AA0168</t>
  </si>
  <si>
    <t>魚国総本社・富山234952</t>
  </si>
  <si>
    <t>下番</t>
  </si>
  <si>
    <t>立山科学内</t>
  </si>
  <si>
    <t>22AA0030</t>
  </si>
  <si>
    <t>魚国総本社・富山２３３５９２</t>
  </si>
  <si>
    <t>１２０－１</t>
  </si>
  <si>
    <t>22AA0049</t>
  </si>
  <si>
    <t>魚国総本社　富山234550</t>
  </si>
  <si>
    <t>稲代</t>
  </si>
  <si>
    <t>36</t>
  </si>
  <si>
    <t>ケアハウスそよかぜの郷</t>
  </si>
  <si>
    <t>22AA0151</t>
  </si>
  <si>
    <t>魚国総本社・富山2303760</t>
  </si>
  <si>
    <t>婦中町上轡田</t>
  </si>
  <si>
    <t>35-1</t>
  </si>
  <si>
    <t>ピノキオナースリースクール内</t>
  </si>
  <si>
    <t>22AA0176</t>
  </si>
  <si>
    <t>魚国総本社・富山２３４９００</t>
  </si>
  <si>
    <t>下奥井二丁目</t>
  </si>
  <si>
    <t>富山化学内</t>
  </si>
  <si>
    <t>23AA0033</t>
  </si>
  <si>
    <t>魚国総本社・富山２３４９２０</t>
  </si>
  <si>
    <t>奥田寿町</t>
  </si>
  <si>
    <t>10-2</t>
  </si>
  <si>
    <t>奥田保育園内</t>
  </si>
  <si>
    <t>23AA0032</t>
  </si>
  <si>
    <t>魚国総本社・富山234953</t>
  </si>
  <si>
    <t>木場町</t>
  </si>
  <si>
    <t>十全化学３F</t>
  </si>
  <si>
    <t>23AA0049</t>
  </si>
  <si>
    <t>魚国総本社・富山234660</t>
  </si>
  <si>
    <t>富山競輪場内</t>
  </si>
  <si>
    <t>23AA0075</t>
  </si>
  <si>
    <t>魚国総本社・富山2340403</t>
  </si>
  <si>
    <t>海岸通</t>
  </si>
  <si>
    <t>3</t>
  </si>
  <si>
    <t>三菱ケミカル株式会社　富山事業所内</t>
  </si>
  <si>
    <t>23AA0076</t>
  </si>
  <si>
    <t>魚国総本社・富山234954</t>
  </si>
  <si>
    <t>やまむろこども園内</t>
  </si>
  <si>
    <t>23AA0137</t>
  </si>
  <si>
    <t>魚国総本社・富山234110</t>
  </si>
  <si>
    <t>梅沢町</t>
  </si>
  <si>
    <t>3-19-27</t>
  </si>
  <si>
    <t>富山幼稚園</t>
  </si>
  <si>
    <t>23AA0111</t>
  </si>
  <si>
    <t>魚国総本社・富山233630</t>
  </si>
  <si>
    <t>3697番地8</t>
  </si>
  <si>
    <t>株式会社陽進堂</t>
  </si>
  <si>
    <t>23AA0112</t>
  </si>
  <si>
    <t>魚国総本社・富山234956</t>
  </si>
  <si>
    <t>下新西町</t>
  </si>
  <si>
    <t>富山製紙内</t>
  </si>
  <si>
    <t>24AA0004</t>
  </si>
  <si>
    <t>魚国総本社・富山234957</t>
  </si>
  <si>
    <t>206</t>
  </si>
  <si>
    <t>北陸電気工事株式会社・能力開発センター１F</t>
  </si>
  <si>
    <t>24AA0051</t>
  </si>
  <si>
    <t>魚国総本社・富山234957-1</t>
  </si>
  <si>
    <t>小中</t>
  </si>
  <si>
    <t>北陸電気工事株式会社１F</t>
  </si>
  <si>
    <t>24AA0052</t>
  </si>
  <si>
    <t>原</t>
  </si>
  <si>
    <t>ホワイト・ベル</t>
  </si>
  <si>
    <t>21AF0024</t>
  </si>
  <si>
    <t>有限会社　マルナミ</t>
  </si>
  <si>
    <t>3918-118</t>
  </si>
  <si>
    <t>21AK0015</t>
  </si>
  <si>
    <t>有限会社　ヒロアンドユウ</t>
  </si>
  <si>
    <t>82-18</t>
  </si>
  <si>
    <t>モスバーガー富山呉羽店</t>
  </si>
  <si>
    <t>本郷東部</t>
  </si>
  <si>
    <t>16-3</t>
  </si>
  <si>
    <t>22AJ0089</t>
  </si>
  <si>
    <t>願海寺</t>
  </si>
  <si>
    <t>酒処みき　＜スナック＞</t>
  </si>
  <si>
    <t>7162-1</t>
  </si>
  <si>
    <t>松浦ビル1F</t>
  </si>
  <si>
    <t>21AI0199</t>
  </si>
  <si>
    <t>株式会社コズミックダイナー</t>
  </si>
  <si>
    <t>大阪市北区</t>
  </si>
  <si>
    <t>野崎町</t>
  </si>
  <si>
    <t>9-13梅田扇町通ビル6F</t>
  </si>
  <si>
    <t>とろり天使のわらびもち　富山店</t>
  </si>
  <si>
    <t>区画番号2-J-2</t>
  </si>
  <si>
    <t>21CA0082</t>
  </si>
  <si>
    <t>二俣新町</t>
  </si>
  <si>
    <t>154</t>
  </si>
  <si>
    <t>ハルモニケーキ．Keiko</t>
  </si>
  <si>
    <t>21CA0081</t>
  </si>
  <si>
    <t>Ｗａ！Ｓａｎｔａ</t>
  </si>
  <si>
    <t>畑中</t>
  </si>
  <si>
    <t>５９</t>
  </si>
  <si>
    <t>桜宮マンション１Ｆ</t>
  </si>
  <si>
    <t>21AI0197</t>
  </si>
  <si>
    <t>137</t>
  </si>
  <si>
    <t>ホテル草津</t>
  </si>
  <si>
    <t>21AF0025</t>
  </si>
  <si>
    <t>セブンーイレブン　富山付属学園前店</t>
  </si>
  <si>
    <t>五艘</t>
  </si>
  <si>
    <t>1440-1</t>
  </si>
  <si>
    <t>21AN0040</t>
  </si>
  <si>
    <t>有限会社　小原営農センター</t>
  </si>
  <si>
    <t>小羽</t>
  </si>
  <si>
    <t>222</t>
  </si>
  <si>
    <t>21CA0078</t>
  </si>
  <si>
    <t>23CE0002</t>
  </si>
  <si>
    <t>住吉町一丁目</t>
  </si>
  <si>
    <t>Ｌ</t>
  </si>
  <si>
    <t>桜木センタービル３Ｆ</t>
  </si>
  <si>
    <t>21AI0198</t>
  </si>
  <si>
    <t>株式会社　ほそいり</t>
  </si>
  <si>
    <t>１１７６</t>
  </si>
  <si>
    <t>飛越ふれあい物産センター　林林</t>
  </si>
  <si>
    <t>21AJ0074</t>
  </si>
  <si>
    <t>製麺屋　SAKATA</t>
  </si>
  <si>
    <t>21CG0009</t>
  </si>
  <si>
    <t>Restaurante Sueno LASA</t>
  </si>
  <si>
    <t>21AI0195</t>
  </si>
  <si>
    <t>豊田本町四丁目</t>
  </si>
  <si>
    <t>祇園</t>
  </si>
  <si>
    <t>16-1</t>
  </si>
  <si>
    <t>21AI0226</t>
  </si>
  <si>
    <t>167</t>
  </si>
  <si>
    <t>山野スポーツセンター</t>
  </si>
  <si>
    <t>21AA0169</t>
  </si>
  <si>
    <t>はちみつや</t>
  </si>
  <si>
    <t>21AM0025</t>
  </si>
  <si>
    <t>スナック木蘭</t>
  </si>
  <si>
    <t>4-19</t>
  </si>
  <si>
    <t>リセス総曲輪ビル1F</t>
  </si>
  <si>
    <t>21AI0200</t>
  </si>
  <si>
    <t>株式会社　Mulberry</t>
  </si>
  <si>
    <t>吉倉</t>
  </si>
  <si>
    <t>212</t>
  </si>
  <si>
    <t>ファミリーマート　大沢野笹津店</t>
  </si>
  <si>
    <t>126-1</t>
  </si>
  <si>
    <t>19AN0059</t>
  </si>
  <si>
    <t>ファミリーマート　富山根塚町店</t>
  </si>
  <si>
    <t>根塚町四丁目</t>
  </si>
  <si>
    <t>19AN0040</t>
  </si>
  <si>
    <t>ファミリーマート　富山才覚寺店</t>
  </si>
  <si>
    <t>129-1</t>
  </si>
  <si>
    <t>18AN0030</t>
  </si>
  <si>
    <t>ファミリーマート富山八尾新田</t>
  </si>
  <si>
    <t>八尾町新田</t>
  </si>
  <si>
    <t>119番1</t>
  </si>
  <si>
    <t>22AN0039</t>
  </si>
  <si>
    <t>ファミリーマート　婦中ファボーレ前店</t>
  </si>
  <si>
    <t>349</t>
  </si>
  <si>
    <t>24AN0030</t>
  </si>
  <si>
    <t>株式会社土九商店</t>
  </si>
  <si>
    <t>三納</t>
  </si>
  <si>
    <t>2-178</t>
  </si>
  <si>
    <t>たい焼き工房土九　富山ファボーレ店</t>
  </si>
  <si>
    <t>21AJ0075</t>
  </si>
  <si>
    <t>21CA0083</t>
  </si>
  <si>
    <t>有限会社　池多ファーム</t>
  </si>
  <si>
    <t>北押川</t>
  </si>
  <si>
    <t>881-1</t>
  </si>
  <si>
    <t>メツゲライ・イケダ</t>
  </si>
  <si>
    <t>メツゲライ　イケダ</t>
  </si>
  <si>
    <t>古沢</t>
  </si>
  <si>
    <t>651-1</t>
  </si>
  <si>
    <t>21BF0058</t>
  </si>
  <si>
    <t>⑮ 食肉製品製造業</t>
  </si>
  <si>
    <t>21CM0002</t>
  </si>
  <si>
    <t>株式会社エスワイフード</t>
  </si>
  <si>
    <t>名古屋市中区</t>
  </si>
  <si>
    <t>新栄</t>
  </si>
  <si>
    <t>1-22-24</t>
  </si>
  <si>
    <t>世界の山ちゃん</t>
  </si>
  <si>
    <t>21AM0024</t>
  </si>
  <si>
    <t>岩瀬諏訪町</t>
  </si>
  <si>
    <t>RUITOMO人狼村</t>
  </si>
  <si>
    <t>12-5</t>
  </si>
  <si>
    <t>桜木プラザ１F</t>
  </si>
  <si>
    <t>21AI0203</t>
  </si>
  <si>
    <t>タコとイカ</t>
  </si>
  <si>
    <t>館出町二丁目</t>
  </si>
  <si>
    <t>1-2</t>
  </si>
  <si>
    <t>21AI0202</t>
  </si>
  <si>
    <t>株式会社　仁昭</t>
  </si>
  <si>
    <t>２０１３－１</t>
  </si>
  <si>
    <t>呉羽山頂　呉仁館</t>
  </si>
  <si>
    <t>21AA0170</t>
  </si>
  <si>
    <t>VAD　BAR　ChAoS</t>
  </si>
  <si>
    <t>6-10</t>
  </si>
  <si>
    <t>プレイドールビル2F</t>
  </si>
  <si>
    <t>21AI0205</t>
  </si>
  <si>
    <t>黒瀬北町二丁目</t>
  </si>
  <si>
    <t>CLUB　SERENA</t>
  </si>
  <si>
    <t>サンライトビル２F</t>
  </si>
  <si>
    <t>21AI0204</t>
  </si>
  <si>
    <t>株式会社ＫＯＢＵ　ＧＲＯＵＮＤ</t>
  </si>
  <si>
    <t>根塚町４丁目２番地２０</t>
  </si>
  <si>
    <t>おいもスイーツ　I'm O（富山480た468）</t>
  </si>
  <si>
    <t>23AM0032</t>
  </si>
  <si>
    <t>おいもスイーツ  I'm O</t>
  </si>
  <si>
    <t>３丁目３－２</t>
  </si>
  <si>
    <t>23CA0115</t>
  </si>
  <si>
    <t>喫茶ぬくもり</t>
  </si>
  <si>
    <t>上二杉105-6</t>
  </si>
  <si>
    <t>21AA0171</t>
  </si>
  <si>
    <t>今泉西部町</t>
  </si>
  <si>
    <t>ナイトダイニング　ダウンタウン</t>
  </si>
  <si>
    <t>２－７</t>
  </si>
  <si>
    <t>21AI0206</t>
  </si>
  <si>
    <t>富山県立富山高等支援学校</t>
  </si>
  <si>
    <t>２６００</t>
  </si>
  <si>
    <t>21CF0006</t>
  </si>
  <si>
    <t>有限会社　山崎田畑耕作</t>
  </si>
  <si>
    <t>東大久保</t>
  </si>
  <si>
    <t>満月堂</t>
  </si>
  <si>
    <t>21CA0084</t>
  </si>
  <si>
    <t>6927-29</t>
  </si>
  <si>
    <t>HERE WE ARE!45 CAFE</t>
  </si>
  <si>
    <t>21AJ0076</t>
  </si>
  <si>
    <t>TJN　NEXT株式会社</t>
  </si>
  <si>
    <t>横浜市戸塚区</t>
  </si>
  <si>
    <t>戸塚町</t>
  </si>
  <si>
    <t>145</t>
  </si>
  <si>
    <t>ハワイアンキッチン　ラキア？(湘南８３０ひ１０１０)</t>
  </si>
  <si>
    <t>21AM0026</t>
  </si>
  <si>
    <t>株式会社　ナラシカソウル</t>
  </si>
  <si>
    <t>９２－１　A・ＢＫ－Ａ８</t>
  </si>
  <si>
    <t>キミとホイップ　富山店</t>
  </si>
  <si>
    <t>９２－１</t>
  </si>
  <si>
    <t>Ａ・ＢＫ－Ａ８</t>
  </si>
  <si>
    <t>21CA0085</t>
  </si>
  <si>
    <t>8-51</t>
  </si>
  <si>
    <t>お好焼　和光ちゃん</t>
  </si>
  <si>
    <t>21AA0172</t>
  </si>
  <si>
    <t>東田地方町一丁目</t>
  </si>
  <si>
    <t>Do　きらら</t>
  </si>
  <si>
    <t>桜木センタービル　１F</t>
  </si>
  <si>
    <t>21AI0208</t>
  </si>
  <si>
    <t>419</t>
  </si>
  <si>
    <t>Ciel carre</t>
  </si>
  <si>
    <t>14-12</t>
  </si>
  <si>
    <t>カルナビル　1－B</t>
  </si>
  <si>
    <t>21AI0209</t>
  </si>
  <si>
    <t>198</t>
  </si>
  <si>
    <t>結い</t>
  </si>
  <si>
    <t>21CT0005</t>
  </si>
  <si>
    <t>株式会社　フルーツむらはた</t>
  </si>
  <si>
    <t>武蔵町</t>
  </si>
  <si>
    <t>２-12</t>
  </si>
  <si>
    <t>フルーツパーラーむらはた　富山大和店</t>
  </si>
  <si>
    <t>大和富山店地下1階</t>
  </si>
  <si>
    <t>21AJ0077</t>
  </si>
  <si>
    <t>ファミリーマート　富山上二杉店</t>
  </si>
  <si>
    <t>1041-1</t>
  </si>
  <si>
    <t>20AN0051</t>
  </si>
  <si>
    <t>有限会社　仕出しセンター町野</t>
  </si>
  <si>
    <t>花木</t>
  </si>
  <si>
    <t>６１０－６</t>
  </si>
  <si>
    <t>(有)仕出しセンター町野</t>
  </si>
  <si>
    <t>21BD0055</t>
  </si>
  <si>
    <t>株式会社青山総本舗</t>
  </si>
  <si>
    <t>新富町１丁目４番６号</t>
  </si>
  <si>
    <t>1-4-6</t>
  </si>
  <si>
    <t>23AE0026</t>
  </si>
  <si>
    <t>株式会社Wind</t>
  </si>
  <si>
    <t>富山市茶屋町</t>
  </si>
  <si>
    <t>59‐38</t>
  </si>
  <si>
    <t>ネコザッカ凡クラフト。</t>
  </si>
  <si>
    <t>富山市茶屋町79-10</t>
  </si>
  <si>
    <t>21AJ0079</t>
  </si>
  <si>
    <t>21CA0086</t>
  </si>
  <si>
    <t>株式会社　ディライフ</t>
  </si>
  <si>
    <t>653-1</t>
  </si>
  <si>
    <t>佐伯病院厨房</t>
  </si>
  <si>
    <t>21AA0174</t>
  </si>
  <si>
    <t>杉野脳神経外科厨房</t>
  </si>
  <si>
    <t>千石町六丁目</t>
  </si>
  <si>
    <t>3-7</t>
  </si>
  <si>
    <t>21AA0173</t>
  </si>
  <si>
    <t>こうなんの家厨房</t>
  </si>
  <si>
    <t>１１－６</t>
  </si>
  <si>
    <t>22AA0004</t>
  </si>
  <si>
    <t>デイサービス　花いちご</t>
  </si>
  <si>
    <t>上冨居ニ丁目</t>
  </si>
  <si>
    <t>9-38</t>
  </si>
  <si>
    <t>22AA0024</t>
  </si>
  <si>
    <t>あいあいデイサービス</t>
  </si>
  <si>
    <t>窪新町</t>
  </si>
  <si>
    <t>6-21</t>
  </si>
  <si>
    <t>24AA0068</t>
  </si>
  <si>
    <t>三菱ケミカル株式会社</t>
  </si>
  <si>
    <t>丸の内</t>
  </si>
  <si>
    <t>1-1-1パレスビル</t>
  </si>
  <si>
    <t>三菱ケミカル株式会社　富山事業所　ＰＳ工場</t>
  </si>
  <si>
    <t>添加物製造業</t>
  </si>
  <si>
    <t>24CK0003</t>
  </si>
  <si>
    <t>T.A.Cmeals株式会社</t>
  </si>
  <si>
    <t>5-2　俳優座ビル１F</t>
  </si>
  <si>
    <t>麺酒場　Nowl</t>
  </si>
  <si>
    <t>5-4</t>
  </si>
  <si>
    <t>21AI0211</t>
  </si>
  <si>
    <t>旬彩料理　ＴＡＫＵ</t>
  </si>
  <si>
    <t>２－５－２</t>
  </si>
  <si>
    <t>俳優座ビル１Ｆ</t>
  </si>
  <si>
    <t>23AI0076</t>
  </si>
  <si>
    <t>つるや五福店</t>
  </si>
  <si>
    <t>五福６区</t>
  </si>
  <si>
    <t>2126</t>
  </si>
  <si>
    <t>21AA0175</t>
  </si>
  <si>
    <t>有限会社北水</t>
  </si>
  <si>
    <t>長江本町１４番１３号</t>
  </si>
  <si>
    <t>有限会社　北水</t>
  </si>
  <si>
    <t>14-13</t>
  </si>
  <si>
    <t>23AE0018</t>
  </si>
  <si>
    <t>総曲輪二丁目</t>
  </si>
  <si>
    <t>喫茶　やまむろ</t>
  </si>
  <si>
    <t>21AJ0078</t>
  </si>
  <si>
    <t>有限会社寿々屋</t>
  </si>
  <si>
    <t>音羽町１丁目５番４号</t>
  </si>
  <si>
    <t>寿々屋本店</t>
  </si>
  <si>
    <t>富山市音羽町</t>
  </si>
  <si>
    <t>1-5-4</t>
  </si>
  <si>
    <t>22BD0022</t>
  </si>
  <si>
    <t>24CA0018</t>
  </si>
  <si>
    <t>22CC0010</t>
  </si>
  <si>
    <t>有限会社　松井山荘</t>
  </si>
  <si>
    <t>133-2</t>
  </si>
  <si>
    <t>松井山荘</t>
  </si>
  <si>
    <t>21AF0026</t>
  </si>
  <si>
    <t>パラダイスシティ</t>
  </si>
  <si>
    <t>2-7-B1</t>
  </si>
  <si>
    <t>21AI0213</t>
  </si>
  <si>
    <t>橋本</t>
  </si>
  <si>
    <t>6-3大洋ビル</t>
  </si>
  <si>
    <t>21AI0214</t>
  </si>
  <si>
    <t>株式会社城南屋</t>
  </si>
  <si>
    <t>今泉</t>
  </si>
  <si>
    <t>170番地３</t>
  </si>
  <si>
    <t>ファミリーマート　富山総曲輪店</t>
  </si>
  <si>
    <t>1-11</t>
  </si>
  <si>
    <t>22AN0036</t>
  </si>
  <si>
    <t>ファミリーマート　富山堀川町店</t>
  </si>
  <si>
    <t>69-1</t>
  </si>
  <si>
    <t>23AN0008</t>
  </si>
  <si>
    <t>ファミリーマート　富山太田店</t>
  </si>
  <si>
    <t>397-1</t>
  </si>
  <si>
    <t>24AN0007</t>
  </si>
  <si>
    <t>ファミリーマート　水橋的場店</t>
  </si>
  <si>
    <t>水橋的場</t>
  </si>
  <si>
    <t>230-3</t>
  </si>
  <si>
    <t>19AN0006</t>
  </si>
  <si>
    <t>婦中町西ヶ丘</t>
  </si>
  <si>
    <t>シャローム</t>
  </si>
  <si>
    <t>3353-3</t>
  </si>
  <si>
    <t>21AJ0081</t>
  </si>
  <si>
    <t>スナック　あやちこ</t>
  </si>
  <si>
    <t>2番20号</t>
  </si>
  <si>
    <t>桜木町センタービル　２F</t>
  </si>
  <si>
    <t>21AI0216</t>
  </si>
  <si>
    <t>レーヌ　（Reine）</t>
  </si>
  <si>
    <t>12番5号</t>
  </si>
  <si>
    <t>桜木プラザビル　１F</t>
  </si>
  <si>
    <t>21AI0217</t>
  </si>
  <si>
    <t>有限会社ナルワ</t>
  </si>
  <si>
    <t>広野</t>
  </si>
  <si>
    <t>223-1</t>
  </si>
  <si>
    <t>ファミリーマート　富山中央通り二丁目店</t>
  </si>
  <si>
    <t>砂町</t>
  </si>
  <si>
    <t>3-4</t>
  </si>
  <si>
    <t>19AN0042</t>
  </si>
  <si>
    <t>ファミリーマート　富山針原店</t>
  </si>
  <si>
    <t>830-4</t>
  </si>
  <si>
    <t>18AN0042</t>
  </si>
  <si>
    <t>SWAT</t>
  </si>
  <si>
    <t>9番21号</t>
  </si>
  <si>
    <t>第2サンナインプラザビル2F</t>
  </si>
  <si>
    <t>21AI0219</t>
  </si>
  <si>
    <t>牛島新町</t>
  </si>
  <si>
    <t>スナック　黒いギター</t>
  </si>
  <si>
    <t>7-10</t>
  </si>
  <si>
    <t>ちぼりビル２F</t>
  </si>
  <si>
    <t>21AI0218</t>
  </si>
  <si>
    <t>本格炭火焼　やきとりテッちゃん</t>
  </si>
  <si>
    <t>373-1</t>
  </si>
  <si>
    <t>21AI0220</t>
  </si>
  <si>
    <t>５－６</t>
  </si>
  <si>
    <t>茶ｕｎ茶ｕｎ　ｃａｆｅ</t>
  </si>
  <si>
    <t>田中ビル１Ｆ</t>
  </si>
  <si>
    <t>21AI0221</t>
  </si>
  <si>
    <t>八ケ山</t>
  </si>
  <si>
    <t>967</t>
  </si>
  <si>
    <t>お好み焼　鉄板焼　信ちゃん</t>
  </si>
  <si>
    <t>21AN0041</t>
  </si>
  <si>
    <t>7-9</t>
  </si>
  <si>
    <t>シーブリーズ</t>
  </si>
  <si>
    <t>8-3</t>
  </si>
  <si>
    <t>ビックアベニュー86ビル1F</t>
  </si>
  <si>
    <t>21AI0222</t>
  </si>
  <si>
    <t>合同会社　パン工房ラ・メール</t>
  </si>
  <si>
    <t>長江</t>
  </si>
  <si>
    <t>８６０－５４</t>
  </si>
  <si>
    <t>パン工房　ラ・メール</t>
  </si>
  <si>
    <t>１－１１</t>
  </si>
  <si>
    <t>アピアＳＣ内</t>
  </si>
  <si>
    <t>21CA0087</t>
  </si>
  <si>
    <t>日清医療食品株式会社</t>
  </si>
  <si>
    <t>丸の内２－７－３</t>
  </si>
  <si>
    <t>ささくら保育園</t>
  </si>
  <si>
    <t>１０６－１</t>
  </si>
  <si>
    <t>21AA0178</t>
  </si>
  <si>
    <t>にこっと保育園</t>
  </si>
  <si>
    <t>1-7</t>
  </si>
  <si>
    <t>富山県防災危機管理センター２階</t>
  </si>
  <si>
    <t>22AA0161</t>
  </si>
  <si>
    <t>グループホームめぐみ</t>
  </si>
  <si>
    <t>195-1</t>
  </si>
  <si>
    <t>23AA0054</t>
  </si>
  <si>
    <t>アームストロング青葉幼稚園事業所</t>
  </si>
  <si>
    <t>2-8-1</t>
  </si>
  <si>
    <t>23AA0158</t>
  </si>
  <si>
    <t>富山県立中央病院　日清医療食品事業所</t>
  </si>
  <si>
    <t>西長江</t>
  </si>
  <si>
    <t>2丁目2番78号</t>
  </si>
  <si>
    <t>24AA0002</t>
  </si>
  <si>
    <t>スナック　ゆか</t>
  </si>
  <si>
    <t>桜木プラザビル　１F－E</t>
  </si>
  <si>
    <t>21AI0223</t>
  </si>
  <si>
    <t>スナック　ひよこ</t>
  </si>
  <si>
    <t>桜木町6-10</t>
  </si>
  <si>
    <t>プレイドールビル１F</t>
  </si>
  <si>
    <t>21AI0224</t>
  </si>
  <si>
    <t>株式会社レパスト</t>
  </si>
  <si>
    <t>東新橋</t>
  </si>
  <si>
    <t>一丁目９番１号</t>
  </si>
  <si>
    <t>独立行政法人国立病院機構富山病院</t>
  </si>
  <si>
    <t>婦中町新町</t>
  </si>
  <si>
    <t>3145</t>
  </si>
  <si>
    <t>21AA0187</t>
  </si>
  <si>
    <t>つまみ鮨　幅一</t>
  </si>
  <si>
    <t>８－２２</t>
  </si>
  <si>
    <t>ＫＣビル１Ｆ</t>
  </si>
  <si>
    <t>すし</t>
  </si>
  <si>
    <t>21AC0013</t>
  </si>
  <si>
    <t>てまり</t>
  </si>
  <si>
    <t>総曲輪1-8-2</t>
  </si>
  <si>
    <t>サンクインビル102</t>
  </si>
  <si>
    <t>21AI0225</t>
  </si>
  <si>
    <t>エデン</t>
  </si>
  <si>
    <t>６－１７</t>
  </si>
  <si>
    <t>髙島ビル１Ｆ</t>
  </si>
  <si>
    <t>21AI0227</t>
  </si>
  <si>
    <t>1-2-46</t>
  </si>
  <si>
    <t>和スイーツ　健太郎</t>
  </si>
  <si>
    <t>23CA0018</t>
  </si>
  <si>
    <t>株式会社ベネフレックス</t>
  </si>
  <si>
    <t>内島３５５０番地</t>
  </si>
  <si>
    <t>富山中央水産（株）</t>
  </si>
  <si>
    <t>22ED0001</t>
  </si>
  <si>
    <t>南ゴルフクラブ</t>
  </si>
  <si>
    <t>345</t>
  </si>
  <si>
    <t>22ED0002</t>
  </si>
  <si>
    <t>(株)タナカエンジニアリング１Ｆ</t>
  </si>
  <si>
    <t>７－１９－１９</t>
  </si>
  <si>
    <t>22ED0003</t>
  </si>
  <si>
    <t>富山競輪場マルチビジョン前（２台）</t>
  </si>
  <si>
    <t>８－２</t>
  </si>
  <si>
    <t>23ED0005</t>
  </si>
  <si>
    <t>株式会社レインズインターナショナル</t>
  </si>
  <si>
    <t>横浜市西区</t>
  </si>
  <si>
    <t>みなとみらい二丁目２番１号ランドマークタワー１２階</t>
  </si>
  <si>
    <t>温野菜　二口店</t>
  </si>
  <si>
    <t>5-10-2-2</t>
  </si>
  <si>
    <t>23AA0034</t>
  </si>
  <si>
    <t>とんかつ神楽坂さくら　富山花園店</t>
  </si>
  <si>
    <t>花園町</t>
  </si>
  <si>
    <t>4丁目13</t>
  </si>
  <si>
    <t>24AA0008</t>
  </si>
  <si>
    <t>ことり</t>
  </si>
  <si>
    <t>1ー8ー7</t>
  </si>
  <si>
    <t>ニュー総曲輪ビル1F</t>
  </si>
  <si>
    <t>21AA0184</t>
  </si>
  <si>
    <t>株式会社ビーライン</t>
  </si>
  <si>
    <t>布瀬本町４番地１２</t>
  </si>
  <si>
    <t>お座敷　とやま鮨</t>
  </si>
  <si>
    <t>４－９　２Ｆ</t>
  </si>
  <si>
    <t>22CC0023</t>
  </si>
  <si>
    <t>食べごろ</t>
  </si>
  <si>
    <t>８－２５</t>
  </si>
  <si>
    <t>サフランビル１Ｆ</t>
  </si>
  <si>
    <t>21AI0228</t>
  </si>
  <si>
    <t>ファミリーマート　富山東町店</t>
  </si>
  <si>
    <t>東町二丁目</t>
  </si>
  <si>
    <t>4-13</t>
  </si>
  <si>
    <t>21AN0014</t>
  </si>
  <si>
    <t>ファミリーマート　富山下熊野店</t>
  </si>
  <si>
    <t>下熊野</t>
  </si>
  <si>
    <t>191-11</t>
  </si>
  <si>
    <t>22AN0009</t>
  </si>
  <si>
    <t>株式会社　越州</t>
  </si>
  <si>
    <t>太郎丸本町1-7-6</t>
  </si>
  <si>
    <t>糸庄　アピタ店</t>
  </si>
  <si>
    <t>上袋100</t>
  </si>
  <si>
    <t>アピタ富山店１Ｆ</t>
  </si>
  <si>
    <t>21AA0179</t>
  </si>
  <si>
    <t>セントラルキッチン德庄</t>
  </si>
  <si>
    <t>５３０番地</t>
  </si>
  <si>
    <t>23CC0003</t>
  </si>
  <si>
    <t>Milk　Tank（札幌800た25-20）</t>
  </si>
  <si>
    <t>23AM0026</t>
  </si>
  <si>
    <t>株式会社サイゼリヤ</t>
  </si>
  <si>
    <t>埼玉県</t>
  </si>
  <si>
    <t>吉川市</t>
  </si>
  <si>
    <t>旭</t>
  </si>
  <si>
    <t>2番地5</t>
  </si>
  <si>
    <t>サイゼリヤ　富山ファボーレ店</t>
  </si>
  <si>
    <t>フューチャーシティーファボーレ 1F</t>
  </si>
  <si>
    <t>22AA0173</t>
  </si>
  <si>
    <t>サイゼリヤ　富山掛尾店</t>
  </si>
  <si>
    <t>323-2</t>
  </si>
  <si>
    <t>23AA0023</t>
  </si>
  <si>
    <t>Ristorante e Vinobar WINISTA</t>
  </si>
  <si>
    <t>4-15</t>
  </si>
  <si>
    <t>21AA0181</t>
  </si>
  <si>
    <t>アルマドール（富山483く1022）</t>
  </si>
  <si>
    <t>23AM0030</t>
  </si>
  <si>
    <t>ディアンドデパートメント　株式会社</t>
  </si>
  <si>
    <t>世田谷区</t>
  </si>
  <si>
    <t>奥沢8-3-2</t>
  </si>
  <si>
    <t>Ｄ＆ＤＥＰＡＲＴＭＥＮＴ　ＴＯＹＡＭＡ</t>
  </si>
  <si>
    <t>新総曲輪4-18</t>
  </si>
  <si>
    <t>富山県民会館１Ｆ</t>
  </si>
  <si>
    <t>21AA0180</t>
  </si>
  <si>
    <t>竹善</t>
  </si>
  <si>
    <t>総曲輪1-1-23</t>
  </si>
  <si>
    <t>21AI0229</t>
  </si>
  <si>
    <t>魚処やつはし</t>
  </si>
  <si>
    <t>6-4</t>
  </si>
  <si>
    <t>チトセビル1F</t>
  </si>
  <si>
    <t>21AI0230</t>
  </si>
  <si>
    <t>株式会社　レイワ・ラボ</t>
  </si>
  <si>
    <t>210-6　堀川山室ビル3F</t>
  </si>
  <si>
    <t>レイワラボキッチン　（富山100せ5129）</t>
  </si>
  <si>
    <t>21AM0027</t>
  </si>
  <si>
    <t>ＺＥＲＯ－Ｇ</t>
  </si>
  <si>
    <t>１２－５</t>
  </si>
  <si>
    <t>桜木プラザビルＢ１Ｆ</t>
  </si>
  <si>
    <t>21AI0231</t>
  </si>
  <si>
    <t>ガールズバー　CECIL</t>
  </si>
  <si>
    <t>14番3号　</t>
  </si>
  <si>
    <t>第二桜ビル301号室</t>
  </si>
  <si>
    <t>21AI0237</t>
  </si>
  <si>
    <t>月夜花</t>
  </si>
  <si>
    <t>9-21</t>
  </si>
  <si>
    <t>第2サンナインプラザビル1F</t>
  </si>
  <si>
    <t>21AI0232</t>
  </si>
  <si>
    <t>株式会社富山環境整備</t>
  </si>
  <si>
    <t>婦中町吉谷3-3</t>
  </si>
  <si>
    <t>＆BREAD（富山800す3748）</t>
  </si>
  <si>
    <t>23AM0020</t>
  </si>
  <si>
    <t>奥井町</t>
  </si>
  <si>
    <t>おでん</t>
  </si>
  <si>
    <t>21AI0233</t>
  </si>
  <si>
    <t>アールビー</t>
  </si>
  <si>
    <t>9-21-6</t>
  </si>
  <si>
    <t>21AI0234</t>
  </si>
  <si>
    <t>西中野町一丁目</t>
  </si>
  <si>
    <t>スナック　純子</t>
  </si>
  <si>
    <t>アイカアビル１Ｆ</t>
  </si>
  <si>
    <t>21AI0235</t>
  </si>
  <si>
    <t>8-12</t>
  </si>
  <si>
    <t>香市</t>
  </si>
  <si>
    <t>安住町</t>
  </si>
  <si>
    <t>7-1</t>
  </si>
  <si>
    <t>21AJ0084</t>
  </si>
  <si>
    <t>有限会社　女傳商会</t>
  </si>
  <si>
    <t>5-19</t>
  </si>
  <si>
    <t>23CH0005</t>
  </si>
  <si>
    <t>富山空港ターミナルビル株式会社</t>
  </si>
  <si>
    <t>３０番地</t>
  </si>
  <si>
    <t>３０</t>
  </si>
  <si>
    <t>ターミナルビル２Ｆ</t>
  </si>
  <si>
    <t>21AJ0093</t>
  </si>
  <si>
    <t>西塩野</t>
  </si>
  <si>
    <t>ファミリーマート　富山中川原店</t>
  </si>
  <si>
    <t>44-4</t>
  </si>
  <si>
    <t>19AN0014</t>
  </si>
  <si>
    <t>ファミリーマート市立富山市民病院店</t>
  </si>
  <si>
    <t>今泉北部町</t>
  </si>
  <si>
    <t>2-1</t>
  </si>
  <si>
    <t>24AN0026</t>
  </si>
  <si>
    <t>水橋上条新町</t>
  </si>
  <si>
    <t>ファミリーマート　富山豊田本町店</t>
  </si>
  <si>
    <t>豊田本町一丁目</t>
  </si>
  <si>
    <t>6-35</t>
  </si>
  <si>
    <t>20AN0023</t>
  </si>
  <si>
    <t>ライフデリ　富山店</t>
  </si>
  <si>
    <t>２７３６－３</t>
  </si>
  <si>
    <t>カーサクローバーＢ</t>
  </si>
  <si>
    <t>21CC0017</t>
  </si>
  <si>
    <t>有限会社とみかわ</t>
  </si>
  <si>
    <t>仏又</t>
  </si>
  <si>
    <t>556-2</t>
  </si>
  <si>
    <t>cake&amp;coffeeぽっくる</t>
  </si>
  <si>
    <t>上野新町</t>
  </si>
  <si>
    <t>21AJ0085</t>
  </si>
  <si>
    <t>21CA0088</t>
  </si>
  <si>
    <t>３２８</t>
  </si>
  <si>
    <t>みやもと</t>
  </si>
  <si>
    <t>21CT0006</t>
  </si>
  <si>
    <t>Ｌｏｕｎｇｅ　ｍｉｎａｍｉ</t>
  </si>
  <si>
    <t>８－３</t>
  </si>
  <si>
    <t>平和ビル２Ｆ</t>
  </si>
  <si>
    <t>21AI0236</t>
  </si>
  <si>
    <t>5-17</t>
  </si>
  <si>
    <t>イソップ＆赤田屋</t>
  </si>
  <si>
    <t>21AJ0086</t>
  </si>
  <si>
    <t>ＤＨ国際協力　合同会社</t>
  </si>
  <si>
    <t>永楽町</t>
  </si>
  <si>
    <t>１７－２</t>
  </si>
  <si>
    <t>ＨＵＯＮＧ　ＶＩ　ＱＵＥ　ＨＵＯＮＧ</t>
  </si>
  <si>
    <t>21AJ0087</t>
  </si>
  <si>
    <t>株式会社　アポケアとやま</t>
  </si>
  <si>
    <t>上飯野新町3-391</t>
  </si>
  <si>
    <t>久遠チョコレート富山店</t>
  </si>
  <si>
    <t>向新庄町5-7-35</t>
  </si>
  <si>
    <t>21AJ0088</t>
  </si>
  <si>
    <t>21CA0089</t>
  </si>
  <si>
    <t>家庭料理居酒屋　おーがすた</t>
  </si>
  <si>
    <t>桜木町14-2</t>
  </si>
  <si>
    <t>ＴＳビル２Ｆ</t>
  </si>
  <si>
    <t>21AI0238</t>
  </si>
  <si>
    <t>株式会社ＩＰＳ</t>
  </si>
  <si>
    <t>婦中町萩島４４２番地</t>
  </si>
  <si>
    <t>テイクアウト弁当・惣菜加工IPS</t>
  </si>
  <si>
    <t>151-2</t>
  </si>
  <si>
    <t>22CC0016</t>
  </si>
  <si>
    <t>7-20</t>
  </si>
  <si>
    <t>EAGLE</t>
  </si>
  <si>
    <t>4-12</t>
  </si>
  <si>
    <t>タウン東洋ビル1FA号</t>
  </si>
  <si>
    <t>21AI0239</t>
  </si>
  <si>
    <t>株式会社五万石</t>
  </si>
  <si>
    <t>1-6-4</t>
  </si>
  <si>
    <t>五万石本店</t>
  </si>
  <si>
    <t>23BD0010</t>
  </si>
  <si>
    <t>21CC0018</t>
  </si>
  <si>
    <t>総曲輪四丁目</t>
  </si>
  <si>
    <t>FIVE　SPOT</t>
  </si>
  <si>
    <t>21AJ0089</t>
  </si>
  <si>
    <t>株式会社キトキトカンパニー</t>
  </si>
  <si>
    <t>4-6ヴィーナスビル1F</t>
  </si>
  <si>
    <t>富山総曲輪肉寿司</t>
  </si>
  <si>
    <t>藤ビル1F</t>
  </si>
  <si>
    <t>21AI0240</t>
  </si>
  <si>
    <t>スタジオＳＥＧ</t>
  </si>
  <si>
    <t>一丁目４－２８</t>
  </si>
  <si>
    <t>朱實ビル３Ｆ</t>
  </si>
  <si>
    <t>21AI0242</t>
  </si>
  <si>
    <t>エッジ・クリック</t>
  </si>
  <si>
    <t>１１－１０</t>
  </si>
  <si>
    <t>ふるさとビル１F</t>
  </si>
  <si>
    <t>21AI0243</t>
  </si>
  <si>
    <t>キュート</t>
  </si>
  <si>
    <t>８－１１</t>
  </si>
  <si>
    <t>ツインビル３Ｆ</t>
  </si>
  <si>
    <t>21AI0244</t>
  </si>
  <si>
    <t>合同会社美楽</t>
  </si>
  <si>
    <t>有金</t>
  </si>
  <si>
    <t>1078</t>
  </si>
  <si>
    <t>Pachira</t>
  </si>
  <si>
    <t>13-14</t>
  </si>
  <si>
    <t>桜木町中央ビル304号</t>
  </si>
  <si>
    <t>21AI0245</t>
  </si>
  <si>
    <t>上冨居二丁目</t>
  </si>
  <si>
    <t>18-3</t>
  </si>
  <si>
    <t>からあげもり山　富山店</t>
  </si>
  <si>
    <t>五福1922-5</t>
  </si>
  <si>
    <t>黒畑ビル１Ｆ　Ｂ</t>
  </si>
  <si>
    <t>21AK0016</t>
  </si>
  <si>
    <t>中津からあげもり山（富山830さ132）</t>
  </si>
  <si>
    <t>21AM0032</t>
  </si>
  <si>
    <t>中津からあげもり山富山店（富山４８０せ９９７８）</t>
  </si>
  <si>
    <t>22AM0003</t>
  </si>
  <si>
    <t>中津からあげもり山富山店（富山880あ1329）</t>
  </si>
  <si>
    <t>22AM0019</t>
  </si>
  <si>
    <t>中津からあげもり山富山店（富山800す6485）</t>
  </si>
  <si>
    <t>24AM0001</t>
  </si>
  <si>
    <t>合名会社田村農園</t>
  </si>
  <si>
    <t>婦中町広田５５１９番地</t>
  </si>
  <si>
    <t>たまご園</t>
  </si>
  <si>
    <t>婦中町広田</t>
  </si>
  <si>
    <t>5519</t>
  </si>
  <si>
    <t>21AJ0053</t>
  </si>
  <si>
    <t>21CA0049</t>
  </si>
  <si>
    <t>18CD0004</t>
  </si>
  <si>
    <t>20CC0004</t>
  </si>
  <si>
    <t>Happy　Family</t>
  </si>
  <si>
    <t>３１５８</t>
  </si>
  <si>
    <t>21AA0183</t>
  </si>
  <si>
    <t>ずかずか亭</t>
  </si>
  <si>
    <t>ライト桜井ビル1F</t>
  </si>
  <si>
    <t>21AI0246</t>
  </si>
  <si>
    <t>303-28</t>
  </si>
  <si>
    <t>本格手打ち蕎麦　福籠</t>
  </si>
  <si>
    <t>21CA0090</t>
  </si>
  <si>
    <t>22AD0004</t>
  </si>
  <si>
    <t>ヴィセ</t>
  </si>
  <si>
    <t>15ハウス3-5</t>
  </si>
  <si>
    <t>21AI0247</t>
  </si>
  <si>
    <t>ラウンジ　松本</t>
  </si>
  <si>
    <t>3-18</t>
  </si>
  <si>
    <t>21AI0248</t>
  </si>
  <si>
    <t>華楽</t>
  </si>
  <si>
    <t>１－１２</t>
  </si>
  <si>
    <t>21AI0249</t>
  </si>
  <si>
    <t>株式会社松屋フーズ</t>
  </si>
  <si>
    <t>中町</t>
  </si>
  <si>
    <t>一丁目14番5号</t>
  </si>
  <si>
    <t>松屋　富山田中町店</t>
  </si>
  <si>
    <t>田中町</t>
  </si>
  <si>
    <t>4-18-43</t>
  </si>
  <si>
    <t>23AA0055</t>
  </si>
  <si>
    <t>松のや・マイカリー食堂　グリーンモール山室店</t>
  </si>
  <si>
    <t>中市</t>
  </si>
  <si>
    <t>10-4</t>
  </si>
  <si>
    <t>24AA0044</t>
  </si>
  <si>
    <t>キッチン花水木ストア</t>
  </si>
  <si>
    <t>3-13</t>
  </si>
  <si>
    <t>21AK0017</t>
  </si>
  <si>
    <t>23CA0119</t>
  </si>
  <si>
    <t>Toolate　sports</t>
  </si>
  <si>
    <t>21CA0091</t>
  </si>
  <si>
    <t>株式会社シン・コーポレーション</t>
  </si>
  <si>
    <t>山吹町３４６番地６</t>
  </si>
  <si>
    <t>カラオケＢａｎＢａｎ　富山駅前店</t>
  </si>
  <si>
    <t>２－４－２５</t>
  </si>
  <si>
    <t>カーニープレイス２Ｆ</t>
  </si>
  <si>
    <t>23AI0086</t>
  </si>
  <si>
    <t>株式会社富冷</t>
  </si>
  <si>
    <t>清水元町４番８号</t>
  </si>
  <si>
    <t>株式会社　富冷</t>
  </si>
  <si>
    <t>500番地</t>
  </si>
  <si>
    <t>富山市公設地方卸売市場</t>
  </si>
  <si>
    <t>⑤ 魚介類競り売り営業</t>
  </si>
  <si>
    <t>22EC0001</t>
  </si>
  <si>
    <t>株式会社　富冷　市場工場</t>
  </si>
  <si>
    <t>⑰ 氷雪製造業</t>
  </si>
  <si>
    <t>22CL0001</t>
  </si>
  <si>
    <t>呑処　おっじゃ</t>
  </si>
  <si>
    <t>5-6</t>
  </si>
  <si>
    <t>第二三愛ビル　１F</t>
  </si>
  <si>
    <t>21AI0250</t>
  </si>
  <si>
    <t>焚火屋　（飛驒480う6964)</t>
  </si>
  <si>
    <t>21AM0028</t>
  </si>
  <si>
    <t>PAPARAZZI</t>
  </si>
  <si>
    <t>13-17</t>
  </si>
  <si>
    <t>中央ビル4F</t>
  </si>
  <si>
    <t>21AI0253</t>
  </si>
  <si>
    <t>ドライブイン　茸山</t>
  </si>
  <si>
    <t>婦中町下瀬</t>
  </si>
  <si>
    <t>782</t>
  </si>
  <si>
    <t>21AA0185</t>
  </si>
  <si>
    <t>COCORO</t>
  </si>
  <si>
    <t>桜木町6-16</t>
  </si>
  <si>
    <t>第３マツモトビル１Ｆ</t>
  </si>
  <si>
    <t>21AI0255</t>
  </si>
  <si>
    <t>株式会社　Ｃｏｎｎｅｃｔｉｏｎ</t>
  </si>
  <si>
    <t>堀川町426-1</t>
  </si>
  <si>
    <t>サンビレッジ堀川Ｅ棟</t>
  </si>
  <si>
    <t>桜木町6-2</t>
  </si>
  <si>
    <t>第３松本ビル1F</t>
  </si>
  <si>
    <t>21AI0254</t>
  </si>
  <si>
    <t>有限会社　おりーぶ</t>
  </si>
  <si>
    <t>2-21　農協会館地階</t>
  </si>
  <si>
    <t>2-21</t>
  </si>
  <si>
    <t>農協会館　B１F</t>
  </si>
  <si>
    <t>21AA0186</t>
  </si>
  <si>
    <t>株式会社富給</t>
  </si>
  <si>
    <t>1丁目2番8号</t>
  </si>
  <si>
    <t>１丁目２番８号</t>
  </si>
  <si>
    <t>23BD0024</t>
  </si>
  <si>
    <t>23EF0001</t>
  </si>
  <si>
    <t>Club　Ararat</t>
  </si>
  <si>
    <t>十七番街ビル　４階　４０１号</t>
  </si>
  <si>
    <t>21AH0006</t>
  </si>
  <si>
    <t>CLUB dolce</t>
  </si>
  <si>
    <t>１２－９</t>
  </si>
  <si>
    <t>１７番街ビル　４階</t>
  </si>
  <si>
    <t>23AH0005</t>
  </si>
  <si>
    <t>ＨＯＮＥＹ　ＮＩＧＨＴ</t>
  </si>
  <si>
    <t>21CA0092</t>
  </si>
  <si>
    <t>中国料理　大連飯店　南店</t>
  </si>
  <si>
    <t>276</t>
  </si>
  <si>
    <t>21AB0014</t>
  </si>
  <si>
    <t>株式会社　ほっかほっか亭　総本部</t>
  </si>
  <si>
    <t>鶴野町</t>
  </si>
  <si>
    <t>3番10号</t>
  </si>
  <si>
    <t>ほっかほっか亭　富山経堂店</t>
  </si>
  <si>
    <t>経堂四丁目12-15</t>
  </si>
  <si>
    <t>仕出し弁当</t>
  </si>
  <si>
    <t>21AE0042</t>
  </si>
  <si>
    <t>4-22</t>
  </si>
  <si>
    <t>viva! juice shop</t>
  </si>
  <si>
    <t>3-11</t>
  </si>
  <si>
    <t>扇谷ビル　1F</t>
  </si>
  <si>
    <t>21AJ0090</t>
  </si>
  <si>
    <t>VIVA！JUICE WAGON（富山800さ9152）</t>
  </si>
  <si>
    <t>22AM0014</t>
  </si>
  <si>
    <t>株式会社アップライト</t>
  </si>
  <si>
    <t>425-3</t>
  </si>
  <si>
    <t>マクドナルド　富山東アピタ店</t>
  </si>
  <si>
    <t>23AJ0024</t>
  </si>
  <si>
    <t>マクドナルド　富山西新庄店</t>
  </si>
  <si>
    <t>西新庄</t>
  </si>
  <si>
    <t>8番25号</t>
  </si>
  <si>
    <t>23AJ0115</t>
  </si>
  <si>
    <t>サガミレストランツ株式会社</t>
  </si>
  <si>
    <t>名古屋市守山区</t>
  </si>
  <si>
    <t>八剣</t>
  </si>
  <si>
    <t>二丁目118番地</t>
  </si>
  <si>
    <t>サガミ掛尾店</t>
  </si>
  <si>
    <t>４－１１</t>
  </si>
  <si>
    <t>22AA0010</t>
  </si>
  <si>
    <t>石田</t>
  </si>
  <si>
    <t>1945</t>
  </si>
  <si>
    <t>F</t>
  </si>
  <si>
    <t>1945-2</t>
  </si>
  <si>
    <t>21CA0093</t>
  </si>
  <si>
    <t>株式会社NEXT</t>
  </si>
  <si>
    <t>3-10</t>
  </si>
  <si>
    <t>CLUB　直</t>
  </si>
  <si>
    <t>新港ビル1F</t>
  </si>
  <si>
    <t>21AH0007</t>
  </si>
  <si>
    <t>CLUB　直Ⅱ</t>
  </si>
  <si>
    <t>新港ビル2F</t>
  </si>
  <si>
    <t>21AH0008</t>
  </si>
  <si>
    <t>五福3391-1</t>
  </si>
  <si>
    <t>ゴフサン</t>
  </si>
  <si>
    <t>21AE0052</t>
  </si>
  <si>
    <t>エームサービス　株式会社</t>
  </si>
  <si>
    <t>赤坂</t>
  </si>
  <si>
    <t>２－２３２－１アークヒルズフロントタワー</t>
  </si>
  <si>
    <t>エームＳＪ５４４４</t>
  </si>
  <si>
    <t>ファボーレ富山内２Ｆ従業員食堂</t>
  </si>
  <si>
    <t>21AA0188</t>
  </si>
  <si>
    <t>株式会社KHカンパニー</t>
  </si>
  <si>
    <t>ストーリー</t>
  </si>
  <si>
    <t>7-17</t>
  </si>
  <si>
    <t>ダイヤモンドビル2F</t>
  </si>
  <si>
    <t>21AH0009</t>
  </si>
  <si>
    <t>あっぱれ合同会社</t>
  </si>
  <si>
    <t>1822-12</t>
  </si>
  <si>
    <t>太陽珈琲焙煎本舗</t>
  </si>
  <si>
    <t>サーンビル1F</t>
  </si>
  <si>
    <t>21AJ0091</t>
  </si>
  <si>
    <t>22CA0118</t>
  </si>
  <si>
    <t>清水町</t>
  </si>
  <si>
    <t>FAMS deli</t>
  </si>
  <si>
    <t>22AE0001</t>
  </si>
  <si>
    <t>152-6</t>
  </si>
  <si>
    <t>食楽空間　友愛</t>
  </si>
  <si>
    <t>21AI0259</t>
  </si>
  <si>
    <t>株式会社大泉産業</t>
  </si>
  <si>
    <t>西大泉</t>
  </si>
  <si>
    <t>11番13号</t>
  </si>
  <si>
    <t>株式会社　大泉産業</t>
  </si>
  <si>
    <t>120</t>
  </si>
  <si>
    <t>22AA0142</t>
  </si>
  <si>
    <t>株式会社　grimm</t>
  </si>
  <si>
    <t>4-16</t>
  </si>
  <si>
    <t>Joy +House</t>
  </si>
  <si>
    <t>1929-1</t>
  </si>
  <si>
    <t>タツヤビル</t>
  </si>
  <si>
    <t>21AI0262</t>
  </si>
  <si>
    <t>Pell mell cafe</t>
  </si>
  <si>
    <t>21AI0264</t>
  </si>
  <si>
    <t>Bar BADASS</t>
  </si>
  <si>
    <t>1-17</t>
  </si>
  <si>
    <t>リンカーンホール2F</t>
  </si>
  <si>
    <t>21AI0263</t>
  </si>
  <si>
    <t>ＣＬＵＢ絢</t>
  </si>
  <si>
    <t>９－８</t>
  </si>
  <si>
    <t>フレンドビル１Ｆ</t>
  </si>
  <si>
    <t>21AI0278</t>
  </si>
  <si>
    <t>SWAY</t>
  </si>
  <si>
    <t>６－７</t>
  </si>
  <si>
    <t>ラリュール総曲輪ＳＴ　１Ｆ</t>
  </si>
  <si>
    <t>23AJ0033</t>
  </si>
  <si>
    <t>23CA0039</t>
  </si>
  <si>
    <t>有限会社フジサワ</t>
  </si>
  <si>
    <t>稲荷町4-6-16</t>
  </si>
  <si>
    <t>リカーランド　ドリーム</t>
  </si>
  <si>
    <t>稲荷町</t>
  </si>
  <si>
    <t>4-6-16</t>
  </si>
  <si>
    <t>23AI0011</t>
  </si>
  <si>
    <t>小澤鶏卵</t>
  </si>
  <si>
    <t>24CU0001</t>
  </si>
  <si>
    <t>株式会社　Ｐ・Ｍ・Ｃ</t>
  </si>
  <si>
    <t>新橋三丁目</t>
  </si>
  <si>
    <t>２５－１９</t>
  </si>
  <si>
    <t>二代目居酒屋丸一</t>
  </si>
  <si>
    <t>21AI0260</t>
  </si>
  <si>
    <t>吉岡</t>
  </si>
  <si>
    <t>410</t>
  </si>
  <si>
    <t>新栄堂</t>
  </si>
  <si>
    <t>21CA0094</t>
  </si>
  <si>
    <t>猪谷</t>
  </si>
  <si>
    <t>愛莉</t>
  </si>
  <si>
    <t>1丁目4番17</t>
  </si>
  <si>
    <t>第3KSビル1階</t>
  </si>
  <si>
    <t>23AI0121</t>
  </si>
  <si>
    <t>有限会社　高柳医療産業</t>
  </si>
  <si>
    <t>465</t>
  </si>
  <si>
    <t>有沢橋病院</t>
  </si>
  <si>
    <t>婦中町羽根新</t>
  </si>
  <si>
    <t>5</t>
  </si>
  <si>
    <t>21AA0189</t>
  </si>
  <si>
    <t>ジャスティス</t>
  </si>
  <si>
    <t>２－４</t>
  </si>
  <si>
    <t>21AI0266</t>
  </si>
  <si>
    <t>くえすちょん</t>
  </si>
  <si>
    <t>3-21</t>
  </si>
  <si>
    <t>日之出ビル3F</t>
  </si>
  <si>
    <t>21AI0267</t>
  </si>
  <si>
    <t>株式会社　丸亀製麺</t>
  </si>
  <si>
    <t>道玄坂</t>
  </si>
  <si>
    <t>１－２１－１渋谷ソラスタ１９Ｆ</t>
  </si>
  <si>
    <t>丸亀製麺富山店</t>
  </si>
  <si>
    <t>21CG0010</t>
  </si>
  <si>
    <t>20AD0003</t>
  </si>
  <si>
    <t>オリエンタルブルーイング株式会社</t>
  </si>
  <si>
    <t>泉野町４丁目１６番７号</t>
  </si>
  <si>
    <t>オリエンタルブルーイングマリエ富山店</t>
  </si>
  <si>
    <t>１－１－６１</t>
  </si>
  <si>
    <t>マリエ富山店１階</t>
  </si>
  <si>
    <t>22AI0280</t>
  </si>
  <si>
    <t>ホクリカー</t>
  </si>
  <si>
    <t>きときと市場とやマルシェ１０８</t>
  </si>
  <si>
    <t>23AI0027</t>
  </si>
  <si>
    <t>ＪＡＭＢＯＲＥＥ</t>
  </si>
  <si>
    <t>１８７７</t>
  </si>
  <si>
    <t>ハイツ五楽２号１Ｆ</t>
  </si>
  <si>
    <t>21AI0271</t>
  </si>
  <si>
    <t>パーティカラオケゴリラ</t>
  </si>
  <si>
    <t>３５１２－１</t>
  </si>
  <si>
    <t>20AI0160</t>
  </si>
  <si>
    <t>五福居酒屋ｊｉｃｃａ</t>
  </si>
  <si>
    <t>19AI0177</t>
  </si>
  <si>
    <t>加納</t>
  </si>
  <si>
    <t>トラットリア　サッチ</t>
  </si>
  <si>
    <t>二俣</t>
  </si>
  <si>
    <t>446-1</t>
  </si>
  <si>
    <t>21CA0095</t>
  </si>
  <si>
    <t>21CC0019</t>
  </si>
  <si>
    <t>やない荘</t>
  </si>
  <si>
    <t>室町通り一丁目</t>
  </si>
  <si>
    <t>21AI0268</t>
  </si>
  <si>
    <t>noir</t>
  </si>
  <si>
    <t>ダイヤモンドビル　301</t>
  </si>
  <si>
    <t>21AI0270</t>
  </si>
  <si>
    <t>ニッショク株式会社</t>
  </si>
  <si>
    <t>二丁目4-57</t>
  </si>
  <si>
    <t>二丁目4番57号</t>
  </si>
  <si>
    <t>24EF0001</t>
  </si>
  <si>
    <t>感謝。</t>
  </si>
  <si>
    <t>693-4</t>
  </si>
  <si>
    <t>21BD0057</t>
  </si>
  <si>
    <t>多幸屋（飛騨800さ2826）</t>
  </si>
  <si>
    <t>21AM0029</t>
  </si>
  <si>
    <t>ＢＡＲＴＥＸ</t>
  </si>
  <si>
    <t>４－５</t>
  </si>
  <si>
    <t>山崎ビル１Ｆ</t>
  </si>
  <si>
    <t>21AI0274</t>
  </si>
  <si>
    <t>株式会社　ファインネクスト</t>
  </si>
  <si>
    <t>平吹町5-12　1Ｆ</t>
  </si>
  <si>
    <t>ニコ</t>
  </si>
  <si>
    <t>総曲輪1-8-7</t>
  </si>
  <si>
    <t>ニュー総曲輪ビル３Ｆ</t>
  </si>
  <si>
    <t>21AI0273</t>
  </si>
  <si>
    <t>バー　ナダレシキ</t>
  </si>
  <si>
    <t>2-6-8</t>
  </si>
  <si>
    <t>T-ONEビル２F</t>
  </si>
  <si>
    <t>23AI0060</t>
  </si>
  <si>
    <t>餃子会館</t>
  </si>
  <si>
    <t>3-31</t>
  </si>
  <si>
    <t>21AI0275</t>
  </si>
  <si>
    <t>清水米穀　有限会社</t>
  </si>
  <si>
    <t>168</t>
  </si>
  <si>
    <t>５４０</t>
  </si>
  <si>
    <t>19CF0002</t>
  </si>
  <si>
    <t>101</t>
  </si>
  <si>
    <t>ビストロ・カドゥー（富山480せ7528）</t>
  </si>
  <si>
    <t>ビストロ・カドゥー</t>
  </si>
  <si>
    <t>21AM0030</t>
  </si>
  <si>
    <t>ローソン富山下大久保店</t>
  </si>
  <si>
    <t>３６３０－３</t>
  </si>
  <si>
    <t>22AN0042</t>
  </si>
  <si>
    <t>婦中町鵜坂</t>
  </si>
  <si>
    <t>BAGEL　AND</t>
  </si>
  <si>
    <t>136-1</t>
  </si>
  <si>
    <t>ポラリス北極星102</t>
  </si>
  <si>
    <t>23CA0083</t>
  </si>
  <si>
    <t>T-bear</t>
  </si>
  <si>
    <t>三愛第二ビル２F　201,202号室</t>
  </si>
  <si>
    <t>21AI0276</t>
  </si>
  <si>
    <t>向川原町</t>
  </si>
  <si>
    <t>ダイニングスタイル　穏</t>
  </si>
  <si>
    <t>３－２１</t>
  </si>
  <si>
    <t>日の出ビル１Ｆ</t>
  </si>
  <si>
    <t>21AI0277</t>
  </si>
  <si>
    <t>1番10号</t>
  </si>
  <si>
    <t>ラ・ロカンダ・デル・ピットーレ環水公園</t>
  </si>
  <si>
    <t>湊入船町</t>
  </si>
  <si>
    <t>3番3号</t>
  </si>
  <si>
    <t>21AA0190</t>
  </si>
  <si>
    <t>株式会社　はま寿司</t>
  </si>
  <si>
    <t>港南</t>
  </si>
  <si>
    <t>2-18-1</t>
  </si>
  <si>
    <t>はま寿司　富山二口店</t>
  </si>
  <si>
    <t>4-6-3</t>
  </si>
  <si>
    <t>23AC0001</t>
  </si>
  <si>
    <t>株式会社きょうドゥリーム</t>
  </si>
  <si>
    <t>広島県</t>
  </si>
  <si>
    <t>福山市</t>
  </si>
  <si>
    <t>瀬戸町山北</t>
  </si>
  <si>
    <t>401-4</t>
  </si>
  <si>
    <t>カフェマクロ美与利（福山800す2012）</t>
  </si>
  <si>
    <t>24AM0005</t>
  </si>
  <si>
    <t>グラッチェ　グリーンズ</t>
  </si>
  <si>
    <t>2-11</t>
  </si>
  <si>
    <t>ショッピングタウン北の森内</t>
  </si>
  <si>
    <t>21AJ0094</t>
  </si>
  <si>
    <t>岡亭利亜（オカテリア）</t>
  </si>
  <si>
    <t>西町4-1-2</t>
  </si>
  <si>
    <t>21AA0191</t>
  </si>
  <si>
    <t>株式会社YOI MONO KOTO</t>
  </si>
  <si>
    <t>太田口通り</t>
  </si>
  <si>
    <t>二丁目２番15号</t>
  </si>
  <si>
    <t xml:space="preserve">チームF </t>
  </si>
  <si>
    <t>新屋165-1</t>
  </si>
  <si>
    <t>22CI0004</t>
  </si>
  <si>
    <t>高人</t>
  </si>
  <si>
    <t>婦中町小長沢</t>
  </si>
  <si>
    <t>520</t>
  </si>
  <si>
    <t>21CG0011</t>
  </si>
  <si>
    <t>合同会社　ＭＡＣＨＩ　ｉｃｈｉ</t>
  </si>
  <si>
    <t>2238-14</t>
  </si>
  <si>
    <t>ローソン　富山中屋店</t>
  </si>
  <si>
    <t>中屋</t>
  </si>
  <si>
    <t>２９７－２</t>
  </si>
  <si>
    <t>22AE0003</t>
  </si>
  <si>
    <t>株式会社Proceed</t>
  </si>
  <si>
    <t>天正寺68</t>
  </si>
  <si>
    <t>アプレシオ　掛尾店</t>
  </si>
  <si>
    <t>605</t>
  </si>
  <si>
    <t>24AJ0001</t>
  </si>
  <si>
    <t>美加月飲食産業　株式会社</t>
  </si>
  <si>
    <t>2-19</t>
  </si>
  <si>
    <t>みかづき（富山100す9623）</t>
  </si>
  <si>
    <t>23-23-B</t>
  </si>
  <si>
    <t>21AM0031</t>
  </si>
  <si>
    <t>日方江</t>
  </si>
  <si>
    <t>1399</t>
  </si>
  <si>
    <t>茶房　POPO</t>
  </si>
  <si>
    <t>21AJ0095</t>
  </si>
  <si>
    <t>21CA0097</t>
  </si>
  <si>
    <t>株式会社アイザック・オール</t>
  </si>
  <si>
    <t>山本字重治ヶ市</t>
  </si>
  <si>
    <t>リバーリトリート雅樂倶（カフェバー）</t>
  </si>
  <si>
    <t>春日</t>
  </si>
  <si>
    <t>56-2</t>
  </si>
  <si>
    <t>22AI0179</t>
  </si>
  <si>
    <t>リバーリトリート雅樂倶</t>
  </si>
  <si>
    <t>23AF0017</t>
  </si>
  <si>
    <t>家庭料理　遼</t>
  </si>
  <si>
    <t>布一ビル１F</t>
  </si>
  <si>
    <t>21AG0017</t>
  </si>
  <si>
    <t>藤木新町</t>
  </si>
  <si>
    <t>１２－３</t>
  </si>
  <si>
    <t>高ひろおやつ部</t>
  </si>
  <si>
    <t>常盤台</t>
  </si>
  <si>
    <t>３５０番</t>
  </si>
  <si>
    <t>21CA0098</t>
  </si>
  <si>
    <t>7番13号</t>
  </si>
  <si>
    <t>SOCO　BAKE</t>
  </si>
  <si>
    <t>21CA0099</t>
  </si>
  <si>
    <t>有限会社ちばや</t>
  </si>
  <si>
    <t>40-2</t>
  </si>
  <si>
    <t>Tsunag.</t>
  </si>
  <si>
    <t>ちばやビル１F</t>
  </si>
  <si>
    <t>21AA0192</t>
  </si>
  <si>
    <t>21CA0100</t>
  </si>
  <si>
    <t>Glitter</t>
  </si>
  <si>
    <t>桜木町中央ビル302</t>
  </si>
  <si>
    <t>22AI0003</t>
  </si>
  <si>
    <t>ケービーエフ株式会社</t>
  </si>
  <si>
    <t>尾張町</t>
  </si>
  <si>
    <t>2-16-3</t>
  </si>
  <si>
    <t>みずほサーポートセンター</t>
  </si>
  <si>
    <t>婦中町上吉川</t>
  </si>
  <si>
    <t>131-1</t>
  </si>
  <si>
    <t>24AA0025</t>
  </si>
  <si>
    <t>婦中町中名</t>
  </si>
  <si>
    <t>普通の居酒屋　頓珍漢　分家</t>
  </si>
  <si>
    <t>1396-4</t>
  </si>
  <si>
    <t>22AI0001</t>
  </si>
  <si>
    <t>Pub The DOLLARS</t>
  </si>
  <si>
    <t>松よしビル2F13号室</t>
  </si>
  <si>
    <t>23AI0187</t>
  </si>
  <si>
    <t>1-16</t>
  </si>
  <si>
    <t>ねじまき紅茶堂</t>
  </si>
  <si>
    <t>町村二丁目</t>
  </si>
  <si>
    <t>Sisu内</t>
  </si>
  <si>
    <t>22AJ0002</t>
  </si>
  <si>
    <t>22CA0001</t>
  </si>
  <si>
    <t>Slow cafe</t>
  </si>
  <si>
    <t>22AA0001</t>
  </si>
  <si>
    <t>22CA0002</t>
  </si>
  <si>
    <t>５－２４</t>
  </si>
  <si>
    <t>ぷりん専門店　田なか</t>
  </si>
  <si>
    <t>旅籠町</t>
  </si>
  <si>
    <t>１－１３</t>
  </si>
  <si>
    <t>中島ビル１Ｆ</t>
  </si>
  <si>
    <t>22AJ0003</t>
  </si>
  <si>
    <t>22CA0003</t>
  </si>
  <si>
    <t>スナックガバーナ</t>
  </si>
  <si>
    <t>カルナビル2-C</t>
  </si>
  <si>
    <t>22AI0004</t>
  </si>
  <si>
    <t>株式会社四六八ちゃ</t>
  </si>
  <si>
    <t>7-11松本第７ビル１Ｆ</t>
  </si>
  <si>
    <t>四六八ちゃ</t>
  </si>
  <si>
    <t>7-11</t>
  </si>
  <si>
    <t>松本第７ビル１Ｆ</t>
  </si>
  <si>
    <t>22AC0001</t>
  </si>
  <si>
    <t>スマイルフーズ</t>
  </si>
  <si>
    <t>上赤江町一丁目</t>
  </si>
  <si>
    <t>12-2</t>
  </si>
  <si>
    <t>22AE0034</t>
  </si>
  <si>
    <t>千石町三丁目</t>
  </si>
  <si>
    <t>くすのき</t>
  </si>
  <si>
    <t>７－２</t>
  </si>
  <si>
    <t>ポエシア・ブランカ１Ｆ</t>
  </si>
  <si>
    <t>22AG0001</t>
  </si>
  <si>
    <t>株式会社　ライドオンエクスプレス</t>
  </si>
  <si>
    <t>三田三丁目</t>
  </si>
  <si>
    <t>５－２７住友不動産三田ツインビル西館１７階</t>
  </si>
  <si>
    <t>銀のさら　富山中央店</t>
  </si>
  <si>
    <t>６－１０</t>
  </si>
  <si>
    <t>22AC0002</t>
  </si>
  <si>
    <t>丸善醬油株式会社</t>
  </si>
  <si>
    <t>入膳７０６８の４番地</t>
  </si>
  <si>
    <t>越中富山『入善唐揚げ～匠味麹鶏～』</t>
  </si>
  <si>
    <t>1階第124号</t>
  </si>
  <si>
    <t>22CC0006</t>
  </si>
  <si>
    <t>菓子屋　ツキノミ</t>
  </si>
  <si>
    <t>２丁目９番地９</t>
  </si>
  <si>
    <t>ツカサビル１階</t>
  </si>
  <si>
    <t>24CA0004</t>
  </si>
  <si>
    <t>ファミリーマート富山中央通り二丁目店</t>
  </si>
  <si>
    <t>22AN0003</t>
  </si>
  <si>
    <t>ファミリーマート富山茶屋町</t>
  </si>
  <si>
    <t>602-2</t>
  </si>
  <si>
    <t>22AN0026</t>
  </si>
  <si>
    <t>スーパーＵＳＡ店内キッチン</t>
  </si>
  <si>
    <t>２２３－１</t>
  </si>
  <si>
    <t>スーパーＵＳＡ内</t>
  </si>
  <si>
    <t>22AJ0004</t>
  </si>
  <si>
    <t>セブンーイレブン　富山問屋町店</t>
  </si>
  <si>
    <t>上冨居一丁目</t>
  </si>
  <si>
    <t>8-88</t>
  </si>
  <si>
    <t>22AN0001</t>
  </si>
  <si>
    <t>株式会社ファイブスター</t>
  </si>
  <si>
    <t>松原町１８８０番５</t>
  </si>
  <si>
    <t>ココス本郷店</t>
  </si>
  <si>
    <t>本郷新</t>
  </si>
  <si>
    <t>４３-1</t>
  </si>
  <si>
    <t>23AA0051</t>
  </si>
  <si>
    <t>ココス黒瀬店</t>
  </si>
  <si>
    <t>1-2-7</t>
  </si>
  <si>
    <t>23AA0056</t>
  </si>
  <si>
    <t>株式会社　フードシステム</t>
  </si>
  <si>
    <t>１１－２６</t>
  </si>
  <si>
    <t>金剛化学株式会社</t>
  </si>
  <si>
    <t>３</t>
  </si>
  <si>
    <t>22AA0003</t>
  </si>
  <si>
    <t>アクロス食堂2F㈱不二越内</t>
  </si>
  <si>
    <t>不二越本町</t>
  </si>
  <si>
    <t>1丁目1-1</t>
  </si>
  <si>
    <t>㈱不二越内</t>
  </si>
  <si>
    <t>23AA0047</t>
  </si>
  <si>
    <t>北陸電子株式会社</t>
  </si>
  <si>
    <t>婦中町下井沢</t>
  </si>
  <si>
    <t>3215</t>
  </si>
  <si>
    <t>23AA0133</t>
  </si>
  <si>
    <t>トートーカフェ</t>
  </si>
  <si>
    <t>１７３９</t>
  </si>
  <si>
    <t>22AJ0005</t>
  </si>
  <si>
    <t>株式会社　彩コーポレーション</t>
  </si>
  <si>
    <t>食楽　彩</t>
  </si>
  <si>
    <t>22AI0005</t>
  </si>
  <si>
    <t>セブン－イレブン富山本郷町店</t>
  </si>
  <si>
    <t>46-1</t>
  </si>
  <si>
    <t>22AN0002</t>
  </si>
  <si>
    <t>390</t>
  </si>
  <si>
    <t>みかみストアー</t>
  </si>
  <si>
    <t>22BD0001</t>
  </si>
  <si>
    <t>株式会社　アトム</t>
  </si>
  <si>
    <t>豊島区</t>
  </si>
  <si>
    <t>西池袋三丁目</t>
  </si>
  <si>
    <t>6-18</t>
  </si>
  <si>
    <t>バール・デ・美富味</t>
  </si>
  <si>
    <t>ＭＡＲＯＯＴ1階</t>
  </si>
  <si>
    <t>22AI0006</t>
  </si>
  <si>
    <t>味仙屋</t>
  </si>
  <si>
    <t>根塚町一丁目</t>
  </si>
  <si>
    <t>22AB0001</t>
  </si>
  <si>
    <t>有限会社美人家</t>
  </si>
  <si>
    <t>氷見市</t>
  </si>
  <si>
    <t>柳田</t>
  </si>
  <si>
    <t>１１１０番地の１</t>
  </si>
  <si>
    <t>銀兆ikizushi富山総曲輪店</t>
  </si>
  <si>
    <t>２番６号</t>
  </si>
  <si>
    <t>池田ビル１階</t>
  </si>
  <si>
    <t>22AC0003</t>
  </si>
  <si>
    <t>中華そば　マルフク</t>
  </si>
  <si>
    <t>736-1</t>
  </si>
  <si>
    <t>22AD0045</t>
  </si>
  <si>
    <t>粋鮨　富山店</t>
  </si>
  <si>
    <t>飯野</t>
  </si>
  <si>
    <t>8-4</t>
  </si>
  <si>
    <t>23AC0004</t>
  </si>
  <si>
    <t>社会福祉法人　射水万葉会</t>
  </si>
  <si>
    <t>朴木</t>
  </si>
  <si>
    <t>２１１－１</t>
  </si>
  <si>
    <t>射水万葉会天正寺サポートセンター</t>
  </si>
  <si>
    <t>４８４－１</t>
  </si>
  <si>
    <t>22AA0005</t>
  </si>
  <si>
    <t>桜焼肉専門　馬肉の親方</t>
  </si>
  <si>
    <t>7-12</t>
  </si>
  <si>
    <t>城南地所ビル1階</t>
  </si>
  <si>
    <t>22AI0007</t>
  </si>
  <si>
    <t>トラットリア　ニャムニャム</t>
  </si>
  <si>
    <t>2054-40</t>
  </si>
  <si>
    <t>23AI0043</t>
  </si>
  <si>
    <t>有限会社　スターダム</t>
  </si>
  <si>
    <t>新根塚町一丁目</t>
  </si>
  <si>
    <t>９－４５</t>
  </si>
  <si>
    <t>くすくすダイニング</t>
  </si>
  <si>
    <t>22AA0006</t>
  </si>
  <si>
    <t>中市一丁目</t>
  </si>
  <si>
    <t>１７－８</t>
  </si>
  <si>
    <t>森製パン所</t>
  </si>
  <si>
    <t>22CA0005</t>
  </si>
  <si>
    <t>株式会社westdoor</t>
  </si>
  <si>
    <t>神通本町</t>
  </si>
  <si>
    <t>1-3-16-602</t>
  </si>
  <si>
    <t>ローソン富山駅前店</t>
  </si>
  <si>
    <t>22AE0047</t>
  </si>
  <si>
    <t>ひかり商事株式会社</t>
  </si>
  <si>
    <t>千木一丁目</t>
  </si>
  <si>
    <t>77</t>
  </si>
  <si>
    <t>カラオケスタジオ　飛行船</t>
  </si>
  <si>
    <t>公文名</t>
  </si>
  <si>
    <t>8</t>
  </si>
  <si>
    <t>22AI0008</t>
  </si>
  <si>
    <t>株式会社　オカッテン</t>
  </si>
  <si>
    <t>つぶ屋</t>
  </si>
  <si>
    <t>2F</t>
  </si>
  <si>
    <t>22AE0002</t>
  </si>
  <si>
    <t>ぺんぎん食堂</t>
  </si>
  <si>
    <t>22AI0009</t>
  </si>
  <si>
    <t>22CA0006</t>
  </si>
  <si>
    <t>グランマルシェタケダ株式会社</t>
  </si>
  <si>
    <t>問屋町１丁目２番６４号</t>
  </si>
  <si>
    <t>グランマルシェタケダマルート店</t>
  </si>
  <si>
    <t>1－32</t>
  </si>
  <si>
    <t>22AK0010</t>
  </si>
  <si>
    <t>22BF0008</t>
  </si>
  <si>
    <t>653番地1</t>
  </si>
  <si>
    <t>さたけ産婦人科</t>
  </si>
  <si>
    <t>70番地</t>
  </si>
  <si>
    <t>22AA0008</t>
  </si>
  <si>
    <t>冷麺専門店！桜木店</t>
  </si>
  <si>
    <t>サンバードビル２F</t>
  </si>
  <si>
    <t>22AD0001</t>
  </si>
  <si>
    <t>居酒屋　でんでん</t>
  </si>
  <si>
    <t>195番地</t>
  </si>
  <si>
    <t>22AA0009</t>
  </si>
  <si>
    <t>618-11</t>
  </si>
  <si>
    <t>カフェ・アンジュ</t>
  </si>
  <si>
    <t>22CA0007</t>
  </si>
  <si>
    <t>11-10</t>
  </si>
  <si>
    <t>生粋手打蕎麦　市川</t>
  </si>
  <si>
    <t>シティアイアイビル　1F</t>
  </si>
  <si>
    <t>22AD0002</t>
  </si>
  <si>
    <t>有限会社　キャベツ</t>
  </si>
  <si>
    <t>８番らーめん　黒瀬店</t>
  </si>
  <si>
    <t>22AD0003</t>
  </si>
  <si>
    <t>株式会社　粋りん</t>
  </si>
  <si>
    <t>５０２－３</t>
  </si>
  <si>
    <t>旬彩　ごちそう</t>
  </si>
  <si>
    <t>22AG0003</t>
  </si>
  <si>
    <t>株式会社　壱番屋</t>
  </si>
  <si>
    <t>一宮市</t>
  </si>
  <si>
    <t>三ツ井６丁目</t>
  </si>
  <si>
    <t>12番23号</t>
  </si>
  <si>
    <t>カレーハウスCoCo壱番屋　富山黒瀬店</t>
  </si>
  <si>
    <t>黒瀬北町一丁目</t>
  </si>
  <si>
    <t>22AA0012</t>
  </si>
  <si>
    <t>５－８４</t>
  </si>
  <si>
    <t>中華料理　ちゅー</t>
  </si>
  <si>
    <t>22AB0002</t>
  </si>
  <si>
    <t>山室荒屋</t>
  </si>
  <si>
    <t>267-29</t>
  </si>
  <si>
    <t>リュバン</t>
  </si>
  <si>
    <t>22CA0008</t>
  </si>
  <si>
    <t>グリエＴＡＮＩＧＵＣＨＩ　根塚店</t>
  </si>
  <si>
    <t>22AA0013</t>
  </si>
  <si>
    <t>ワイワイ居酒屋　小糸</t>
  </si>
  <si>
    <t>22BF0001</t>
  </si>
  <si>
    <t>22CA0009</t>
  </si>
  <si>
    <t>有限会社　小沢商会</t>
  </si>
  <si>
    <t>174番地1</t>
  </si>
  <si>
    <t>Deli &amp; Coffee</t>
  </si>
  <si>
    <t>22AJ0006</t>
  </si>
  <si>
    <t>串揚げ　勝</t>
  </si>
  <si>
    <t>サカエビル1F</t>
  </si>
  <si>
    <t>24AI0100</t>
  </si>
  <si>
    <t>むらい食品株式会社</t>
  </si>
  <si>
    <t>大泉１５２３番地</t>
  </si>
  <si>
    <t>月岡デイサービスセンター　やまゆり</t>
  </si>
  <si>
    <t>中布目</t>
  </si>
  <si>
    <t>163</t>
  </si>
  <si>
    <t>22AA0019</t>
  </si>
  <si>
    <t>ルートインジャパン　株式会社</t>
  </si>
  <si>
    <t>大井</t>
  </si>
  <si>
    <t>1-35-3</t>
  </si>
  <si>
    <t>ホテル　ルートイン　富山インター</t>
  </si>
  <si>
    <t>401-1</t>
  </si>
  <si>
    <t>22AF0001</t>
  </si>
  <si>
    <t>百年香薫肉</t>
  </si>
  <si>
    <t>新庄北町18番24-4</t>
  </si>
  <si>
    <t>22AK0001</t>
  </si>
  <si>
    <t>有限会社　イワモトコーポレーション</t>
  </si>
  <si>
    <t>大島一丁目</t>
  </si>
  <si>
    <t>211</t>
  </si>
  <si>
    <t>なか道</t>
  </si>
  <si>
    <t>22AD0005</t>
  </si>
  <si>
    <t>22CG0001</t>
  </si>
  <si>
    <t>和料理　ことり</t>
  </si>
  <si>
    <t>８－７</t>
  </si>
  <si>
    <t>ニュー総曲輪ビル１Ｆ</t>
  </si>
  <si>
    <t>22AG0002</t>
  </si>
  <si>
    <t>株式会社　西松ホテルマネジメント</t>
  </si>
  <si>
    <t>カフェ　コントレイル</t>
  </si>
  <si>
    <t>ホテルJALシティ富山　１F</t>
  </si>
  <si>
    <t>22AF0002</t>
  </si>
  <si>
    <t>有限会社　エスアンドワイ</t>
  </si>
  <si>
    <t>794-1</t>
  </si>
  <si>
    <t>串いち</t>
  </si>
  <si>
    <t>22AA0015</t>
  </si>
  <si>
    <t>有沢</t>
  </si>
  <si>
    <t>鮨安</t>
  </si>
  <si>
    <t>１２９９－２</t>
  </si>
  <si>
    <t>22AC0004</t>
  </si>
  <si>
    <t>有限会社　八日堂</t>
  </si>
  <si>
    <t>上八日町</t>
  </si>
  <si>
    <t>50</t>
  </si>
  <si>
    <t>22CA0010</t>
  </si>
  <si>
    <t>株式会社　田中食品</t>
  </si>
  <si>
    <t>３－４７</t>
  </si>
  <si>
    <t>22CA0011</t>
  </si>
  <si>
    <t>23CE0001</t>
  </si>
  <si>
    <t>一般社団法人　サンピース支援センター</t>
  </si>
  <si>
    <t>大島二丁目</t>
  </si>
  <si>
    <t>608番地　ハウスプラスビル</t>
  </si>
  <si>
    <t>サンピース支援センター</t>
  </si>
  <si>
    <t>596番31</t>
  </si>
  <si>
    <t>22AK0002</t>
  </si>
  <si>
    <t>22CA0012</t>
  </si>
  <si>
    <t>株式会社　PERSON’S</t>
  </si>
  <si>
    <t>588番地26</t>
  </si>
  <si>
    <t>町屋カフェ太郎茶屋鎌倉　富山店</t>
  </si>
  <si>
    <t>588番26</t>
  </si>
  <si>
    <t>22AJ0047</t>
  </si>
  <si>
    <t>22CA0045</t>
  </si>
  <si>
    <t>株式会社　誠</t>
  </si>
  <si>
    <t>4-18　桜木町第3ビル1F</t>
  </si>
  <si>
    <t>炭火焼　やきとり居酒屋　鳥紳士</t>
  </si>
  <si>
    <t>4-18</t>
  </si>
  <si>
    <t>桜木町第3ビル　1F</t>
  </si>
  <si>
    <t>22AI0010</t>
  </si>
  <si>
    <t>太郎丸</t>
  </si>
  <si>
    <t>たに川食堂</t>
  </si>
  <si>
    <t>626-2</t>
  </si>
  <si>
    <t>22AI0011</t>
  </si>
  <si>
    <t>富山ファーストフーズ　株式会社</t>
  </si>
  <si>
    <t>ミスタードーナツ　富山南ショップ</t>
  </si>
  <si>
    <t>アピタ内</t>
  </si>
  <si>
    <t>22AJ0009</t>
  </si>
  <si>
    <t>22CA0013</t>
  </si>
  <si>
    <t>ミスタードーナツ　ファボーレショップ</t>
  </si>
  <si>
    <t>22AJ0086</t>
  </si>
  <si>
    <t>22CA0083</t>
  </si>
  <si>
    <t>４－２０</t>
  </si>
  <si>
    <t>山川　山室店</t>
  </si>
  <si>
    <t>３１－１</t>
  </si>
  <si>
    <t>22AJ0010</t>
  </si>
  <si>
    <t>株式会社　水文</t>
  </si>
  <si>
    <t>12-11</t>
  </si>
  <si>
    <t>22CV0001</t>
  </si>
  <si>
    <t>株式会社水文　第２工場</t>
  </si>
  <si>
    <t>13-2</t>
  </si>
  <si>
    <t>23CH0001</t>
  </si>
  <si>
    <t>23CV0001</t>
  </si>
  <si>
    <t>株式会社中日本吉野家</t>
  </si>
  <si>
    <t>日本橋箱崎町３６番２号</t>
  </si>
  <si>
    <t>吉野家　富山駅前店</t>
  </si>
  <si>
    <t>1丁目4-5</t>
  </si>
  <si>
    <t>24AA0073</t>
  </si>
  <si>
    <t>新金代一丁目</t>
  </si>
  <si>
    <t>３３</t>
  </si>
  <si>
    <t>居酒屋かなだい</t>
  </si>
  <si>
    <t>22AI0012</t>
  </si>
  <si>
    <t>有限会社　久乃家</t>
  </si>
  <si>
    <t>1605</t>
  </si>
  <si>
    <t>（有）久乃家</t>
  </si>
  <si>
    <t>22CH0001</t>
  </si>
  <si>
    <t>株式会社　宇な義</t>
  </si>
  <si>
    <t>２３－１８</t>
  </si>
  <si>
    <t>宇な義</t>
  </si>
  <si>
    <t>22AA0016</t>
  </si>
  <si>
    <t>株式会社ダイショウ</t>
  </si>
  <si>
    <t>東田地方町</t>
  </si>
  <si>
    <t>1-5-52</t>
  </si>
  <si>
    <t>８番らーめん　大泉店</t>
  </si>
  <si>
    <t>大泉本町1-4-2</t>
  </si>
  <si>
    <t>22AD0009</t>
  </si>
  <si>
    <t>８番らーめん奥田店</t>
  </si>
  <si>
    <t>７－５０</t>
  </si>
  <si>
    <t>22AD0016</t>
  </si>
  <si>
    <t>８番らーめん飯野あらや店</t>
  </si>
  <si>
    <t>24AD0018</t>
  </si>
  <si>
    <t>富士産業　株式会社</t>
  </si>
  <si>
    <t>新橋５丁目</t>
  </si>
  <si>
    <t>３２－７ＦＩビル</t>
  </si>
  <si>
    <t>九重荘内富士産業(株)営業所</t>
  </si>
  <si>
    <t>１７７－３</t>
  </si>
  <si>
    <t>22AA0017</t>
  </si>
  <si>
    <t>株式会社　ビーライン</t>
  </si>
  <si>
    <t>4-12　第2若林ビル2Ｆ</t>
  </si>
  <si>
    <t>とやま鮨　海富山</t>
  </si>
  <si>
    <t>ＭＡＲＯＯＴ　４Ｆ</t>
  </si>
  <si>
    <t>22AC0005</t>
  </si>
  <si>
    <t>株式会社サードフロア</t>
  </si>
  <si>
    <t>８－５　太田ビル３Ｆ</t>
  </si>
  <si>
    <t>のみ活</t>
  </si>
  <si>
    <t>２－３－２４</t>
  </si>
  <si>
    <t>ＥＳＴＹ５ビル２Ｆ</t>
  </si>
  <si>
    <t>22AI0013</t>
  </si>
  <si>
    <t>月見町四丁目</t>
  </si>
  <si>
    <t>66</t>
  </si>
  <si>
    <t>かずら</t>
  </si>
  <si>
    <t>22AI0014</t>
  </si>
  <si>
    <t>お家ごはん　みこみ</t>
  </si>
  <si>
    <t>大泉東町2-19-1　１Ｆ</t>
  </si>
  <si>
    <t>22AA0018</t>
  </si>
  <si>
    <t>味わい処　ちせん</t>
  </si>
  <si>
    <t>３５３</t>
  </si>
  <si>
    <t>上畑ハイツ１Ｆ</t>
  </si>
  <si>
    <t>22AI0015</t>
  </si>
  <si>
    <t>富山大一水産　株式会社</t>
  </si>
  <si>
    <t>22BD0003</t>
  </si>
  <si>
    <t>株式会社　吉田企画</t>
  </si>
  <si>
    <t>14番地2</t>
  </si>
  <si>
    <t>すき焼　はやし</t>
  </si>
  <si>
    <t>3番地2</t>
  </si>
  <si>
    <t>22AG0004</t>
  </si>
  <si>
    <t>株式会社　ボン・リブラン</t>
  </si>
  <si>
    <t>3-43</t>
  </si>
  <si>
    <t>(株)　ボン・リブラン</t>
  </si>
  <si>
    <t>3-25</t>
  </si>
  <si>
    <t>22CA0014</t>
  </si>
  <si>
    <t>栄町二丁目</t>
  </si>
  <si>
    <t>22CA0033</t>
  </si>
  <si>
    <t>ボン・リブラン　赤田店</t>
  </si>
  <si>
    <t>735-1</t>
  </si>
  <si>
    <t>23CA0016</t>
  </si>
  <si>
    <t>(株)ボン・リブラン</t>
  </si>
  <si>
    <t>23CA0017</t>
  </si>
  <si>
    <t>23CD0001</t>
  </si>
  <si>
    <t>girls bar LUSH</t>
  </si>
  <si>
    <t>富山市桜木町</t>
  </si>
  <si>
    <t>ダイヤモンドビル4Ｆ</t>
  </si>
  <si>
    <t>22AI0016</t>
  </si>
  <si>
    <t>萩原</t>
  </si>
  <si>
    <t>洋食だんらんや　婦中店</t>
  </si>
  <si>
    <t>474-11</t>
  </si>
  <si>
    <t>22AA0020</t>
  </si>
  <si>
    <t>居酒屋　佐久良</t>
  </si>
  <si>
    <t>4番21号</t>
  </si>
  <si>
    <t>22AI0017</t>
  </si>
  <si>
    <t>Ｄ　ｃｏｍ　株式会社</t>
  </si>
  <si>
    <t>中市二丁目</t>
  </si>
  <si>
    <t>９－３</t>
  </si>
  <si>
    <t>ネネチキン＆ジョンノハットグ</t>
  </si>
  <si>
    <t>１－２３１</t>
  </si>
  <si>
    <t>マルート内</t>
  </si>
  <si>
    <t>22AN0006</t>
  </si>
  <si>
    <t>コリアンキッチン　テジカエン富山駅ナカ店</t>
  </si>
  <si>
    <t>１－９０</t>
  </si>
  <si>
    <t>20AI0077</t>
  </si>
  <si>
    <t>コリアンキッチン　テジカエン</t>
  </si>
  <si>
    <t>９－２０</t>
  </si>
  <si>
    <t>24AI0029</t>
  </si>
  <si>
    <t>23CC0012</t>
  </si>
  <si>
    <t>韓国料理　李南河</t>
  </si>
  <si>
    <t>３５－２３</t>
  </si>
  <si>
    <t>環水テラス２Ｆ</t>
  </si>
  <si>
    <t>22AG0005</t>
  </si>
  <si>
    <t>有限会社　エース商事</t>
  </si>
  <si>
    <t>535</t>
  </si>
  <si>
    <t>B-SIDE</t>
  </si>
  <si>
    <t>22AF0003</t>
  </si>
  <si>
    <t>株式会社　ドマックス</t>
  </si>
  <si>
    <t>すし食いねぇ！富山天正寺店</t>
  </si>
  <si>
    <t>77-1</t>
  </si>
  <si>
    <t>22AC0006</t>
  </si>
  <si>
    <t>すし食いねぇ！富山二口店</t>
  </si>
  <si>
    <t>2-4-5</t>
  </si>
  <si>
    <t>22AC0011</t>
  </si>
  <si>
    <t>麺飯屋　醤</t>
  </si>
  <si>
    <t>224-3</t>
  </si>
  <si>
    <t>22AB0003</t>
  </si>
  <si>
    <t>富山製パン　株式会社</t>
  </si>
  <si>
    <t>269-1</t>
  </si>
  <si>
    <t>22AE0005</t>
  </si>
  <si>
    <t>22CA0016</t>
  </si>
  <si>
    <t>ｂａｒ１８４</t>
  </si>
  <si>
    <t>３－２４</t>
  </si>
  <si>
    <t>22AI0019</t>
  </si>
  <si>
    <t>社会福祉法人　アルペン会</t>
  </si>
  <si>
    <t>小西</t>
  </si>
  <si>
    <t>１７０</t>
  </si>
  <si>
    <t>ＭＵＲＯＹＡ</t>
  </si>
  <si>
    <t>下飯野</t>
  </si>
  <si>
    <t>３６</t>
  </si>
  <si>
    <t>富山県リハビリテーション病院・こども支援センター内</t>
  </si>
  <si>
    <t>22AJ0013</t>
  </si>
  <si>
    <t>MUROYA</t>
  </si>
  <si>
    <t>東岩瀬村</t>
  </si>
  <si>
    <t>24AJ0032</t>
  </si>
  <si>
    <t>24CA0044</t>
  </si>
  <si>
    <t>コンパスグループ・ジャパン　株式会社</t>
  </si>
  <si>
    <t>築地五丁目</t>
  </si>
  <si>
    <t>コンパスグループ・ジャパン㈱富山本郷</t>
  </si>
  <si>
    <t>富山高専内</t>
  </si>
  <si>
    <t>23AA0028</t>
  </si>
  <si>
    <t>中部フーズ　株式会社</t>
  </si>
  <si>
    <t>高根町</t>
  </si>
  <si>
    <t>中部フーズ(株)　本郷店</t>
  </si>
  <si>
    <t>55-1</t>
  </si>
  <si>
    <t>22AE0006</t>
  </si>
  <si>
    <t>中部フーズ（バロー黒瀬店）</t>
  </si>
  <si>
    <t>22AE0007</t>
  </si>
  <si>
    <t>株式会社　ファームNINJAPO</t>
  </si>
  <si>
    <t>117</t>
  </si>
  <si>
    <t>ヒミツキチ</t>
  </si>
  <si>
    <t>23AJ0109</t>
  </si>
  <si>
    <t>23CA0129</t>
  </si>
  <si>
    <t>とやまアルペン乳業　株式会社</t>
  </si>
  <si>
    <t>林崎</t>
  </si>
  <si>
    <t>１２２３－１</t>
  </si>
  <si>
    <t>⑥ 集乳業</t>
  </si>
  <si>
    <t>22DD0001</t>
  </si>
  <si>
    <t>22DA0001</t>
  </si>
  <si>
    <t>22CA0018</t>
  </si>
  <si>
    <t>⑬ 乳製品製造業</t>
  </si>
  <si>
    <t>22DC0001</t>
  </si>
  <si>
    <t>月岡町五丁目</t>
  </si>
  <si>
    <t>２０３</t>
  </si>
  <si>
    <t>大野精肉店</t>
  </si>
  <si>
    <t>22AK0003</t>
  </si>
  <si>
    <t>22BF0002</t>
  </si>
  <si>
    <t>1880番地5</t>
  </si>
  <si>
    <t>ココス富山飯野店</t>
  </si>
  <si>
    <t>14‐5</t>
  </si>
  <si>
    <t>22AA0040</t>
  </si>
  <si>
    <t>2-50</t>
  </si>
  <si>
    <t>hanare(ハナレ）</t>
  </si>
  <si>
    <t>22AJ0015</t>
  </si>
  <si>
    <t>有限会社　壽司榮</t>
  </si>
  <si>
    <t>（仮）寿司栄　掛尾</t>
  </si>
  <si>
    <t>ルートイン富山Ｂ１Ｆ</t>
  </si>
  <si>
    <t>24AI0063</t>
  </si>
  <si>
    <t>カネショウ水産　株式会社</t>
  </si>
  <si>
    <t>22BD0004</t>
  </si>
  <si>
    <t>株式会社物語コーポレーション</t>
  </si>
  <si>
    <t>豊橋市</t>
  </si>
  <si>
    <t>西岩田</t>
  </si>
  <si>
    <t>5-7-11</t>
  </si>
  <si>
    <t>丸源ラーメン富山豊田店</t>
  </si>
  <si>
    <t>豊田町</t>
  </si>
  <si>
    <t>1-12-18</t>
  </si>
  <si>
    <t>22AD0012</t>
  </si>
  <si>
    <t>セブンイレブン　富山中川原店</t>
  </si>
  <si>
    <t>中川原台2-28</t>
  </si>
  <si>
    <t>22AN0007</t>
  </si>
  <si>
    <t>有限会社　たまふち食品</t>
  </si>
  <si>
    <t>黒瀬北町2-18-2</t>
  </si>
  <si>
    <t>22CC0001</t>
  </si>
  <si>
    <t>株式会社　大栄水産</t>
  </si>
  <si>
    <t>株式会社　大栄水産（昆布じめ）</t>
  </si>
  <si>
    <t>22CC0002</t>
  </si>
  <si>
    <t>22BD0008</t>
  </si>
  <si>
    <t>株式会社　大栄水産（昆布巻き）</t>
  </si>
  <si>
    <t>22CC0003</t>
  </si>
  <si>
    <t>布瀬町南2-9-7</t>
  </si>
  <si>
    <t>パティセリー　モニカ</t>
  </si>
  <si>
    <t>22CA0020</t>
  </si>
  <si>
    <t>赤江町</t>
  </si>
  <si>
    <t>山崎製餡所</t>
  </si>
  <si>
    <t>7-4</t>
  </si>
  <si>
    <t>22CA0021</t>
  </si>
  <si>
    <t>新橋5-32-7　ＦＩビル</t>
  </si>
  <si>
    <t>三輪病院内　富士産業（株）営業所</t>
  </si>
  <si>
    <t>小中291</t>
  </si>
  <si>
    <t>22AA0023</t>
  </si>
  <si>
    <t>株式会社　富山魚介</t>
  </si>
  <si>
    <t>22BD0007</t>
  </si>
  <si>
    <t>有限会社　土井</t>
  </si>
  <si>
    <t>１２－３７</t>
  </si>
  <si>
    <t>土井鮮魚店</t>
  </si>
  <si>
    <t>22AE0008</t>
  </si>
  <si>
    <t>22BD0009</t>
  </si>
  <si>
    <t>鮮魚　ホリタカ</t>
  </si>
  <si>
    <t>上袋676</t>
  </si>
  <si>
    <t>22BD0010</t>
  </si>
  <si>
    <t>有限会社　さんせん</t>
  </si>
  <si>
    <t>田家新</t>
  </si>
  <si>
    <t>742</t>
  </si>
  <si>
    <t>米沢亭　町村店</t>
  </si>
  <si>
    <t>町村一丁目</t>
  </si>
  <si>
    <t>348</t>
  </si>
  <si>
    <t>22AI0022</t>
  </si>
  <si>
    <t>彩菜福菜　ミューズ店</t>
  </si>
  <si>
    <t>47番地</t>
  </si>
  <si>
    <t>22AK0019</t>
  </si>
  <si>
    <t>カフェ　やすみ処</t>
  </si>
  <si>
    <t>22AJ0016</t>
  </si>
  <si>
    <t>食堂　ヘヴン</t>
  </si>
  <si>
    <t>二丁目４番２２号</t>
  </si>
  <si>
    <t>新富町第２ＫＫビル１ＦＢ室</t>
  </si>
  <si>
    <t>22AA0026</t>
  </si>
  <si>
    <t>おきなわ　美ら夢</t>
  </si>
  <si>
    <t>22AA0027</t>
  </si>
  <si>
    <t>株式会社第二産業</t>
  </si>
  <si>
    <t>１－４－３　レストタウンビル２０８</t>
  </si>
  <si>
    <t>銀花</t>
  </si>
  <si>
    <t>１－４－３</t>
  </si>
  <si>
    <t>レストタウンビル２０７</t>
  </si>
  <si>
    <t>22AI0023</t>
  </si>
  <si>
    <t>BELL</t>
  </si>
  <si>
    <t>ベル</t>
  </si>
  <si>
    <t>４－３</t>
  </si>
  <si>
    <t>レストタウンビル２０９号</t>
  </si>
  <si>
    <t>22AI0219</t>
  </si>
  <si>
    <t>Bell+</t>
  </si>
  <si>
    <t>1-4-3</t>
  </si>
  <si>
    <t>レストタウンビル １階 106号室</t>
  </si>
  <si>
    <t>24AI0084</t>
  </si>
  <si>
    <t>株式会社　金沢ジャーマンベーカリー</t>
  </si>
  <si>
    <t>岩本町三丁目</t>
  </si>
  <si>
    <t>10番1号</t>
  </si>
  <si>
    <t>ジャーマンベーカリー　マルート店</t>
  </si>
  <si>
    <t>MAROOT 1F</t>
  </si>
  <si>
    <t>22AE0012</t>
  </si>
  <si>
    <t>22CA0027</t>
  </si>
  <si>
    <t>ジャーマンベーカリー　アリス店</t>
  </si>
  <si>
    <t>１１４３－１</t>
  </si>
  <si>
    <t>アリス店内</t>
  </si>
  <si>
    <t>22CA0084</t>
  </si>
  <si>
    <t>ジャーマンベーカリー　ファボーレ店</t>
  </si>
  <si>
    <t>ショッピングセンターファボーレ内</t>
  </si>
  <si>
    <t>23CA0088</t>
  </si>
  <si>
    <t>有限会社放生若狭屋</t>
  </si>
  <si>
    <t>善光寺１６番５号</t>
  </si>
  <si>
    <t>放生若狭屋　マルートファクトリー</t>
  </si>
  <si>
    <t>22CA0030</t>
  </si>
  <si>
    <t>カラオケ　ＫＵＲＡ</t>
  </si>
  <si>
    <t>中市2-8-56</t>
  </si>
  <si>
    <t>22AI0026</t>
  </si>
  <si>
    <t>月見町</t>
  </si>
  <si>
    <t>1-46</t>
  </si>
  <si>
    <t>FIRENZE NEO 黒瀬店</t>
  </si>
  <si>
    <t>TOAビル2F</t>
  </si>
  <si>
    <t>22AN0008</t>
  </si>
  <si>
    <t>千成町</t>
  </si>
  <si>
    <t>喫茶　リヨン</t>
  </si>
  <si>
    <t>7</t>
  </si>
  <si>
    <t>22AJ0017</t>
  </si>
  <si>
    <t>日本海サプライ　株式会社</t>
  </si>
  <si>
    <t>西荒屋</t>
  </si>
  <si>
    <t>ログキャビン</t>
  </si>
  <si>
    <t>マルート　1F</t>
  </si>
  <si>
    <t>22AJ0028</t>
  </si>
  <si>
    <t>22CA0029</t>
  </si>
  <si>
    <t>たかこゆきやさい</t>
  </si>
  <si>
    <t>根塚町二丁目</t>
  </si>
  <si>
    <t>3-3 中</t>
  </si>
  <si>
    <t>22CC0004</t>
  </si>
  <si>
    <t>ｍｏｏｈｎｏ</t>
  </si>
  <si>
    <t>１５４－９</t>
  </si>
  <si>
    <t>22AJ0018</t>
  </si>
  <si>
    <t>株式会社　神島リビング</t>
  </si>
  <si>
    <t>美幸町二丁目</t>
  </si>
  <si>
    <t>神㠀珈琲</t>
  </si>
  <si>
    <t>２６９</t>
  </si>
  <si>
    <t>22AJ0019</t>
  </si>
  <si>
    <t>ほるもん家</t>
  </si>
  <si>
    <t>22AK0006</t>
  </si>
  <si>
    <t>古寺</t>
  </si>
  <si>
    <t>１５７</t>
  </si>
  <si>
    <t>たかた</t>
  </si>
  <si>
    <t>22CA0022</t>
  </si>
  <si>
    <t>5-30</t>
  </si>
  <si>
    <t>喫茶　オリオン</t>
  </si>
  <si>
    <t>タカセビル　1階</t>
  </si>
  <si>
    <t>22AJ0020</t>
  </si>
  <si>
    <t>吉島</t>
  </si>
  <si>
    <t>インド料理インディラ富山店</t>
  </si>
  <si>
    <t>１０５９</t>
  </si>
  <si>
    <t>22AA0028</t>
  </si>
  <si>
    <t>インディアンダイニング　チョリチョリ</t>
  </si>
  <si>
    <t>548-2</t>
  </si>
  <si>
    <t>23AA0141</t>
  </si>
  <si>
    <t>住吉町</t>
  </si>
  <si>
    <t>1-3-2</t>
  </si>
  <si>
    <t>太平橋</t>
  </si>
  <si>
    <t>ビジネスホテル富山アーバンホテル1F</t>
  </si>
  <si>
    <t>22AI0027</t>
  </si>
  <si>
    <t>居酒屋　浜ちゃん</t>
  </si>
  <si>
    <t>大町2区3-1</t>
  </si>
  <si>
    <t>22AI0028</t>
  </si>
  <si>
    <t>株式会社　竹勘</t>
  </si>
  <si>
    <t>掛尾町256-1</t>
  </si>
  <si>
    <t>上袋100-1　アピタ富山店１Ｆ</t>
  </si>
  <si>
    <t>22AK0007</t>
  </si>
  <si>
    <t>22BD0013</t>
  </si>
  <si>
    <t>掛尾町500　富山市公設地方卸売市場内</t>
  </si>
  <si>
    <t>22BD0014</t>
  </si>
  <si>
    <t>256-1</t>
  </si>
  <si>
    <t>24CC0010</t>
  </si>
  <si>
    <t>24CV0001</t>
  </si>
  <si>
    <t>堀川小泉町二丁目</t>
  </si>
  <si>
    <t>3-2</t>
  </si>
  <si>
    <t>光春</t>
  </si>
  <si>
    <t>22CA0023</t>
  </si>
  <si>
    <t>丸一みなみ食堂</t>
  </si>
  <si>
    <t>大町2区136</t>
  </si>
  <si>
    <t>22AA0029</t>
  </si>
  <si>
    <t>八日町</t>
  </si>
  <si>
    <t>ラーメン専門店　あっちっち本店</t>
  </si>
  <si>
    <t>486-2</t>
  </si>
  <si>
    <t>22AD0007</t>
  </si>
  <si>
    <t>アンドライフ　株式会社</t>
  </si>
  <si>
    <t>二口町二丁目</t>
  </si>
  <si>
    <t>５－９</t>
  </si>
  <si>
    <t>ＡＮＤＬＩＦＥ</t>
  </si>
  <si>
    <t>パティオ二口Ａ棟</t>
  </si>
  <si>
    <t>22AJ0024</t>
  </si>
  <si>
    <t>有限会社　ＡＲＰ</t>
  </si>
  <si>
    <t>２９２－１</t>
  </si>
  <si>
    <t>スパ・アルプス</t>
  </si>
  <si>
    <t>22AA0032</t>
  </si>
  <si>
    <t>荏原236</t>
  </si>
  <si>
    <t>森　豆富店</t>
  </si>
  <si>
    <t>22AK0009</t>
  </si>
  <si>
    <t>463</t>
  </si>
  <si>
    <t>奥田屋</t>
  </si>
  <si>
    <t>22BD0015</t>
  </si>
  <si>
    <t>６１</t>
  </si>
  <si>
    <t>７７７</t>
  </si>
  <si>
    <t>22AI0029</t>
  </si>
  <si>
    <t>株式会社ウィスタ</t>
  </si>
  <si>
    <t>２丁目４番地</t>
  </si>
  <si>
    <t>暮らし工房ＷＩＳＴＡ</t>
  </si>
  <si>
    <t>22AJ0025</t>
  </si>
  <si>
    <t>22CA0032</t>
  </si>
  <si>
    <t>麺とお食事処　天狗</t>
  </si>
  <si>
    <t>下熊野257-2</t>
  </si>
  <si>
    <t>22AA0034</t>
  </si>
  <si>
    <t>株式会社　マルチョウ神戸屋</t>
  </si>
  <si>
    <t>東岩瀬町</t>
  </si>
  <si>
    <t>３１５</t>
  </si>
  <si>
    <t>お惣菜の神戸亭アピタ富山東店</t>
  </si>
  <si>
    <t>22AK0011</t>
  </si>
  <si>
    <t>株式会社マルチョウ神戸屋グリーンモール山室店</t>
  </si>
  <si>
    <t>２２６－２</t>
  </si>
  <si>
    <t>22AK0012</t>
  </si>
  <si>
    <t>22BF0009</t>
  </si>
  <si>
    <t>株式会社　マルチョウ神戸屋　アピア店</t>
  </si>
  <si>
    <t>アピアショッピングセンター　1F</t>
  </si>
  <si>
    <t>23AK0005</t>
  </si>
  <si>
    <t>23BF0006</t>
  </si>
  <si>
    <t>株式会社マルチョウ神戸屋　製造部</t>
  </si>
  <si>
    <t>西宮</t>
  </si>
  <si>
    <t>113</t>
  </si>
  <si>
    <t>23CC0010</t>
  </si>
  <si>
    <t>マルチョウ神戸屋　アピタ富山店</t>
  </si>
  <si>
    <t>１００番地６８</t>
  </si>
  <si>
    <t>23AK0012</t>
  </si>
  <si>
    <t>23BF0011</t>
  </si>
  <si>
    <t>上飯野新町</t>
  </si>
  <si>
    <t>２－２３</t>
  </si>
  <si>
    <t>喫茶シーズン</t>
  </si>
  <si>
    <t>22AJ0026</t>
  </si>
  <si>
    <t>くだん</t>
  </si>
  <si>
    <t>２－４－７　１Ｆ</t>
  </si>
  <si>
    <t>22AI0030</t>
  </si>
  <si>
    <t>醸家</t>
  </si>
  <si>
    <t>二丁目６－１２</t>
  </si>
  <si>
    <t>フクタビル１Ｆ</t>
  </si>
  <si>
    <t>23AI0032</t>
  </si>
  <si>
    <t>日の出屋製菓産業　株式会社</t>
  </si>
  <si>
    <t>田中</t>
  </si>
  <si>
    <t>411</t>
  </si>
  <si>
    <t>おこめぢゃや　富山マルート店</t>
  </si>
  <si>
    <t>MAROOT 1階　第126号</t>
  </si>
  <si>
    <t>22CA0026</t>
  </si>
  <si>
    <t>ささら屋　富山婦中店</t>
  </si>
  <si>
    <t>394</t>
  </si>
  <si>
    <t>22AJ0065</t>
  </si>
  <si>
    <t>株式会社　リレーションズ</t>
  </si>
  <si>
    <t>宇奈月温泉</t>
  </si>
  <si>
    <t>633-1</t>
  </si>
  <si>
    <t>しゃぶしゃぶ温野菜　上飯野店</t>
  </si>
  <si>
    <t>10-1</t>
  </si>
  <si>
    <t>22AI0031</t>
  </si>
  <si>
    <t>株式会社　だんらんやコーポレーション</t>
  </si>
  <si>
    <t>栗山</t>
  </si>
  <si>
    <t>５２５</t>
  </si>
  <si>
    <t>洋食だんらんや</t>
  </si>
  <si>
    <t>太田北区</t>
  </si>
  <si>
    <t>８１－１</t>
  </si>
  <si>
    <t>22AA0038</t>
  </si>
  <si>
    <t>富山うまいもんや　株式会社</t>
  </si>
  <si>
    <t>三日市</t>
  </si>
  <si>
    <t>2523-1</t>
  </si>
  <si>
    <t>越中舞華</t>
  </si>
  <si>
    <t>ラ・トゥールビル2Ｆ</t>
  </si>
  <si>
    <t>22BD0018</t>
  </si>
  <si>
    <t>株式会社　ジョイフル関西</t>
  </si>
  <si>
    <t>大分県</t>
  </si>
  <si>
    <t>大分市</t>
  </si>
  <si>
    <t>三川新町1丁目1番45号</t>
  </si>
  <si>
    <t>ジョイフル　富山インター店</t>
  </si>
  <si>
    <t>赤田794-1</t>
  </si>
  <si>
    <t>22AA0039</t>
  </si>
  <si>
    <t>ジョイフル　富山大泉店</t>
  </si>
  <si>
    <t>大泉町</t>
  </si>
  <si>
    <t>2-1-10</t>
  </si>
  <si>
    <t>23AA0035</t>
  </si>
  <si>
    <t>ジョイフル　立山通り店</t>
  </si>
  <si>
    <t>大島</t>
  </si>
  <si>
    <t>1-78</t>
  </si>
  <si>
    <t>24AA0018</t>
  </si>
  <si>
    <t>２８－６</t>
  </si>
  <si>
    <t>Ｐｅｔｉｔ　Ｂｏｎｈｅｕｒ</t>
  </si>
  <si>
    <t>19AE0072</t>
  </si>
  <si>
    <t>19BF0080</t>
  </si>
  <si>
    <t>19CA0091</t>
  </si>
  <si>
    <t>22CM0001</t>
  </si>
  <si>
    <t>19CC0019</t>
  </si>
  <si>
    <t>岡万</t>
  </si>
  <si>
    <t>１－３２</t>
  </si>
  <si>
    <t>４Ｆ</t>
  </si>
  <si>
    <t>22AG0006</t>
  </si>
  <si>
    <t>株式会社　さんわ</t>
  </si>
  <si>
    <t>23番23号</t>
  </si>
  <si>
    <t>居酒屋　おうち</t>
  </si>
  <si>
    <t>285</t>
  </si>
  <si>
    <t>22AI0032</t>
  </si>
  <si>
    <t>Tiger Lily</t>
  </si>
  <si>
    <t>54-7</t>
  </si>
  <si>
    <t>22CA0031</t>
  </si>
  <si>
    <t>まる田</t>
  </si>
  <si>
    <t>22AI0033</t>
  </si>
  <si>
    <t>有限会社　魚吉</t>
  </si>
  <si>
    <t>７ー６　信開ベルシー黒瀬１１０５号</t>
  </si>
  <si>
    <t>(有)魚吉　市場加工場</t>
  </si>
  <si>
    <t>509-2</t>
  </si>
  <si>
    <t>22CH0002</t>
  </si>
  <si>
    <t>魚吉市場営業所</t>
  </si>
  <si>
    <t>11-2</t>
  </si>
  <si>
    <t>24BD0009</t>
  </si>
  <si>
    <t>株式会社サルーン</t>
  </si>
  <si>
    <t>新潟県</t>
  </si>
  <si>
    <t>三条市</t>
  </si>
  <si>
    <t>石上</t>
  </si>
  <si>
    <t>１－４－１２</t>
  </si>
  <si>
    <t>石焼ステーキ贅　富山マルート店</t>
  </si>
  <si>
    <t>マルート４階</t>
  </si>
  <si>
    <t>22AA0036</t>
  </si>
  <si>
    <t>豊中物産株式会社</t>
  </si>
  <si>
    <t>西念</t>
  </si>
  <si>
    <t>3-15-21</t>
  </si>
  <si>
    <t>菜香楼</t>
  </si>
  <si>
    <t>22AB0004</t>
  </si>
  <si>
    <t>22CA0024</t>
  </si>
  <si>
    <t>マリス・ステラ株式会社</t>
  </si>
  <si>
    <t>千野町に部</t>
  </si>
  <si>
    <t>フランベ　MAROOT　富山駅前店</t>
  </si>
  <si>
    <t>MAROOT１階　第128号</t>
  </si>
  <si>
    <t>22AJ0027</t>
  </si>
  <si>
    <t>22CA0025</t>
  </si>
  <si>
    <t>株式会社山下酒造</t>
  </si>
  <si>
    <t>鶯谷町</t>
  </si>
  <si>
    <t>１３番１号</t>
  </si>
  <si>
    <t>山下酒造醸造場</t>
  </si>
  <si>
    <t>マルート１階　バールデ美富味内醸造場</t>
  </si>
  <si>
    <t>22CP0001</t>
  </si>
  <si>
    <t>多喜屋</t>
  </si>
  <si>
    <t>荒川新町</t>
  </si>
  <si>
    <t>22AB0005</t>
  </si>
  <si>
    <t>山室向陽台</t>
  </si>
  <si>
    <t>やきとり　天ちゃん</t>
  </si>
  <si>
    <t>６の１１</t>
  </si>
  <si>
    <t>23AI0123</t>
  </si>
  <si>
    <t>富山高等専門学校生活協同組合</t>
  </si>
  <si>
    <t>海老江練合</t>
  </si>
  <si>
    <t>１３</t>
  </si>
  <si>
    <t>22AA0041</t>
  </si>
  <si>
    <t>高屋敷</t>
  </si>
  <si>
    <t>マルジンミート</t>
  </si>
  <si>
    <t>８５７－１６</t>
  </si>
  <si>
    <t>22AK0013</t>
  </si>
  <si>
    <t>22BF0010</t>
  </si>
  <si>
    <t>296-2</t>
  </si>
  <si>
    <t>鉄板　つきりん</t>
  </si>
  <si>
    <t>22AN0010</t>
  </si>
  <si>
    <t>株式会社　物語コーポレーション</t>
  </si>
  <si>
    <t>５－７－１１</t>
  </si>
  <si>
    <t>焼肉きんぐ富山掛尾店</t>
  </si>
  <si>
    <t>４６－１</t>
  </si>
  <si>
    <t>22AA0042</t>
  </si>
  <si>
    <t>食事処　山家</t>
  </si>
  <si>
    <t>西長江三丁目</t>
  </si>
  <si>
    <t>211-10</t>
  </si>
  <si>
    <t>22AA0043</t>
  </si>
  <si>
    <t>髙松屋</t>
  </si>
  <si>
    <t>上堀</t>
  </si>
  <si>
    <t>22AK0015</t>
  </si>
  <si>
    <t>22BD0019</t>
  </si>
  <si>
    <t>町新</t>
  </si>
  <si>
    <t>241番地</t>
  </si>
  <si>
    <t>山口製菓</t>
  </si>
  <si>
    <t>23CA0012</t>
  </si>
  <si>
    <t>株式会社デンティーノ</t>
  </si>
  <si>
    <t>4298</t>
  </si>
  <si>
    <t>Bar　Vesper</t>
  </si>
  <si>
    <t>石坂新</t>
  </si>
  <si>
    <t>862-4</t>
  </si>
  <si>
    <t>22AI0035</t>
  </si>
  <si>
    <t>浪漫夜</t>
  </si>
  <si>
    <t>12-4</t>
  </si>
  <si>
    <t>中央ホールビル1Ｆ</t>
  </si>
  <si>
    <t>22AI0037</t>
  </si>
  <si>
    <t>すいか</t>
  </si>
  <si>
    <t>千歳ビル　2C</t>
  </si>
  <si>
    <t>22AI0038</t>
  </si>
  <si>
    <t>Ｓｐｌａｓｈ</t>
  </si>
  <si>
    <t>６－１９</t>
  </si>
  <si>
    <t>第一ＫＳビル１Ｆ</t>
  </si>
  <si>
    <t>22AI0250</t>
  </si>
  <si>
    <t>有限会社　加賀家</t>
  </si>
  <si>
    <t>東町2-1-26</t>
  </si>
  <si>
    <t>22AG0007</t>
  </si>
  <si>
    <t>株式会社　城南屋</t>
  </si>
  <si>
    <t>170-3</t>
  </si>
  <si>
    <t>カフェ＆パブ　モントレー</t>
  </si>
  <si>
    <t>355-7</t>
  </si>
  <si>
    <t>マイプラザ　2F</t>
  </si>
  <si>
    <t>22AJ0030</t>
  </si>
  <si>
    <t>兵庫県</t>
  </si>
  <si>
    <t>あん　金泉寺</t>
  </si>
  <si>
    <t>金泉寺</t>
  </si>
  <si>
    <t>22AJ0031</t>
  </si>
  <si>
    <t>グリーンホスピタリティフードサービス株式会社</t>
  </si>
  <si>
    <t>西新宿３丁目２０番２号</t>
  </si>
  <si>
    <t>0H4552富山</t>
  </si>
  <si>
    <t>326番地</t>
  </si>
  <si>
    <t>ダイト株式会社厚生棟2F</t>
  </si>
  <si>
    <t>23AA0060</t>
  </si>
  <si>
    <t>0H3547富山</t>
  </si>
  <si>
    <t>1-1-1</t>
  </si>
  <si>
    <t>23AA0061</t>
  </si>
  <si>
    <t>0H4439富山</t>
  </si>
  <si>
    <t>上野</t>
  </si>
  <si>
    <t>富山村田製作所1F</t>
  </si>
  <si>
    <t>23AA0062</t>
  </si>
  <si>
    <t>BH3547富山</t>
  </si>
  <si>
    <t>24AA0049</t>
  </si>
  <si>
    <t>１－９</t>
  </si>
  <si>
    <t>天金</t>
  </si>
  <si>
    <t>22AA0044</t>
  </si>
  <si>
    <t>石金一丁目</t>
  </si>
  <si>
    <t>１３－２１</t>
  </si>
  <si>
    <t>焼肉あらい</t>
  </si>
  <si>
    <t>22AA0046</t>
  </si>
  <si>
    <t>城北町</t>
  </si>
  <si>
    <t>14-6</t>
  </si>
  <si>
    <t>居酒屋　小もり</t>
  </si>
  <si>
    <t>35-3</t>
  </si>
  <si>
    <t>22AI0039</t>
  </si>
  <si>
    <t>シダックスコントラクトフードサービス株式会社</t>
  </si>
  <si>
    <t>調布市</t>
  </si>
  <si>
    <t>調布ケ丘3-6-3</t>
  </si>
  <si>
    <t>ジェイ・エス・ビー富山市学生マンション</t>
  </si>
  <si>
    <t>五福字大曲沼5351番地1他12筆</t>
  </si>
  <si>
    <t>ユニエミール富山大学前１Ｆ</t>
  </si>
  <si>
    <t>22AA0045</t>
  </si>
  <si>
    <t>新庄町一丁目</t>
  </si>
  <si>
    <t>１６番１０号</t>
  </si>
  <si>
    <t>市田精肉店</t>
  </si>
  <si>
    <t>22AK0014</t>
  </si>
  <si>
    <t>22BF0011</t>
  </si>
  <si>
    <t>株式会社　エスワイフード</t>
  </si>
  <si>
    <t>新栄一丁目</t>
  </si>
  <si>
    <t>22-24</t>
  </si>
  <si>
    <t>世界の山ちゃん（名古屋800ぬ3919）</t>
  </si>
  <si>
    <t>22AM0004</t>
  </si>
  <si>
    <t>全国農業協同組合連合会</t>
  </si>
  <si>
    <t>大手町一丁目</t>
  </si>
  <si>
    <t>3番1号　JAビル</t>
  </si>
  <si>
    <t>和風焼肉　富山育ち</t>
  </si>
  <si>
    <t>5番25号</t>
  </si>
  <si>
    <t>NPC富山駅前スクエア1Ｆ</t>
  </si>
  <si>
    <t>22AA0047</t>
  </si>
  <si>
    <t>かんとりーはうす</t>
  </si>
  <si>
    <t>2-7</t>
  </si>
  <si>
    <t>新川ビル2Ｆ</t>
  </si>
  <si>
    <t>22AI0041</t>
  </si>
  <si>
    <t>セブンーイレブン　富山合同庁舎前店</t>
  </si>
  <si>
    <t>22AN0011</t>
  </si>
  <si>
    <t>久方町</t>
  </si>
  <si>
    <t>居酒屋　裕</t>
  </si>
  <si>
    <t>７－１１</t>
  </si>
  <si>
    <t>22AI0042</t>
  </si>
  <si>
    <t>合同会社　新村こうじみそ商店</t>
  </si>
  <si>
    <t>793-10</t>
  </si>
  <si>
    <t>経力</t>
  </si>
  <si>
    <t>22CF0001</t>
  </si>
  <si>
    <t>新村こうじみそ商店　経力工場</t>
  </si>
  <si>
    <t>24CC0006</t>
  </si>
  <si>
    <t>23CT0007</t>
  </si>
  <si>
    <t>越國屋　新村こうじみそ商店</t>
  </si>
  <si>
    <t>22AN0012</t>
  </si>
  <si>
    <t>緑町一丁目</t>
  </si>
  <si>
    <t>4-8</t>
  </si>
  <si>
    <t>永原餅店</t>
  </si>
  <si>
    <t>22CA0034</t>
  </si>
  <si>
    <t>南日味噌醤油　株式会社</t>
  </si>
  <si>
    <t>綾田町三丁目</t>
  </si>
  <si>
    <t>9番8号</t>
  </si>
  <si>
    <t>22CF0002</t>
  </si>
  <si>
    <t>株式会社　米三</t>
  </si>
  <si>
    <t>5-10</t>
  </si>
  <si>
    <t>とべーぐる　ファニチャーパークケースリー店</t>
  </si>
  <si>
    <t>新庄銀座三丁目</t>
  </si>
  <si>
    <t>22AJ0032</t>
  </si>
  <si>
    <t>22CA0035</t>
  </si>
  <si>
    <t>ＫＯＢＯ　Ｂｒｅｗｅｒｙ　合同会社</t>
  </si>
  <si>
    <t>34-35</t>
  </si>
  <si>
    <t>KOBO Brewery醸造場</t>
  </si>
  <si>
    <t>岩瀬大町</t>
  </si>
  <si>
    <t>5番地</t>
  </si>
  <si>
    <t>22CP0002</t>
  </si>
  <si>
    <t>ダイニングバア・ウィットモア</t>
  </si>
  <si>
    <t>22AI0043</t>
  </si>
  <si>
    <t>株式会社　westdoor</t>
  </si>
  <si>
    <t>神通本町一丁目</t>
  </si>
  <si>
    <t>3-16-602エスポワール神通</t>
  </si>
  <si>
    <t>ローソン　富山総曲輪店</t>
  </si>
  <si>
    <t>22AN0013</t>
  </si>
  <si>
    <t>白滝</t>
  </si>
  <si>
    <t>22AG0008</t>
  </si>
  <si>
    <t>ENZO</t>
  </si>
  <si>
    <t>長江五丁目</t>
  </si>
  <si>
    <t>22AA0048</t>
  </si>
  <si>
    <t>どっとこむ</t>
  </si>
  <si>
    <t>第二三愛ビル1F</t>
  </si>
  <si>
    <t>22AI0044</t>
  </si>
  <si>
    <t>森永北陸乳業株式会社</t>
  </si>
  <si>
    <t>髙木二丁目</t>
  </si>
  <si>
    <t>601番地</t>
  </si>
  <si>
    <t>森永北陸乳業㈱富山工場</t>
  </si>
  <si>
    <t>3番45号</t>
  </si>
  <si>
    <t>22CD0002</t>
  </si>
  <si>
    <t>株式会社　LEOC</t>
  </si>
  <si>
    <t>1番3号</t>
  </si>
  <si>
    <t>カレッジコート　富山大学前</t>
  </si>
  <si>
    <t>字長沢道2420-56</t>
  </si>
  <si>
    <t>22AA0050</t>
  </si>
  <si>
    <t>蓮町四丁目</t>
  </si>
  <si>
    <t>スナック友</t>
  </si>
  <si>
    <t>８－１３</t>
  </si>
  <si>
    <t>22AI0045</t>
  </si>
  <si>
    <t>株式会社山河</t>
  </si>
  <si>
    <t>２７－１</t>
  </si>
  <si>
    <t>富山秋吉食堂</t>
  </si>
  <si>
    <t>１６８</t>
  </si>
  <si>
    <t>22AA0051</t>
  </si>
  <si>
    <t>コメダ珈琲店　富山掛尾店</t>
  </si>
  <si>
    <t>26番 1</t>
  </si>
  <si>
    <t>24AJ0004</t>
  </si>
  <si>
    <t>泉町二丁目</t>
  </si>
  <si>
    <t>mayarium</t>
  </si>
  <si>
    <t>内幸ビルA館１階</t>
  </si>
  <si>
    <t>22AI0046</t>
  </si>
  <si>
    <t>株式会社G.T.C</t>
  </si>
  <si>
    <t>天正寺５１－１</t>
  </si>
  <si>
    <t>ローソン　富山インター西店</t>
  </si>
  <si>
    <t>308</t>
  </si>
  <si>
    <t>23AE0015</t>
  </si>
  <si>
    <t>ローソン富山若竹店</t>
  </si>
  <si>
    <t>24AN0002</t>
  </si>
  <si>
    <t>ローソン　富山ひらき店</t>
  </si>
  <si>
    <t>24AN0014</t>
  </si>
  <si>
    <t>元町二丁目</t>
  </si>
  <si>
    <t>居酒屋　やっこ</t>
  </si>
  <si>
    <t>22AI0047</t>
  </si>
  <si>
    <t>大泉東町二丁目</t>
  </si>
  <si>
    <t>丸高菓舗</t>
  </si>
  <si>
    <t>22CA0036</t>
  </si>
  <si>
    <t>雄山町</t>
  </si>
  <si>
    <t>9-3</t>
  </si>
  <si>
    <t>コーヒーハウス　ウィル</t>
  </si>
  <si>
    <t>22AJ0034</t>
  </si>
  <si>
    <t>縁</t>
  </si>
  <si>
    <t>ファイブワンビル　１F</t>
  </si>
  <si>
    <t>22AI0048</t>
  </si>
  <si>
    <t>株式会社　スカイインテック</t>
  </si>
  <si>
    <t>５－５</t>
  </si>
  <si>
    <t>カフェアダージョ</t>
  </si>
  <si>
    <t>インテックビル１Ｆ</t>
  </si>
  <si>
    <t>22AJ0035</t>
  </si>
  <si>
    <t>(株) カターレ富山寮食堂</t>
  </si>
  <si>
    <t>51-1</t>
  </si>
  <si>
    <t>24AA0082</t>
  </si>
  <si>
    <t>バスケット</t>
  </si>
  <si>
    <t>１８３</t>
  </si>
  <si>
    <t>22AJ0037</t>
  </si>
  <si>
    <t>体育センター食堂</t>
  </si>
  <si>
    <t>183</t>
  </si>
  <si>
    <t>富山県総合体育センター内研修棟２階</t>
  </si>
  <si>
    <t>24AA0047</t>
  </si>
  <si>
    <t>モエール</t>
  </si>
  <si>
    <t>奥田新町8-1</t>
  </si>
  <si>
    <t>ボルファートとやま１Ｆ</t>
  </si>
  <si>
    <t>22AJ0038</t>
  </si>
  <si>
    <t>22CA0037</t>
  </si>
  <si>
    <t>bake shop bebe</t>
  </si>
  <si>
    <t>藤の木台二丁目</t>
  </si>
  <si>
    <t>19</t>
  </si>
  <si>
    <t>22CA0038</t>
  </si>
  <si>
    <t>ゆみちゃんのお店</t>
  </si>
  <si>
    <t>八尾町福島三丁目</t>
  </si>
  <si>
    <t>８７</t>
  </si>
  <si>
    <t>22AI0071</t>
  </si>
  <si>
    <t>Ｇｒｉｌｌ　Ｔａｍａ</t>
  </si>
  <si>
    <t>ルックエイト１Ｆ</t>
  </si>
  <si>
    <t>22AI0059</t>
  </si>
  <si>
    <t>茶文</t>
  </si>
  <si>
    <t>桜町2-6-8</t>
  </si>
  <si>
    <t>T-ONEビル１F</t>
  </si>
  <si>
    <t>22AI0050</t>
  </si>
  <si>
    <t>株式会社　三和製玉</t>
  </si>
  <si>
    <t>2-20</t>
  </si>
  <si>
    <t>1番29号</t>
  </si>
  <si>
    <t>22CC0007</t>
  </si>
  <si>
    <t>合同会社　amareno</t>
  </si>
  <si>
    <t>西番462</t>
  </si>
  <si>
    <t>Ａ　Ｇｒａｎｏｌａｍａｋｅｒｓ　ｌａｂｏ．</t>
  </si>
  <si>
    <t>岩瀬赤田町12-8</t>
  </si>
  <si>
    <t>22CA0039</t>
  </si>
  <si>
    <t>居酒屋たから</t>
  </si>
  <si>
    <t>３－２</t>
  </si>
  <si>
    <t>新富ビル１Ｆ</t>
  </si>
  <si>
    <t>22AI0051</t>
  </si>
  <si>
    <t>一番鳥</t>
  </si>
  <si>
    <t>4-7</t>
  </si>
  <si>
    <t>かめやビル1F</t>
  </si>
  <si>
    <t>22AI0053</t>
  </si>
  <si>
    <t>ル・ポール</t>
  </si>
  <si>
    <t>2-4-22</t>
  </si>
  <si>
    <t>第二ＫＫビル地下１階</t>
  </si>
  <si>
    <t>22AI0054</t>
  </si>
  <si>
    <t>有限会社美喜鮨本店</t>
  </si>
  <si>
    <t>桜町１丁目７番５号</t>
  </si>
  <si>
    <t>美喜鮨本店</t>
  </si>
  <si>
    <t>桜町1丁目</t>
  </si>
  <si>
    <t>7番5号</t>
  </si>
  <si>
    <t>24AC0008</t>
  </si>
  <si>
    <t>粋やぶき</t>
  </si>
  <si>
    <t>丸美ビル１Ｆ</t>
  </si>
  <si>
    <t>22AI0055</t>
  </si>
  <si>
    <t>有限会社　北の門</t>
  </si>
  <si>
    <t>3番17号</t>
  </si>
  <si>
    <t>北の門</t>
  </si>
  <si>
    <t>３番１７号</t>
  </si>
  <si>
    <t>22AI0056</t>
  </si>
  <si>
    <t>株式会社　ケィ・ディック</t>
  </si>
  <si>
    <t>西田地方町二丁目</t>
  </si>
  <si>
    <t>にじパン</t>
  </si>
  <si>
    <t>22AJ0039</t>
  </si>
  <si>
    <t>22CA0040</t>
  </si>
  <si>
    <t>にじのアトリエ</t>
  </si>
  <si>
    <t>西田地方町</t>
  </si>
  <si>
    <t>二丁目12番3号</t>
  </si>
  <si>
    <t>23AJ0054</t>
  </si>
  <si>
    <t>音羽町一丁目</t>
  </si>
  <si>
    <t>3番1号</t>
  </si>
  <si>
    <t>居酒屋　花菱</t>
  </si>
  <si>
    <t>22AI0058</t>
  </si>
  <si>
    <t>青春家族</t>
  </si>
  <si>
    <t xml:space="preserve">1-1 </t>
  </si>
  <si>
    <t>アミューズビル B1</t>
  </si>
  <si>
    <t>22AA0056</t>
  </si>
  <si>
    <t>有限会社　WIZARD</t>
  </si>
  <si>
    <t>191-9</t>
  </si>
  <si>
    <t>きっときっと居酒屋　かまど</t>
  </si>
  <si>
    <t>22AI0060</t>
  </si>
  <si>
    <t>ウッドペッカー　カフェ</t>
  </si>
  <si>
    <t>191-9  2階</t>
  </si>
  <si>
    <t>24AA0037</t>
  </si>
  <si>
    <t>23CA0126</t>
  </si>
  <si>
    <t>きっときっと居酒屋　癒し家</t>
  </si>
  <si>
    <t>2-1-8</t>
  </si>
  <si>
    <t>ブレイン桜ビル3F</t>
  </si>
  <si>
    <t>24AI0051</t>
  </si>
  <si>
    <t>株式会社　五條</t>
  </si>
  <si>
    <t>3番6号</t>
  </si>
  <si>
    <t>五條</t>
  </si>
  <si>
    <t>サンシャイン88　108号　</t>
  </si>
  <si>
    <t>22AK0016</t>
  </si>
  <si>
    <t>おでんや 金太</t>
  </si>
  <si>
    <t>アミューズビル 1F</t>
  </si>
  <si>
    <t>24AI0041</t>
  </si>
  <si>
    <t>株式会社　ライズウィル</t>
  </si>
  <si>
    <t>５２７情報ビル５Ｆ</t>
  </si>
  <si>
    <t>てば壱富山駅前店</t>
  </si>
  <si>
    <t>　３Ｆ４Ｆ</t>
  </si>
  <si>
    <t>22CC0009</t>
  </si>
  <si>
    <t>てば壱（富山480せ620）</t>
  </si>
  <si>
    <t>24AM0002</t>
  </si>
  <si>
    <t>合同会社　Gatucoino</t>
  </si>
  <si>
    <t>1402-3</t>
  </si>
  <si>
    <t>紡ぐキッチン</t>
  </si>
  <si>
    <t>サンシャイン88　108号</t>
  </si>
  <si>
    <t>22CC0008</t>
  </si>
  <si>
    <t>CHI CHI CHI</t>
  </si>
  <si>
    <t>駅前プラザビル　2階</t>
  </si>
  <si>
    <t>22AI0062</t>
  </si>
  <si>
    <t>有限会社　ミートサポートイズミ</t>
  </si>
  <si>
    <t>下赤江町一丁目</t>
  </si>
  <si>
    <t>７－１０</t>
  </si>
  <si>
    <t>22BF0013</t>
  </si>
  <si>
    <t>22CC0014</t>
  </si>
  <si>
    <t>ハナテック株式会社</t>
  </si>
  <si>
    <t>1-123</t>
  </si>
  <si>
    <t>花しずく</t>
  </si>
  <si>
    <t>22AJ0043</t>
  </si>
  <si>
    <t>新橋五丁目</t>
  </si>
  <si>
    <t>本江整形外科医院内富士産業(株)営業所</t>
  </si>
  <si>
    <t>１７－１</t>
  </si>
  <si>
    <t>22AA0059</t>
  </si>
  <si>
    <t>富山市立愛育園・慈光園内　富士産業(株)営業所</t>
  </si>
  <si>
    <t>西番</t>
  </si>
  <si>
    <t>104-1</t>
  </si>
  <si>
    <t>24AA0019</t>
  </si>
  <si>
    <t>富山協立病院内厨房　富士産業株式会社</t>
  </si>
  <si>
    <t>1丁目1-8</t>
  </si>
  <si>
    <t>　5F</t>
  </si>
  <si>
    <t>24AA0033</t>
  </si>
  <si>
    <t>高木</t>
  </si>
  <si>
    <t>カトレア</t>
  </si>
  <si>
    <t>22AI0063</t>
  </si>
  <si>
    <t>ＡＭＡＮＴＥ</t>
  </si>
  <si>
    <t>４－４</t>
  </si>
  <si>
    <t>22AI0064</t>
  </si>
  <si>
    <t>田中町四丁目</t>
  </si>
  <si>
    <t>14-57</t>
  </si>
  <si>
    <t>居酒屋　かき澤</t>
  </si>
  <si>
    <t>22AI0065</t>
  </si>
  <si>
    <t>洋食亭かつ貴</t>
  </si>
  <si>
    <t>長江新町二丁目</t>
  </si>
  <si>
    <t>５－４３</t>
  </si>
  <si>
    <t>押田ビルＡ</t>
  </si>
  <si>
    <t>22AA0058</t>
  </si>
  <si>
    <t>元町一丁目</t>
  </si>
  <si>
    <t>寺下屋</t>
  </si>
  <si>
    <t>22AE0016</t>
  </si>
  <si>
    <t>22BD0021</t>
  </si>
  <si>
    <t>２６－７</t>
  </si>
  <si>
    <t>麺屋寅ノ介</t>
  </si>
  <si>
    <t>７－７</t>
  </si>
  <si>
    <t>オキタビル１Ｆ</t>
  </si>
  <si>
    <t>22AD0011</t>
  </si>
  <si>
    <t>ぱん　で　ふぁりーな</t>
  </si>
  <si>
    <t>１－５２</t>
  </si>
  <si>
    <t>22CA0041</t>
  </si>
  <si>
    <t>2277</t>
  </si>
  <si>
    <t>旅人の・・・語りぐさ</t>
  </si>
  <si>
    <t>22AI0068</t>
  </si>
  <si>
    <t>有限会社　大黒や</t>
  </si>
  <si>
    <t>麺れすとらん大黒や　アピア店</t>
  </si>
  <si>
    <t>アピア内　1F</t>
  </si>
  <si>
    <t>22AA0060</t>
  </si>
  <si>
    <t>株式会社　川上鱒ずし店</t>
  </si>
  <si>
    <t>丸の内1-2-6</t>
  </si>
  <si>
    <t>川上鱒ずし店</t>
  </si>
  <si>
    <t>22AE0017</t>
  </si>
  <si>
    <t>Sena</t>
  </si>
  <si>
    <t>857-8</t>
  </si>
  <si>
    <t>22AI0067</t>
  </si>
  <si>
    <t>支那銀</t>
  </si>
  <si>
    <t>22AD0010</t>
  </si>
  <si>
    <t>株式会社　Ｔｅｍｐｅｓｔ</t>
  </si>
  <si>
    <t>正印257ガイナシティー</t>
  </si>
  <si>
    <t>本家かまどや　町村店</t>
  </si>
  <si>
    <t>町村87-44</t>
  </si>
  <si>
    <t>22AE0018</t>
  </si>
  <si>
    <t>日本ビジネスホテル</t>
  </si>
  <si>
    <t>22AF0004</t>
  </si>
  <si>
    <t>３－２－２７</t>
  </si>
  <si>
    <t>花物語ミルフィーユ</t>
  </si>
  <si>
    <t>１５７－１</t>
  </si>
  <si>
    <t>ＨＡＮＡハイツ１０１</t>
  </si>
  <si>
    <t>22AJ0040</t>
  </si>
  <si>
    <t>株式会社　ＫＲＥＩＳ</t>
  </si>
  <si>
    <t>文京</t>
  </si>
  <si>
    <t>４－２６－２</t>
  </si>
  <si>
    <t>伝説のすた丼屋富山田中町店</t>
  </si>
  <si>
    <t>田中町五丁目</t>
  </si>
  <si>
    <t>22AA0062</t>
  </si>
  <si>
    <t>リュードゥロワ</t>
  </si>
  <si>
    <t>120番地5</t>
  </si>
  <si>
    <t>22CA0043</t>
  </si>
  <si>
    <t>馳走屋　つむぎ乃</t>
  </si>
  <si>
    <t>22AI0069</t>
  </si>
  <si>
    <t>有限会社　ワイオーシー</t>
  </si>
  <si>
    <t>１－１８</t>
  </si>
  <si>
    <t>セントベリーコーヒー</t>
  </si>
  <si>
    <t>22AJ0041</t>
  </si>
  <si>
    <t>ポーク</t>
  </si>
  <si>
    <t>4-17</t>
  </si>
  <si>
    <t>22AA0063</t>
  </si>
  <si>
    <t>株式会社　けやき</t>
  </si>
  <si>
    <t>１４－２７</t>
  </si>
  <si>
    <t>焼肉けやき</t>
  </si>
  <si>
    <t>22AA0057</t>
  </si>
  <si>
    <t>スナック　シャンゼリゼ</t>
  </si>
  <si>
    <t>５１ビル１Ｆ</t>
  </si>
  <si>
    <t>22AI0070</t>
  </si>
  <si>
    <t>株式会社　坂口ストア</t>
  </si>
  <si>
    <t>627-9</t>
  </si>
  <si>
    <t>8番ラーメン　新庄店</t>
  </si>
  <si>
    <t>84-2</t>
  </si>
  <si>
    <t>22AD0013</t>
  </si>
  <si>
    <t>Komako</t>
  </si>
  <si>
    <t>1022</t>
  </si>
  <si>
    <t>22AJ0044</t>
  </si>
  <si>
    <t>7-3</t>
  </si>
  <si>
    <t>やまかわ本店</t>
  </si>
  <si>
    <t>22AJ0042</t>
  </si>
  <si>
    <t>９－１１</t>
  </si>
  <si>
    <t>喫茶　かたつむり</t>
  </si>
  <si>
    <t>22AJ0045</t>
  </si>
  <si>
    <t>喫茶さるくら</t>
  </si>
  <si>
    <t>舟倉</t>
  </si>
  <si>
    <t>24AJ0029</t>
  </si>
  <si>
    <t>有限会社　吉田建物</t>
  </si>
  <si>
    <t>ビジネス富山アーバンホテル</t>
  </si>
  <si>
    <t>22AF0005</t>
  </si>
  <si>
    <t>株式会社　Green</t>
  </si>
  <si>
    <t>二俣368-1</t>
  </si>
  <si>
    <t>かたかごの里</t>
  </si>
  <si>
    <t>22CA0042</t>
  </si>
  <si>
    <t>イタリア料理　イル　グラーノ</t>
  </si>
  <si>
    <t>秋吉120-5　イーストテラス1-A</t>
  </si>
  <si>
    <t>22AA0055</t>
  </si>
  <si>
    <t>ＡＩビル１階</t>
  </si>
  <si>
    <t>22AI0073</t>
  </si>
  <si>
    <t>株式会社　マイロミュージック</t>
  </si>
  <si>
    <t>1番1号アミューズビル2階</t>
  </si>
  <si>
    <t>MAIRO</t>
  </si>
  <si>
    <t>1番1号</t>
  </si>
  <si>
    <t>アミューズビル2階</t>
  </si>
  <si>
    <t>22AI0074</t>
  </si>
  <si>
    <t>ぼてやん多奈加</t>
  </si>
  <si>
    <t>新富町1-2-3　ｃｉｃ　Ｂ１Ｆ</t>
  </si>
  <si>
    <t>22AN0014</t>
  </si>
  <si>
    <t>パンｃａｆｅここ</t>
  </si>
  <si>
    <t>22AJ0046</t>
  </si>
  <si>
    <t>22CA0044</t>
  </si>
  <si>
    <t>M</t>
  </si>
  <si>
    <t>中島</t>
  </si>
  <si>
    <t>3-5-43</t>
  </si>
  <si>
    <t>23AI0140</t>
  </si>
  <si>
    <t>Ｔ－ＳＴＹＬＥ</t>
  </si>
  <si>
    <t>７－１７</t>
  </si>
  <si>
    <t>ダイヤモンドビル３Ｆ</t>
  </si>
  <si>
    <t>22AI0082</t>
  </si>
  <si>
    <t>two7</t>
  </si>
  <si>
    <t>プレイドールビル1F　106</t>
  </si>
  <si>
    <t>22AI0135</t>
  </si>
  <si>
    <t>ＡＬＬ　ＩＮ</t>
  </si>
  <si>
    <t>アミューズビル地下１階</t>
  </si>
  <si>
    <t>22AR0001</t>
  </si>
  <si>
    <t>LIMP　IN</t>
  </si>
  <si>
    <t>2-6-20</t>
  </si>
  <si>
    <t>福澤ライオンビル2F-G</t>
  </si>
  <si>
    <t>23AI0245</t>
  </si>
  <si>
    <t>ｖｉｖｉ</t>
  </si>
  <si>
    <t>７</t>
  </si>
  <si>
    <t>田中ビル２Ｆ</t>
  </si>
  <si>
    <t>22AI0076</t>
  </si>
  <si>
    <t>堀田食堂</t>
  </si>
  <si>
    <t>ドゥエルコート住吉１階１０１号</t>
  </si>
  <si>
    <t>22AA0064</t>
  </si>
  <si>
    <t>地魚料理てんぷら柳橋</t>
  </si>
  <si>
    <t>３－１６</t>
  </si>
  <si>
    <t>22AA0065</t>
  </si>
  <si>
    <t>Bar Sen</t>
  </si>
  <si>
    <t>8-5</t>
  </si>
  <si>
    <t>ビッグアベニュービル 2階4号室</t>
  </si>
  <si>
    <t>22AI0083</t>
  </si>
  <si>
    <t>株式会社コズミックホールディングス</t>
  </si>
  <si>
    <t>９番１３号</t>
  </si>
  <si>
    <t>桜町発酵所　鍛治二丁</t>
  </si>
  <si>
    <t>1-4-20</t>
  </si>
  <si>
    <t>パティオさくら2Ｆ</t>
  </si>
  <si>
    <t>24AI0113</t>
  </si>
  <si>
    <t>株式会社　Hi-STAND</t>
  </si>
  <si>
    <t>目黒区</t>
  </si>
  <si>
    <t>下目黒6-1-27-601</t>
  </si>
  <si>
    <t>無何有　神鶏</t>
  </si>
  <si>
    <t>桜町2-3-24　キムラビル１F</t>
  </si>
  <si>
    <t>22AI0075</t>
  </si>
  <si>
    <t>インテック大山研修センター</t>
  </si>
  <si>
    <t>１４０－１</t>
  </si>
  <si>
    <t>22AA0066</t>
  </si>
  <si>
    <t>株式会社ドリームリンク</t>
  </si>
  <si>
    <t>秋田県</t>
  </si>
  <si>
    <t>秋田市</t>
  </si>
  <si>
    <t>山王二丁目</t>
  </si>
  <si>
    <t>９番１号</t>
  </si>
  <si>
    <t>薄利多賣半兵ヱ　富山店</t>
  </si>
  <si>
    <t>1-7-17</t>
  </si>
  <si>
    <t>ラ・トゥール1階</t>
  </si>
  <si>
    <t>22AI0077</t>
  </si>
  <si>
    <t>有限会社　河合デンキ</t>
  </si>
  <si>
    <t>水橋中村町108</t>
  </si>
  <si>
    <t>22AN0015</t>
  </si>
  <si>
    <t>艶次郎</t>
  </si>
  <si>
    <t>１ー１４</t>
  </si>
  <si>
    <t>夜光城ビル２Ｆ</t>
  </si>
  <si>
    <t>22CH0003</t>
  </si>
  <si>
    <t>株式会社グラティアス</t>
  </si>
  <si>
    <t>八尾町大杉369-14</t>
  </si>
  <si>
    <t>BAR　shas</t>
  </si>
  <si>
    <t>２丁目６番８号１階（B）</t>
  </si>
  <si>
    <t>T-ONEビル（ティワンビル）</t>
  </si>
  <si>
    <t>22AI0080</t>
  </si>
  <si>
    <t>有希</t>
  </si>
  <si>
    <t>15-31</t>
  </si>
  <si>
    <t>22AI0079</t>
  </si>
  <si>
    <t>スナック　メイ（May)</t>
  </si>
  <si>
    <t>9番18</t>
  </si>
  <si>
    <t>22AI0090</t>
  </si>
  <si>
    <t>株式会社　スマートネス</t>
  </si>
  <si>
    <t>6-13</t>
  </si>
  <si>
    <t>粋宏閣</t>
  </si>
  <si>
    <t>22AB0006</t>
  </si>
  <si>
    <t>スナック日野</t>
  </si>
  <si>
    <t>2丁目1-16</t>
  </si>
  <si>
    <t>タイオビル1階</t>
  </si>
  <si>
    <t>22AI0081</t>
  </si>
  <si>
    <t>株式会社　FORSMILE</t>
  </si>
  <si>
    <t>正木</t>
  </si>
  <si>
    <t>1-13-1</t>
  </si>
  <si>
    <t>元祖台湾まぜそばはなび　富山店</t>
  </si>
  <si>
    <t>野町</t>
  </si>
  <si>
    <t>173-1</t>
  </si>
  <si>
    <t>22AD0014</t>
  </si>
  <si>
    <t>株式会社　土田工業</t>
  </si>
  <si>
    <t>243</t>
  </si>
  <si>
    <t>cafeあっち</t>
  </si>
  <si>
    <t>22AJ0048</t>
  </si>
  <si>
    <t>グリエＴＡＮＩＧＵＣＨＩ</t>
  </si>
  <si>
    <t>内幸ビルＣ館２階</t>
  </si>
  <si>
    <t>22AI0084</t>
  </si>
  <si>
    <t>Bar　three</t>
  </si>
  <si>
    <t>内幸ビル3F</t>
  </si>
  <si>
    <t>22AI0086</t>
  </si>
  <si>
    <t>９－５</t>
  </si>
  <si>
    <t>ばかたれ</t>
  </si>
  <si>
    <t>１８５－１</t>
  </si>
  <si>
    <t>レジデンス蘭１ーＣ</t>
  </si>
  <si>
    <t>22AD0015</t>
  </si>
  <si>
    <t>居酒屋　藤</t>
  </si>
  <si>
    <t>粟島町二丁目</t>
  </si>
  <si>
    <t>1-43</t>
  </si>
  <si>
    <t>22AI0085</t>
  </si>
  <si>
    <t>岩瀬白山町</t>
  </si>
  <si>
    <t>辛うま焼肉　しちりん</t>
  </si>
  <si>
    <t>22AA0067</t>
  </si>
  <si>
    <t>M．D１８</t>
  </si>
  <si>
    <t>西町9-18</t>
  </si>
  <si>
    <t>ウエストハウスビル2F</t>
  </si>
  <si>
    <t>22AI0087</t>
  </si>
  <si>
    <t>ノマ</t>
  </si>
  <si>
    <t>60</t>
  </si>
  <si>
    <t>22AA0105</t>
  </si>
  <si>
    <t>22CA0081</t>
  </si>
  <si>
    <t>株式会社中田食品</t>
  </si>
  <si>
    <t>三丁目３番２０号</t>
  </si>
  <si>
    <t>株式会社　中田食品</t>
  </si>
  <si>
    <t>22CC0011</t>
  </si>
  <si>
    <t>株式会社　KANDAS</t>
  </si>
  <si>
    <t>大町148-1</t>
  </si>
  <si>
    <t>ドミノピザ　富山大町店</t>
  </si>
  <si>
    <t>22AA0070</t>
  </si>
  <si>
    <t>ドミノピザ　富山中島店</t>
  </si>
  <si>
    <t>中島3-6-36</t>
  </si>
  <si>
    <t>22AA0069</t>
  </si>
  <si>
    <t>ドミノピザ　富山天正寺店</t>
  </si>
  <si>
    <t>天正寺1041</t>
  </si>
  <si>
    <t>22AA0068</t>
  </si>
  <si>
    <t>すし　琉之輔</t>
  </si>
  <si>
    <t>AIビル2F</t>
  </si>
  <si>
    <t>22AC0008</t>
  </si>
  <si>
    <t>株式会社　大庄</t>
  </si>
  <si>
    <t>大森北1-22-1</t>
  </si>
  <si>
    <t>日本海庄や　富山駅前店</t>
  </si>
  <si>
    <t>桜町2-1-4</t>
  </si>
  <si>
    <t>22AI0089</t>
  </si>
  <si>
    <t>歌謡スタジオ　ルンルン</t>
  </si>
  <si>
    <t>20番地</t>
  </si>
  <si>
    <t>22AI0091</t>
  </si>
  <si>
    <t>1-18</t>
  </si>
  <si>
    <t>あいの郷</t>
  </si>
  <si>
    <t>6-6</t>
  </si>
  <si>
    <t>ビブレテン 1F</t>
  </si>
  <si>
    <t>22AI0261</t>
  </si>
  <si>
    <t>Bar　志庵</t>
  </si>
  <si>
    <t>3-23</t>
  </si>
  <si>
    <t>内幸ビル2F</t>
  </si>
  <si>
    <t>22AI0093</t>
  </si>
  <si>
    <t>イッセイ　株式会社</t>
  </si>
  <si>
    <t>水落１１９－３０</t>
  </si>
  <si>
    <t>ＩＳＳＥＩ　ＳＴＯＲＥ</t>
  </si>
  <si>
    <t>１</t>
  </si>
  <si>
    <t>22BF0015</t>
  </si>
  <si>
    <t>22CC0013</t>
  </si>
  <si>
    <t>あ！！イッセイ</t>
  </si>
  <si>
    <t>夜光城ビル１Ｆ</t>
  </si>
  <si>
    <t>20AI0023</t>
  </si>
  <si>
    <t>マロン</t>
  </si>
  <si>
    <t>20AI0024</t>
  </si>
  <si>
    <t>あ！！ホルモン</t>
  </si>
  <si>
    <t>20AI0026</t>
  </si>
  <si>
    <t>21BF0024</t>
  </si>
  <si>
    <t>奥田双葉町11-5</t>
  </si>
  <si>
    <t>シェルンボ</t>
  </si>
  <si>
    <t>22CA0050</t>
  </si>
  <si>
    <t>公益財団法人　富山ＹＭＣＡ</t>
  </si>
  <si>
    <t>３－１４</t>
  </si>
  <si>
    <t>Ｙ’ｓ　さくらｃａｆｅ</t>
  </si>
  <si>
    <t>東洋ビル１２ー７Ｆ</t>
  </si>
  <si>
    <t>22AJ0050</t>
  </si>
  <si>
    <t>紅茶の店　アナザホリデー</t>
  </si>
  <si>
    <t>岩瀬梅本町</t>
  </si>
  <si>
    <t>115</t>
  </si>
  <si>
    <t>22AJ0049</t>
  </si>
  <si>
    <t>有限会社　飛騨和牛工房</t>
  </si>
  <si>
    <t>名田町六丁目</t>
  </si>
  <si>
    <t>１０－２</t>
  </si>
  <si>
    <t>飛騨和牛工房</t>
  </si>
  <si>
    <t>３９６</t>
  </si>
  <si>
    <t>23AK0014</t>
  </si>
  <si>
    <t>23BF0013</t>
  </si>
  <si>
    <t>23CC0015</t>
  </si>
  <si>
    <t>蓮町一丁目</t>
  </si>
  <si>
    <t>１－７２</t>
  </si>
  <si>
    <t>花のれん</t>
  </si>
  <si>
    <t>22AI0094</t>
  </si>
  <si>
    <t>有限会社　小島屋</t>
  </si>
  <si>
    <t>３－２０</t>
  </si>
  <si>
    <t>22CC0012</t>
  </si>
  <si>
    <t>株式会社富山メールサービス</t>
  </si>
  <si>
    <t>4丁目3番地11</t>
  </si>
  <si>
    <t>全日食済生会富山病院内売店</t>
  </si>
  <si>
    <t>楠木</t>
  </si>
  <si>
    <t>33-1</t>
  </si>
  <si>
    <t>済生会富山病院内</t>
  </si>
  <si>
    <t>22AN0016</t>
  </si>
  <si>
    <t>cafe bar traffic</t>
  </si>
  <si>
    <t>総曲輪1-4-12</t>
  </si>
  <si>
    <t>タウンTOYO２F</t>
  </si>
  <si>
    <t>22AI0098</t>
  </si>
  <si>
    <t>有限会社　桜サービス</t>
  </si>
  <si>
    <t>桜町1-7-22</t>
  </si>
  <si>
    <t>ホテルリラックスイン富山内レストラン「カフェ・ド・ブラウン」</t>
  </si>
  <si>
    <t>ホテルリラックスイン富山</t>
  </si>
  <si>
    <t>22AF0006</t>
  </si>
  <si>
    <t>株式会社　ケアフードサービス</t>
  </si>
  <si>
    <t>神戸市西区</t>
  </si>
  <si>
    <t>春日台一丁目</t>
  </si>
  <si>
    <t>18番地の2</t>
  </si>
  <si>
    <t>サービス付き高齢者向け住宅　シニアタウン龍宮</t>
  </si>
  <si>
    <t>北新町二丁目</t>
  </si>
  <si>
    <t>1番14号</t>
  </si>
  <si>
    <t>22AA0079</t>
  </si>
  <si>
    <t>有限会社アイランドリラックス</t>
  </si>
  <si>
    <t>2-2-7</t>
  </si>
  <si>
    <t>居酒屋　太陽の島</t>
  </si>
  <si>
    <t>2-2-7　</t>
  </si>
  <si>
    <t>小杉ビル１階</t>
  </si>
  <si>
    <t>22AI0095</t>
  </si>
  <si>
    <t>Ｂａｒ　ｅｓ</t>
  </si>
  <si>
    <t>ＥＳＴＹ５ビル３Ｆ</t>
  </si>
  <si>
    <t>22AI0096</t>
  </si>
  <si>
    <t>株式会社ウイングフーズ</t>
  </si>
  <si>
    <t>北野</t>
  </si>
  <si>
    <t>36-4</t>
  </si>
  <si>
    <t>黄金のたい焼き（富山480こ9138）</t>
  </si>
  <si>
    <t>22AM0010</t>
  </si>
  <si>
    <t>浜焼きとお酒　磯炙</t>
  </si>
  <si>
    <t>1-8</t>
  </si>
  <si>
    <t>内幸ビルB館</t>
  </si>
  <si>
    <t>22AI0133</t>
  </si>
  <si>
    <t>C2O</t>
  </si>
  <si>
    <t>旭町</t>
  </si>
  <si>
    <t>22AJ0053</t>
  </si>
  <si>
    <t>22CA0048</t>
  </si>
  <si>
    <t>5-33</t>
  </si>
  <si>
    <t>エルトベア　パン洋菓子店</t>
  </si>
  <si>
    <t>22CA0046</t>
  </si>
  <si>
    <t>株式会社　ArcoBaleno</t>
  </si>
  <si>
    <t>4番16号</t>
  </si>
  <si>
    <t>美々苑</t>
  </si>
  <si>
    <t>7-29</t>
  </si>
  <si>
    <t>打出ビル2F</t>
  </si>
  <si>
    <t>22AA0109</t>
  </si>
  <si>
    <t>株式会社　英佳</t>
  </si>
  <si>
    <t>ひよこ</t>
  </si>
  <si>
    <t>22AI0097</t>
  </si>
  <si>
    <t>水橋新堂町841</t>
  </si>
  <si>
    <t>喜楽食堂</t>
  </si>
  <si>
    <t>22AA0071</t>
  </si>
  <si>
    <t>株式会社　桝田酒造店</t>
  </si>
  <si>
    <t>東岩瀬町269</t>
  </si>
  <si>
    <t>22CP0003</t>
  </si>
  <si>
    <t>有限会社　カネハル</t>
  </si>
  <si>
    <t>とんぺい</t>
  </si>
  <si>
    <t>22AA0073</t>
  </si>
  <si>
    <t>西中野本町</t>
  </si>
  <si>
    <t>飲み喰い処　もぐら</t>
  </si>
  <si>
    <t>ふんすい横丁007</t>
  </si>
  <si>
    <t>22AI0099</t>
  </si>
  <si>
    <t>丸八産業　株式会社</t>
  </si>
  <si>
    <t>八町食堂</t>
  </si>
  <si>
    <t>富山競輪場宿舎2F</t>
  </si>
  <si>
    <t>22AA0074</t>
  </si>
  <si>
    <t>味処　庭</t>
  </si>
  <si>
    <t>22AI0100</t>
  </si>
  <si>
    <t>８５２</t>
  </si>
  <si>
    <t>懐石料理　あさい亭</t>
  </si>
  <si>
    <t>22AG0009</t>
  </si>
  <si>
    <t>水橋町</t>
  </si>
  <si>
    <t>941</t>
  </si>
  <si>
    <t>茶寮　かぐら</t>
  </si>
  <si>
    <t>水橋新大町</t>
  </si>
  <si>
    <t>543</t>
  </si>
  <si>
    <t>22AI0101</t>
  </si>
  <si>
    <t>BAR SURE SHOT</t>
  </si>
  <si>
    <t>オレンジビルB1-D</t>
  </si>
  <si>
    <t>22AI0102</t>
  </si>
  <si>
    <t>寿し福助</t>
  </si>
  <si>
    <t>3-22</t>
  </si>
  <si>
    <t>やまきビル1F</t>
  </si>
  <si>
    <t>22AC0010</t>
  </si>
  <si>
    <t>有限会社　よねや</t>
  </si>
  <si>
    <t>6-9</t>
  </si>
  <si>
    <t>シャトレーゼ　下新店</t>
  </si>
  <si>
    <t>下新北町</t>
  </si>
  <si>
    <t>4-27</t>
  </si>
  <si>
    <t>22CA0047</t>
  </si>
  <si>
    <t>花凛</t>
  </si>
  <si>
    <t>桜木町12-5</t>
  </si>
  <si>
    <t>桜木プラザビル２F</t>
  </si>
  <si>
    <t>22AH0002</t>
  </si>
  <si>
    <t>すしいち亭</t>
  </si>
  <si>
    <t>22AE0020</t>
  </si>
  <si>
    <t>すしいち</t>
  </si>
  <si>
    <t>５０５－２</t>
  </si>
  <si>
    <t>23CC0014</t>
  </si>
  <si>
    <t>おおまち製菓</t>
  </si>
  <si>
    <t>婦中町上田島</t>
  </si>
  <si>
    <t>157</t>
  </si>
  <si>
    <t>22CA0049</t>
  </si>
  <si>
    <t>悠</t>
  </si>
  <si>
    <t>3-3</t>
  </si>
  <si>
    <t>三上第三ビル1F</t>
  </si>
  <si>
    <t>22AI0104</t>
  </si>
  <si>
    <t>530</t>
  </si>
  <si>
    <t>池田鮮魚店</t>
  </si>
  <si>
    <t>22BD0024</t>
  </si>
  <si>
    <t>スナック　わいんれっど</t>
  </si>
  <si>
    <t>じゅらくビル２Ｆ</t>
  </si>
  <si>
    <t>22AI0105</t>
  </si>
  <si>
    <t>Saturday Smoothie Factory</t>
  </si>
  <si>
    <t>22AJ0054</t>
  </si>
  <si>
    <t>有限会社　アド・ナビス</t>
  </si>
  <si>
    <t>山ぼうし</t>
  </si>
  <si>
    <t>22AA0075</t>
  </si>
  <si>
    <t>有限会社　富山サプリメント</t>
  </si>
  <si>
    <t>８２４－１</t>
  </si>
  <si>
    <t>22CA0051</t>
  </si>
  <si>
    <t>スナック山茶花</t>
  </si>
  <si>
    <t>松よしビル1階</t>
  </si>
  <si>
    <t>22AI0106</t>
  </si>
  <si>
    <t>柳町</t>
  </si>
  <si>
    <t>snack ete</t>
  </si>
  <si>
    <t>ティファニービル１F　104号</t>
  </si>
  <si>
    <t>23AI0214</t>
  </si>
  <si>
    <t>ホテル古志</t>
  </si>
  <si>
    <t>海岸通新町</t>
  </si>
  <si>
    <t>２６７</t>
  </si>
  <si>
    <t>旅館</t>
  </si>
  <si>
    <t>22AF0007</t>
  </si>
  <si>
    <t>アンフォラ</t>
  </si>
  <si>
    <t>22AA0076</t>
  </si>
  <si>
    <t>株式会社　マスタック食品</t>
  </si>
  <si>
    <t>太田80-80</t>
  </si>
  <si>
    <t>22CA0059</t>
  </si>
  <si>
    <t>野中</t>
  </si>
  <si>
    <t>２４５</t>
  </si>
  <si>
    <t>Ｐｌａｙｆｕｌ　空感</t>
  </si>
  <si>
    <t>22AJ0055</t>
  </si>
  <si>
    <t>Ｋ＆Ｓ　Ｇｒｏｕｐ　株式会社</t>
  </si>
  <si>
    <t>魚丸鮮魚店</t>
  </si>
  <si>
    <t>１４３</t>
  </si>
  <si>
    <t>22AA0090</t>
  </si>
  <si>
    <t>22BD0029</t>
  </si>
  <si>
    <t>おさかな屋</t>
  </si>
  <si>
    <t>2-4-11</t>
  </si>
  <si>
    <t>24AI0106</t>
  </si>
  <si>
    <t>呑蔵</t>
  </si>
  <si>
    <t>1-7-24</t>
  </si>
  <si>
    <t>24AI0107</t>
  </si>
  <si>
    <t>株式会社　清水工務店</t>
  </si>
  <si>
    <t>１２－２５</t>
  </si>
  <si>
    <t>シェアプレイス　Ａ－Ｐｏｒｔ</t>
  </si>
  <si>
    <t>22AA0080</t>
  </si>
  <si>
    <t>大協薬品工業　株式会社</t>
  </si>
  <si>
    <t>水橋畠等</t>
  </si>
  <si>
    <t>173</t>
  </si>
  <si>
    <t>大協薬品工業株式会社</t>
  </si>
  <si>
    <t>22CI0001</t>
  </si>
  <si>
    <t>おやつ屋きなこまる</t>
  </si>
  <si>
    <t>23CA0059</t>
  </si>
  <si>
    <t>おやつ屋　きなこまる</t>
  </si>
  <si>
    <t>レンタルスペースのむら（のむらんち）1F</t>
  </si>
  <si>
    <t>24CA0045</t>
  </si>
  <si>
    <t>新橋5-32-7　FIビル</t>
  </si>
  <si>
    <t>富山県リハビリテーション病院・こども支援センター内　富士産業株式会社営業所</t>
  </si>
  <si>
    <t>22AA0081</t>
  </si>
  <si>
    <t>てまり（飛騨480う4134）</t>
  </si>
  <si>
    <t>22AM0012</t>
  </si>
  <si>
    <t>高根町4-20</t>
  </si>
  <si>
    <t>中部フーズ株式会社　北の森店</t>
  </si>
  <si>
    <t>森3-2-11</t>
  </si>
  <si>
    <t>22AK0020</t>
  </si>
  <si>
    <t>株式会社　バロー</t>
  </si>
  <si>
    <t>大針町661-1</t>
  </si>
  <si>
    <t>バロー北の森店</t>
  </si>
  <si>
    <t>森</t>
  </si>
  <si>
    <t>3-2-11</t>
  </si>
  <si>
    <t>22BF0016</t>
  </si>
  <si>
    <t>22BD0025</t>
  </si>
  <si>
    <t>22CA0054</t>
  </si>
  <si>
    <t>本家かまどや　北の森店</t>
  </si>
  <si>
    <t>22AE0021</t>
  </si>
  <si>
    <t>4-14</t>
  </si>
  <si>
    <t>CIRCUS</t>
  </si>
  <si>
    <t>4-9</t>
  </si>
  <si>
    <t>トレッドビル　3F</t>
  </si>
  <si>
    <t>22AA0086</t>
  </si>
  <si>
    <t>Bar　Novelty</t>
  </si>
  <si>
    <t>2-4-19</t>
  </si>
  <si>
    <t>22AI0108</t>
  </si>
  <si>
    <t>atelier R.S.</t>
  </si>
  <si>
    <t>834-8</t>
  </si>
  <si>
    <t>22AJ0059</t>
  </si>
  <si>
    <t>株式会社　Ａｇ・ＩＮＦＩＮＩＴＹ</t>
  </si>
  <si>
    <t>片町二丁目</t>
  </si>
  <si>
    <t>１３－１１</t>
  </si>
  <si>
    <t>Ａ．Ｉ．Ｍ</t>
  </si>
  <si>
    <t>一番館ビル１Ｆ</t>
  </si>
  <si>
    <t>社交飲食</t>
  </si>
  <si>
    <t>22AH0001</t>
  </si>
  <si>
    <t>福八神（飛騨800さ3280）</t>
  </si>
  <si>
    <t>22AM0013</t>
  </si>
  <si>
    <t>喫茶マンダリン</t>
  </si>
  <si>
    <t>松木</t>
  </si>
  <si>
    <t>573-2</t>
  </si>
  <si>
    <t>シティゴルフ内</t>
  </si>
  <si>
    <t>22AJ0056</t>
  </si>
  <si>
    <t>喫茶　エアポート</t>
  </si>
  <si>
    <t>11-21</t>
  </si>
  <si>
    <t>22AJ0057</t>
  </si>
  <si>
    <t>居酒屋　れんか</t>
  </si>
  <si>
    <t>下冨居二丁目</t>
  </si>
  <si>
    <t>22AI0109</t>
  </si>
  <si>
    <t>布目</t>
  </si>
  <si>
    <t>2383-1</t>
  </si>
  <si>
    <t>居酒屋　山久</t>
  </si>
  <si>
    <t>22AI0110</t>
  </si>
  <si>
    <t>1085-4</t>
  </si>
  <si>
    <t>ささ家</t>
  </si>
  <si>
    <t>23CA0068</t>
  </si>
  <si>
    <t>株式会社　HATCH</t>
  </si>
  <si>
    <t>6-16　高野ビル3階</t>
  </si>
  <si>
    <t>Ｐａｉｋａｊｉ　ｔｏ　ガジュマルノキ</t>
  </si>
  <si>
    <t>高野ビル1階</t>
  </si>
  <si>
    <t>22AI0124</t>
  </si>
  <si>
    <t>NICE TIME</t>
  </si>
  <si>
    <t>1-5　</t>
  </si>
  <si>
    <t>ブレイン桜ビルB1F</t>
  </si>
  <si>
    <t>22AI0111</t>
  </si>
  <si>
    <t>とやま市漁業協同組合</t>
  </si>
  <si>
    <t>四方港町</t>
  </si>
  <si>
    <t>８７番地</t>
  </si>
  <si>
    <t>とやま市漁協四方地方卸売市場</t>
  </si>
  <si>
    <t>22EC0002</t>
  </si>
  <si>
    <t>とやま市漁業協同組合　岩瀬地方卸売市場</t>
  </si>
  <si>
    <t>265</t>
  </si>
  <si>
    <t>22EC0003</t>
  </si>
  <si>
    <t>2291-5</t>
  </si>
  <si>
    <t>お手古寿し</t>
  </si>
  <si>
    <t>22AC0009</t>
  </si>
  <si>
    <t>若葉農業合同会社</t>
  </si>
  <si>
    <t>1350</t>
  </si>
  <si>
    <t>若木もち店</t>
  </si>
  <si>
    <t>22CA0052</t>
  </si>
  <si>
    <t>株式会社イヌヤマ</t>
  </si>
  <si>
    <t>曙町</t>
  </si>
  <si>
    <t>2-35</t>
  </si>
  <si>
    <t>レストランテラス　なでしこ</t>
  </si>
  <si>
    <t>済生会富山病院１F</t>
  </si>
  <si>
    <t>22AA0077</t>
  </si>
  <si>
    <t>24CC0011</t>
  </si>
  <si>
    <t>Ｓｕｎ　Ｒａｙ</t>
  </si>
  <si>
    <t>１４－３</t>
  </si>
  <si>
    <t>第２桜ビル２Ｆ</t>
  </si>
  <si>
    <t>22AI0113</t>
  </si>
  <si>
    <t>有限会社チーム・オールウェイズ</t>
  </si>
  <si>
    <t>婦中町高日附</t>
  </si>
  <si>
    <t>868-5</t>
  </si>
  <si>
    <t>オールウェイズ</t>
  </si>
  <si>
    <t>富山競輪場</t>
  </si>
  <si>
    <t>22AN0017</t>
  </si>
  <si>
    <t>株式会社　トミイチフーズ</t>
  </si>
  <si>
    <t>水橋金尾新</t>
  </si>
  <si>
    <t>140-16</t>
  </si>
  <si>
    <t>(株)　トミイチフーズ　水橋工場</t>
  </si>
  <si>
    <t>2679番25</t>
  </si>
  <si>
    <t>22CH0004</t>
  </si>
  <si>
    <t>Villain</t>
  </si>
  <si>
    <t>打出ビル　1F</t>
  </si>
  <si>
    <t>22AI0114</t>
  </si>
  <si>
    <t>株式会社一休庵</t>
  </si>
  <si>
    <t>1133-1</t>
  </si>
  <si>
    <t>まちかどふれあいほーむ一休庵</t>
  </si>
  <si>
    <t>22AA0083</t>
  </si>
  <si>
    <t>株式会社富山きときと企画</t>
  </si>
  <si>
    <t>４番１２</t>
  </si>
  <si>
    <t>1丁目4-9　2階</t>
  </si>
  <si>
    <t>22AA0085</t>
  </si>
  <si>
    <t>粟島町三丁目</t>
  </si>
  <si>
    <t>1番6号</t>
  </si>
  <si>
    <t>ミートハウス　林</t>
  </si>
  <si>
    <t>22AK0021</t>
  </si>
  <si>
    <t>22BF0017</t>
  </si>
  <si>
    <t>株式会社　永田メディカル　</t>
  </si>
  <si>
    <t>１２</t>
  </si>
  <si>
    <t>きらら就労継続支援Ｂ型事業所</t>
  </si>
  <si>
    <t>城川原三丁目</t>
  </si>
  <si>
    <t>22EF0001</t>
  </si>
  <si>
    <t>三福</t>
  </si>
  <si>
    <t>177-1</t>
  </si>
  <si>
    <t>22AI0112</t>
  </si>
  <si>
    <t>7-14-3</t>
  </si>
  <si>
    <t>お菓子工房　Prefere</t>
  </si>
  <si>
    <t>22CA0055</t>
  </si>
  <si>
    <t>なのはな農業協同組合</t>
  </si>
  <si>
    <t>豊田本町</t>
  </si>
  <si>
    <t>3丁目18-21</t>
  </si>
  <si>
    <t>なのはな農協　農産物直売所</t>
  </si>
  <si>
    <t>田尻東</t>
  </si>
  <si>
    <t>22AA0084</t>
  </si>
  <si>
    <t>なのはな農業協同組合　みそ加工施設</t>
  </si>
  <si>
    <t>高島</t>
  </si>
  <si>
    <t>362</t>
  </si>
  <si>
    <t>22CF0003</t>
  </si>
  <si>
    <t>カウベル（松本800る229）</t>
  </si>
  <si>
    <t>22AM0015</t>
  </si>
  <si>
    <t>ランブル</t>
  </si>
  <si>
    <t>豊若町</t>
  </si>
  <si>
    <t>3-7-8</t>
  </si>
  <si>
    <t>22AI0115</t>
  </si>
  <si>
    <t>株式会社　佛蘭西屋</t>
  </si>
  <si>
    <t>総曲輪２丁目５番３</t>
  </si>
  <si>
    <t>佛蘭西屋洋酒肆</t>
  </si>
  <si>
    <t>1丁目9番15</t>
  </si>
  <si>
    <t>22AI0118</t>
  </si>
  <si>
    <t>BRANDFLECK　BACKER</t>
  </si>
  <si>
    <t>水橋中町</t>
  </si>
  <si>
    <t>576</t>
  </si>
  <si>
    <t>23CA0061</t>
  </si>
  <si>
    <t>22CD0004</t>
  </si>
  <si>
    <t>TOMMY SMOKE</t>
  </si>
  <si>
    <t>22CC0017</t>
  </si>
  <si>
    <t>富山県ライス栄研株式会社</t>
  </si>
  <si>
    <t>850</t>
  </si>
  <si>
    <t>22AE0022</t>
  </si>
  <si>
    <t>Lilly</t>
  </si>
  <si>
    <t>22AI0117</t>
  </si>
  <si>
    <t>statique(スターチス）</t>
  </si>
  <si>
    <t>35</t>
  </si>
  <si>
    <t>22CA0058</t>
  </si>
  <si>
    <t>有限会社笠間米穀店</t>
  </si>
  <si>
    <t>654</t>
  </si>
  <si>
    <t>（有）笠間米穀店</t>
  </si>
  <si>
    <t>22CA0056</t>
  </si>
  <si>
    <t>株式会社　浜黒崎観光協会</t>
  </si>
  <si>
    <t>3385-1</t>
  </si>
  <si>
    <t>浜黒崎キャンプ場</t>
  </si>
  <si>
    <t>22AA0088</t>
  </si>
  <si>
    <t>株式会社蛯米水産加工</t>
  </si>
  <si>
    <t>四方新</t>
  </si>
  <si>
    <t>130</t>
  </si>
  <si>
    <t>22CH0005</t>
  </si>
  <si>
    <t>株式会社　MAVカンパニー</t>
  </si>
  <si>
    <t>6番18号　祐象ビル</t>
  </si>
  <si>
    <t>VIOLA</t>
  </si>
  <si>
    <t>6番18号</t>
  </si>
  <si>
    <t>祐象ビル1F</t>
  </si>
  <si>
    <t>22AI0123</t>
  </si>
  <si>
    <t>有限会社引網香月堂</t>
  </si>
  <si>
    <t>伏木湊町１番１号</t>
  </si>
  <si>
    <t>引網香月堂　古沢本店</t>
  </si>
  <si>
    <t>１１１－３</t>
  </si>
  <si>
    <t>23AJ0087</t>
  </si>
  <si>
    <t>23CA0112</t>
  </si>
  <si>
    <t>マスイチ醸造株式会社</t>
  </si>
  <si>
    <t>水橋北馬場</t>
  </si>
  <si>
    <t>121番地</t>
  </si>
  <si>
    <t>22CF0004</t>
  </si>
  <si>
    <t>㉚ 密封包装食品製造業</t>
  </si>
  <si>
    <t>22CQ0001</t>
  </si>
  <si>
    <t>5の45</t>
  </si>
  <si>
    <t>やきとり　ジャンボ</t>
  </si>
  <si>
    <t>22AI0119</t>
  </si>
  <si>
    <t>RUR</t>
  </si>
  <si>
    <t>22CH0006</t>
  </si>
  <si>
    <t>有限会社　石谷餅店</t>
  </si>
  <si>
    <t>中央通り1-5-33</t>
  </si>
  <si>
    <t>22CA0063</t>
  </si>
  <si>
    <t>有限会社石谷餅店</t>
  </si>
  <si>
    <t>中央通り</t>
  </si>
  <si>
    <t>1-5-33</t>
  </si>
  <si>
    <t>18AO0008</t>
  </si>
  <si>
    <t>居酒屋　瑞穂</t>
  </si>
  <si>
    <t>22AI0120</t>
  </si>
  <si>
    <t>株式会社中乃屋</t>
  </si>
  <si>
    <t>6238-19</t>
  </si>
  <si>
    <t>サンタフェ</t>
  </si>
  <si>
    <t>48番地</t>
  </si>
  <si>
    <t>岩瀬カナル会館1階</t>
  </si>
  <si>
    <t>22AA0087</t>
  </si>
  <si>
    <t>龍峰ラーメン</t>
  </si>
  <si>
    <t>22AD0017</t>
  </si>
  <si>
    <t>和風スナックしんしん</t>
  </si>
  <si>
    <t>3丁目5-43</t>
  </si>
  <si>
    <t>22AI0121</t>
  </si>
  <si>
    <t>串カツ＆旬肴　マハカラ酒場</t>
  </si>
  <si>
    <t>308-3</t>
  </si>
  <si>
    <t>22AI0122</t>
  </si>
  <si>
    <t>有限会社　原城商事</t>
  </si>
  <si>
    <t>森一丁目</t>
  </si>
  <si>
    <t>ダック　北の森店</t>
  </si>
  <si>
    <t>22AJ0060</t>
  </si>
  <si>
    <t>株式会社ＪＰＦイノベーション</t>
  </si>
  <si>
    <t>富山競輪場メンバーズラウンジサイクルスターカフェ</t>
  </si>
  <si>
    <t>富山競輪場２Ｆ</t>
  </si>
  <si>
    <t>22AA0089</t>
  </si>
  <si>
    <t>株式会社あさおか酒店</t>
  </si>
  <si>
    <t>高園町</t>
  </si>
  <si>
    <t>ローソン富山城川原店</t>
  </si>
  <si>
    <t>476-2</t>
  </si>
  <si>
    <t>22AE0024</t>
  </si>
  <si>
    <t>株式会社　ナオトハラ</t>
  </si>
  <si>
    <t>堀岡明神新</t>
  </si>
  <si>
    <t>87番地</t>
  </si>
  <si>
    <t>ローソン　婦中持田店</t>
  </si>
  <si>
    <t>婦中町持田</t>
  </si>
  <si>
    <t>16-7</t>
  </si>
  <si>
    <t>22AE0026</t>
  </si>
  <si>
    <t>聚祥楼</t>
  </si>
  <si>
    <t>22AB0007</t>
  </si>
  <si>
    <t>上二杉</t>
  </si>
  <si>
    <t>埜紡　－notsumugi－</t>
  </si>
  <si>
    <t>八尾町道畑下中山</t>
  </si>
  <si>
    <t>22AJ0080</t>
  </si>
  <si>
    <t>22CA0074</t>
  </si>
  <si>
    <t>22CT0002</t>
  </si>
  <si>
    <t>株式会社内田乳業</t>
  </si>
  <si>
    <t>478</t>
  </si>
  <si>
    <t>株式会社　内田乳業</t>
  </si>
  <si>
    <t>22DA0002</t>
  </si>
  <si>
    <t>居酒屋　海</t>
  </si>
  <si>
    <t>3195-8</t>
  </si>
  <si>
    <t>22AI0125</t>
  </si>
  <si>
    <t>あゆみ</t>
  </si>
  <si>
    <t>第2松本ビル1FA</t>
  </si>
  <si>
    <t>22AI0129</t>
  </si>
  <si>
    <t>五本水産株式会社</t>
  </si>
  <si>
    <t>191-1</t>
  </si>
  <si>
    <t>22BD0028</t>
  </si>
  <si>
    <t>政太郎</t>
  </si>
  <si>
    <t>95</t>
  </si>
  <si>
    <t>22AJ0061</t>
  </si>
  <si>
    <t>五本水産株式会社　水産加工場</t>
  </si>
  <si>
    <t>75-12</t>
  </si>
  <si>
    <t>23CH0003</t>
  </si>
  <si>
    <t>セブンイレブン富山水橋市田袋店</t>
  </si>
  <si>
    <t>水橋市田袋</t>
  </si>
  <si>
    <t>２６０－３</t>
  </si>
  <si>
    <t>22AN0018</t>
  </si>
  <si>
    <t>ベーカリーみや</t>
  </si>
  <si>
    <t>22CA0061</t>
  </si>
  <si>
    <t>1-4-4</t>
  </si>
  <si>
    <t>AREA1</t>
  </si>
  <si>
    <t>1-6-9</t>
  </si>
  <si>
    <t>22AI0130</t>
  </si>
  <si>
    <t>酒場　Thy</t>
  </si>
  <si>
    <t>1階</t>
  </si>
  <si>
    <t>22AI0131</t>
  </si>
  <si>
    <t>531-2</t>
  </si>
  <si>
    <t>おたにちゃん居酒屋</t>
  </si>
  <si>
    <t>22CA0062</t>
  </si>
  <si>
    <t>西宮町</t>
  </si>
  <si>
    <t>122-25</t>
  </si>
  <si>
    <t>居酒屋　和</t>
  </si>
  <si>
    <t>22AI0127</t>
  </si>
  <si>
    <t>株式会社　フェア</t>
  </si>
  <si>
    <t>一丁目７－２</t>
  </si>
  <si>
    <t>kafuka</t>
  </si>
  <si>
    <t>大信ビル003号室</t>
  </si>
  <si>
    <t>22AI0132</t>
  </si>
  <si>
    <t>90-1</t>
  </si>
  <si>
    <t>野村商店</t>
  </si>
  <si>
    <t>22AE0025</t>
  </si>
  <si>
    <t>夢・終着駅</t>
  </si>
  <si>
    <t>5-43</t>
  </si>
  <si>
    <t>22AI0128</t>
  </si>
  <si>
    <t>お食事処　燈家</t>
  </si>
  <si>
    <t>287-75</t>
  </si>
  <si>
    <t>22AA0091</t>
  </si>
  <si>
    <t>公益財団法人　富山県文化振興財団</t>
  </si>
  <si>
    <t>高志の国文学館カフェ</t>
  </si>
  <si>
    <t>舟橋南町</t>
  </si>
  <si>
    <t>2番22号</t>
  </si>
  <si>
    <t>23AJ0065</t>
  </si>
  <si>
    <t>富山県水墨美術館　茶室「墨光庵」</t>
  </si>
  <si>
    <t>777</t>
  </si>
  <si>
    <t>23AJ0112</t>
  </si>
  <si>
    <t>株式会社　FuKuTa Inc.</t>
  </si>
  <si>
    <t>335-4</t>
  </si>
  <si>
    <t>株式会社　FuKuTa Inc．</t>
  </si>
  <si>
    <t>1554-22</t>
  </si>
  <si>
    <t>23BF0001</t>
  </si>
  <si>
    <t>23CC0002</t>
  </si>
  <si>
    <t>かね七株式会社</t>
  </si>
  <si>
    <t>297番地</t>
  </si>
  <si>
    <t>22CH0007</t>
  </si>
  <si>
    <t>ＬＥ　ＰＩＮ</t>
  </si>
  <si>
    <t>１２－６</t>
  </si>
  <si>
    <t>西野ビル２Ｆ</t>
  </si>
  <si>
    <t>22AI0134</t>
  </si>
  <si>
    <t>株式会社牛島屋</t>
  </si>
  <si>
    <t>一丁目６番９号</t>
  </si>
  <si>
    <t>牛島屋舞夢館</t>
  </si>
  <si>
    <t>12-24</t>
  </si>
  <si>
    <t>22AN0021</t>
  </si>
  <si>
    <t>株式会社　牛島屋</t>
  </si>
  <si>
    <t>１－６－９</t>
  </si>
  <si>
    <t>23AJ0088</t>
  </si>
  <si>
    <t>BaseCグループ　株式会社</t>
  </si>
  <si>
    <t>庄川本町</t>
  </si>
  <si>
    <t>27-1</t>
  </si>
  <si>
    <t>セブンイレブン富山石坂店</t>
  </si>
  <si>
    <t>2021-1</t>
  </si>
  <si>
    <t>22AN0020</t>
  </si>
  <si>
    <t>水橋川原町</t>
  </si>
  <si>
    <t>646</t>
  </si>
  <si>
    <t>伊勢鮮魚店</t>
  </si>
  <si>
    <t>22BD0030</t>
  </si>
  <si>
    <t>株式会社翔システム</t>
  </si>
  <si>
    <t>17-16</t>
  </si>
  <si>
    <t>かける</t>
  </si>
  <si>
    <t>22AJ0062</t>
  </si>
  <si>
    <t>Ｍｏｆｕ</t>
  </si>
  <si>
    <t>新園町</t>
  </si>
  <si>
    <t>２区116-1</t>
  </si>
  <si>
    <t>22CA0064</t>
  </si>
  <si>
    <t>カンフー唐揚げ(富山800す5955）</t>
  </si>
  <si>
    <t>22AM0016</t>
  </si>
  <si>
    <t>彩快食　じをん</t>
  </si>
  <si>
    <t>1-6-22</t>
  </si>
  <si>
    <t>22AA0146</t>
  </si>
  <si>
    <t>株式会社　中日本吉野家</t>
  </si>
  <si>
    <t>日本橋箱崎町</t>
  </si>
  <si>
    <t>36番2号　Daiwaリバーゲート18階</t>
  </si>
  <si>
    <t>吉野家　41号線富山城南公園前店</t>
  </si>
  <si>
    <t>花園町三丁目</t>
  </si>
  <si>
    <t>8-10</t>
  </si>
  <si>
    <t>22AA0096</t>
  </si>
  <si>
    <t>吉野家41号線富山田中町店</t>
  </si>
  <si>
    <t>5-4-13</t>
  </si>
  <si>
    <t>23AA0022</t>
  </si>
  <si>
    <t>飲食処　糸</t>
  </si>
  <si>
    <t>520-2</t>
  </si>
  <si>
    <t>22AA0095</t>
  </si>
  <si>
    <t>CLUB SALON</t>
  </si>
  <si>
    <t>桜木町ビル2F</t>
  </si>
  <si>
    <t>22AH0003</t>
  </si>
  <si>
    <t>株式会社ヴィニ・ラコント</t>
  </si>
  <si>
    <t>2-2-24</t>
  </si>
  <si>
    <t>オーバル</t>
  </si>
  <si>
    <t>4番2　</t>
  </si>
  <si>
    <t>　1階</t>
  </si>
  <si>
    <t>22AA0093</t>
  </si>
  <si>
    <t>Paisley</t>
  </si>
  <si>
    <t>1丁目2番3号　地下1階</t>
  </si>
  <si>
    <t>22AI0136</t>
  </si>
  <si>
    <t>ラウンジ　ミュウ</t>
  </si>
  <si>
    <t>11番4号</t>
  </si>
  <si>
    <t>オアシスコートラリエ1階</t>
  </si>
  <si>
    <t>22AI0137</t>
  </si>
  <si>
    <t>269番地</t>
  </si>
  <si>
    <t>酒蕎楽　くちいわ</t>
  </si>
  <si>
    <t>135</t>
  </si>
  <si>
    <t>22AG0011</t>
  </si>
  <si>
    <t>魚津群　ねんじり亭</t>
  </si>
  <si>
    <t>136</t>
  </si>
  <si>
    <t>22AG0010</t>
  </si>
  <si>
    <t>Premier</t>
  </si>
  <si>
    <t>桜木プラザビル1F B</t>
  </si>
  <si>
    <t>22AI0140</t>
  </si>
  <si>
    <t>株式会社TED</t>
  </si>
  <si>
    <t>大場</t>
  </si>
  <si>
    <t>118</t>
  </si>
  <si>
    <t>⑲ 食用油脂製造業</t>
  </si>
  <si>
    <t>22CS0001</t>
  </si>
  <si>
    <t>memy</t>
  </si>
  <si>
    <t>4番9号</t>
  </si>
  <si>
    <t>yunite　TSU-1  2階テナント</t>
  </si>
  <si>
    <t>22AI0144</t>
  </si>
  <si>
    <t>snack lounge 皐</t>
  </si>
  <si>
    <t>5番6号</t>
  </si>
  <si>
    <t>三愛第二ビル1階101号室</t>
  </si>
  <si>
    <t>22AH0004</t>
  </si>
  <si>
    <t>株式会社GEJO</t>
  </si>
  <si>
    <t>180</t>
  </si>
  <si>
    <t>ＧＥＪＯ</t>
  </si>
  <si>
    <t>22AC0012</t>
  </si>
  <si>
    <t>23CC0008</t>
  </si>
  <si>
    <t>松木菓子舗</t>
  </si>
  <si>
    <t>3丁目4-1</t>
  </si>
  <si>
    <t>SOGAWA BASE　1F</t>
  </si>
  <si>
    <t>23AJ0066</t>
  </si>
  <si>
    <t>株式会社アゲインフーズコア</t>
  </si>
  <si>
    <t>横川</t>
  </si>
  <si>
    <t>6-94</t>
  </si>
  <si>
    <t>勝助食堂　町村店</t>
  </si>
  <si>
    <t>320-2</t>
  </si>
  <si>
    <t>22AA0100</t>
  </si>
  <si>
    <t>ゴーゴーカレー　町村スタジアム</t>
  </si>
  <si>
    <t>22AA0098</t>
  </si>
  <si>
    <t>追分茶屋</t>
  </si>
  <si>
    <t>スナック　カミツレ</t>
  </si>
  <si>
    <t>22AI0154</t>
  </si>
  <si>
    <t>有限会社　岸の子</t>
  </si>
  <si>
    <t>９１２－２</t>
  </si>
  <si>
    <t>岸の子</t>
  </si>
  <si>
    <t>22AI0138</t>
  </si>
  <si>
    <t>658-21</t>
  </si>
  <si>
    <t>蛍の杜</t>
  </si>
  <si>
    <t>22AA0097</t>
  </si>
  <si>
    <t>株式会社　INB</t>
  </si>
  <si>
    <t>大須</t>
  </si>
  <si>
    <t>2-31-15　イイダビル２階</t>
  </si>
  <si>
    <t>甘味処鎌倉　富山西町グランドプラザ前店</t>
  </si>
  <si>
    <t>柴田ビル１F</t>
  </si>
  <si>
    <t>22AJ0071</t>
  </si>
  <si>
    <t>やきとり大吉　中野新町店</t>
  </si>
  <si>
    <t>中野新町</t>
  </si>
  <si>
    <t>1-3-27</t>
  </si>
  <si>
    <t>22AI0142</t>
  </si>
  <si>
    <t>ハゼルコーヒー　株式会社</t>
  </si>
  <si>
    <t>１１１－２</t>
  </si>
  <si>
    <t>ｈａｚｅｒｕ　ｃｏｆｆｅｅ　古沢本店</t>
  </si>
  <si>
    <t>22AJ0066</t>
  </si>
  <si>
    <t>ｈａｚｅｒｕ　ｃｏｆｆｅｅ　ＳＯＧＡＷＡ　ＢＡＳＥ店</t>
  </si>
  <si>
    <t>22AJ0067</t>
  </si>
  <si>
    <t>八尾町東町2088</t>
  </si>
  <si>
    <t>おおつか茶舗</t>
  </si>
  <si>
    <t>22AJ0068</t>
  </si>
  <si>
    <t>くれおーるキッチンカー　1号（なにわ830さ9006）</t>
  </si>
  <si>
    <t>22AM0017</t>
  </si>
  <si>
    <t>笑色茶屋</t>
  </si>
  <si>
    <t>7-22</t>
  </si>
  <si>
    <t>22AI0148</t>
  </si>
  <si>
    <t>ＧＬＡＳＳ＆ＬＹ　</t>
  </si>
  <si>
    <t>三愛第二ビル201，202</t>
  </si>
  <si>
    <t>22AI0147</t>
  </si>
  <si>
    <t>有限会社オカムラ</t>
  </si>
  <si>
    <t>コンセプトホテル　和休</t>
  </si>
  <si>
    <t>22AF0008</t>
  </si>
  <si>
    <t>コーヒーハウス　トータス</t>
  </si>
  <si>
    <t>愛宕町二丁目</t>
  </si>
  <si>
    <t>22AJ0070</t>
  </si>
  <si>
    <t>八尾町小長谷</t>
  </si>
  <si>
    <t>5911-9</t>
  </si>
  <si>
    <t>四季採</t>
  </si>
  <si>
    <t>22AA0099</t>
  </si>
  <si>
    <t>有限会社友井音楽事務所</t>
  </si>
  <si>
    <t>1-4-14</t>
  </si>
  <si>
    <t>気まぐれSPOT　KENSO</t>
  </si>
  <si>
    <t>22AI0143</t>
  </si>
  <si>
    <t>住吉</t>
  </si>
  <si>
    <t>ふれあい工房　住庄園</t>
  </si>
  <si>
    <t>392</t>
  </si>
  <si>
    <t>22CT0001</t>
  </si>
  <si>
    <t>ヤマイチ　株式会社</t>
  </si>
  <si>
    <t>812</t>
  </si>
  <si>
    <t>ハイズ　ガーデンズ　ガーデン</t>
  </si>
  <si>
    <t>26番17</t>
  </si>
  <si>
    <t>22AJ0073</t>
  </si>
  <si>
    <t>合同会社　ひとつ</t>
  </si>
  <si>
    <t>五番町</t>
  </si>
  <si>
    <t>ひとつ縁側</t>
  </si>
  <si>
    <t>22CA0065</t>
  </si>
  <si>
    <t>485-5</t>
  </si>
  <si>
    <t>キッチン＆コーヒー　花</t>
  </si>
  <si>
    <t>22AJ0072</t>
  </si>
  <si>
    <t>カラオケ＆スナック　Lie</t>
  </si>
  <si>
    <t>桜木プラザビル 1F</t>
  </si>
  <si>
    <t>22AI0153</t>
  </si>
  <si>
    <t>石金二丁目</t>
  </si>
  <si>
    <t>BARみやた</t>
  </si>
  <si>
    <t>6番8号</t>
  </si>
  <si>
    <t>Ｔ．ＯＮＥビル２Ｆ-Ｂ</t>
  </si>
  <si>
    <t>22AI0145</t>
  </si>
  <si>
    <t>一丁目８－１１</t>
  </si>
  <si>
    <t>四方屋鮮魚店</t>
  </si>
  <si>
    <t>22BD0031</t>
  </si>
  <si>
    <t>セブンーイレブン　富山上本町店</t>
  </si>
  <si>
    <t>22AN0022</t>
  </si>
  <si>
    <t>農事組合法人　八尾農林産物加工組合</t>
  </si>
  <si>
    <t>八尾町下笹原</t>
  </si>
  <si>
    <t>６９０－１</t>
  </si>
  <si>
    <t>22CG0003</t>
  </si>
  <si>
    <t>七軒町</t>
  </si>
  <si>
    <t>coconie</t>
  </si>
  <si>
    <t>1025</t>
  </si>
  <si>
    <t>22AJ0074</t>
  </si>
  <si>
    <t>エム・ケー興産株式会社</t>
  </si>
  <si>
    <t>そば処　まい田屋</t>
  </si>
  <si>
    <t>八尾町西神通</t>
  </si>
  <si>
    <t>4215-1</t>
  </si>
  <si>
    <t>22AD0021</t>
  </si>
  <si>
    <t>Daisy</t>
  </si>
  <si>
    <t>桜木プラザビル　B階H号室</t>
  </si>
  <si>
    <t>22AI0149</t>
  </si>
  <si>
    <t>有限会社月世界本舗</t>
  </si>
  <si>
    <t>有限会社　月世界本舗</t>
  </si>
  <si>
    <t>22CA0066</t>
  </si>
  <si>
    <t>新雨軒　株式会社</t>
  </si>
  <si>
    <t>1-16-1階</t>
  </si>
  <si>
    <t>新雨軒プーアル茶専門店</t>
  </si>
  <si>
    <t>1-16 1階</t>
  </si>
  <si>
    <t>22AJ0079</t>
  </si>
  <si>
    <t>ラーメン一楽</t>
  </si>
  <si>
    <t>22AD0020</t>
  </si>
  <si>
    <t>株式会社　Forward</t>
  </si>
  <si>
    <t>569</t>
  </si>
  <si>
    <t>BAR  Laugh  tale</t>
  </si>
  <si>
    <t>桜木町センタービル３階３０２号</t>
  </si>
  <si>
    <t>22AI0150</t>
  </si>
  <si>
    <t>株式会社　ディーバス</t>
  </si>
  <si>
    <t>PHYTORHYTHM</t>
  </si>
  <si>
    <t>30-3</t>
  </si>
  <si>
    <t>22AJ0077</t>
  </si>
  <si>
    <t>22CA0069</t>
  </si>
  <si>
    <t>婦中町ねむの木</t>
  </si>
  <si>
    <t>2-117</t>
  </si>
  <si>
    <t>洋菓子工房TANAKA</t>
  </si>
  <si>
    <t>22CA0067</t>
  </si>
  <si>
    <t>ヒビ丼丸　高屋敷店</t>
  </si>
  <si>
    <t>833-1</t>
  </si>
  <si>
    <t>タカサンビル　１F１</t>
  </si>
  <si>
    <t>22AE0027</t>
  </si>
  <si>
    <t>22BD0032</t>
  </si>
  <si>
    <t>22CA0071</t>
  </si>
  <si>
    <t>有限会社　食のコンサルタントブーケ</t>
  </si>
  <si>
    <t>布瀬町一丁目</t>
  </si>
  <si>
    <t>22AE0030</t>
  </si>
  <si>
    <t>合同会社ｆ５</t>
  </si>
  <si>
    <t>３－６</t>
  </si>
  <si>
    <t>双葉食堂</t>
  </si>
  <si>
    <t>１５－３２</t>
  </si>
  <si>
    <t>奥田双葉ハイツⅠ　１Ｆ</t>
  </si>
  <si>
    <t>22AA0103</t>
  </si>
  <si>
    <t>66-5</t>
  </si>
  <si>
    <t>田舎</t>
  </si>
  <si>
    <t>22AD0044</t>
  </si>
  <si>
    <t>ダック山﨑商店</t>
  </si>
  <si>
    <t>ミューズ内</t>
  </si>
  <si>
    <t>22AA0107</t>
  </si>
  <si>
    <t>24CT0007</t>
  </si>
  <si>
    <t>豊川町</t>
  </si>
  <si>
    <t>えび寿司</t>
  </si>
  <si>
    <t>22AC0013</t>
  </si>
  <si>
    <t>nerine (ネリネ)</t>
  </si>
  <si>
    <t>アミティ宝 ２F 北側</t>
  </si>
  <si>
    <t>22AI0151</t>
  </si>
  <si>
    <t>居酒屋　はしもと</t>
  </si>
  <si>
    <t>1-1-12　１F</t>
  </si>
  <si>
    <t>22AI0152</t>
  </si>
  <si>
    <t>ｃａｆｅ’５４</t>
  </si>
  <si>
    <t>６－２</t>
  </si>
  <si>
    <t>22AJ0078</t>
  </si>
  <si>
    <t>日本海給食　株式会社</t>
  </si>
  <si>
    <t>8番13号</t>
  </si>
  <si>
    <t>白雲荘</t>
  </si>
  <si>
    <t>588</t>
  </si>
  <si>
    <t>22AG0012</t>
  </si>
  <si>
    <t>城南もなみ学園</t>
  </si>
  <si>
    <t>2-6</t>
  </si>
  <si>
    <t>23AA0013</t>
  </si>
  <si>
    <t>富山地方鉄道株式会社　西部自動車営業所　社員食堂</t>
  </si>
  <si>
    <t>牛島本町</t>
  </si>
  <si>
    <t>2丁目2番12</t>
  </si>
  <si>
    <t>西部自動車営業所</t>
  </si>
  <si>
    <t>23AA0150</t>
  </si>
  <si>
    <t>養護老人ホーム・特別養護老人ホーム　ながれすぎ光風苑</t>
  </si>
  <si>
    <t>24AA0021</t>
  </si>
  <si>
    <t>酒場食堂そら</t>
  </si>
  <si>
    <t>22AA0115</t>
  </si>
  <si>
    <t>株式会社　石橋</t>
  </si>
  <si>
    <t>１５－１４</t>
  </si>
  <si>
    <t>牛岳温泉健康センター</t>
  </si>
  <si>
    <t>山田赤目谷</t>
  </si>
  <si>
    <t>３１－２８</t>
  </si>
  <si>
    <t>22AF0010</t>
  </si>
  <si>
    <t>有限会社　北吉</t>
  </si>
  <si>
    <t>997</t>
  </si>
  <si>
    <t>22AF0009</t>
  </si>
  <si>
    <t>香栄興業　株式会社</t>
  </si>
  <si>
    <t>神田淡路町</t>
  </si>
  <si>
    <t>2-23</t>
  </si>
  <si>
    <t>香栄興業株式会社　富山工場</t>
  </si>
  <si>
    <t>22CK0001</t>
  </si>
  <si>
    <t>株式会社　ウメケン</t>
  </si>
  <si>
    <t>大日町三丁目</t>
  </si>
  <si>
    <t>27番7号</t>
  </si>
  <si>
    <t>株式会社　ウメケン　富山工場</t>
  </si>
  <si>
    <t>532-1</t>
  </si>
  <si>
    <t>22CI0003</t>
  </si>
  <si>
    <t>ローソン婦中西ヶ丘店</t>
  </si>
  <si>
    <t>474-12</t>
  </si>
  <si>
    <t>22AE0028</t>
  </si>
  <si>
    <t>15一Ａ（イチゴイチエ）</t>
  </si>
  <si>
    <t>三愛第二ビル1階103号</t>
  </si>
  <si>
    <t>22AI0160</t>
  </si>
  <si>
    <t>西長江二丁目</t>
  </si>
  <si>
    <t>MIX BAR BEAST</t>
  </si>
  <si>
    <t>6番3号</t>
  </si>
  <si>
    <t>太平第２ビル２階201・202号室</t>
  </si>
  <si>
    <t>22AI0159</t>
  </si>
  <si>
    <t>伊志井</t>
  </si>
  <si>
    <t>6-20</t>
  </si>
  <si>
    <t>22AA0104</t>
  </si>
  <si>
    <t>G-trading合同会社</t>
  </si>
  <si>
    <t>星井町一丁目</t>
  </si>
  <si>
    <t>4-3　アクシルコート星井町301</t>
  </si>
  <si>
    <t>deusa</t>
  </si>
  <si>
    <t>サンナインプラザビル2Ｆ 203</t>
  </si>
  <si>
    <t>22AI0156</t>
  </si>
  <si>
    <t>disco club BLUE</t>
  </si>
  <si>
    <t>1-3-9</t>
  </si>
  <si>
    <t>駅前プラザビル２F</t>
  </si>
  <si>
    <t>22AI0157</t>
  </si>
  <si>
    <t>スナック　リン</t>
  </si>
  <si>
    <t>タウンTOYO１－Ａ</t>
  </si>
  <si>
    <t>22AI0178</t>
  </si>
  <si>
    <t>Bar No.3</t>
  </si>
  <si>
    <t>22AI0228</t>
  </si>
  <si>
    <t>ニューステーション</t>
  </si>
  <si>
    <t>５４１－１</t>
  </si>
  <si>
    <t>マスヤマビル２Ｆ</t>
  </si>
  <si>
    <t>22AI0155</t>
  </si>
  <si>
    <t>富山ラーメン</t>
  </si>
  <si>
    <t>総曲輪コーポ1F</t>
  </si>
  <si>
    <t>22AD0035</t>
  </si>
  <si>
    <t>まるまさ</t>
  </si>
  <si>
    <t>１９２９－１</t>
  </si>
  <si>
    <t>タツヤビル1F</t>
  </si>
  <si>
    <t>23AD0013</t>
  </si>
  <si>
    <t>てるてるぼうず</t>
  </si>
  <si>
    <t>本町ビル　１F</t>
  </si>
  <si>
    <t>22AI0158</t>
  </si>
  <si>
    <t>株式会社　まつ川</t>
  </si>
  <si>
    <t>2-10　西森ビル１F</t>
  </si>
  <si>
    <t>まつ川</t>
  </si>
  <si>
    <t>西森ビル1F</t>
  </si>
  <si>
    <t>22AE0031</t>
  </si>
  <si>
    <t>有限会社　井山商店</t>
  </si>
  <si>
    <t>2785</t>
  </si>
  <si>
    <t>22AJ0081</t>
  </si>
  <si>
    <t>８７２－２</t>
  </si>
  <si>
    <t>髙野屋商店</t>
  </si>
  <si>
    <t>22AE0032</t>
  </si>
  <si>
    <t>22CA0076</t>
  </si>
  <si>
    <t>株式会社　ニューアクア技術研究所</t>
  </si>
  <si>
    <t>八尾町城生</t>
  </si>
  <si>
    <t>13-1</t>
  </si>
  <si>
    <t>22CS0002</t>
  </si>
  <si>
    <t>社会福祉法人　恵風会</t>
  </si>
  <si>
    <t>山田宿坊</t>
  </si>
  <si>
    <t>社会福祉法人　恵風会　あざみ園</t>
  </si>
  <si>
    <t>22AE0033</t>
  </si>
  <si>
    <t>有限会社　ワイズファクトリー</t>
  </si>
  <si>
    <t>婦中町羽根</t>
  </si>
  <si>
    <t>111-20</t>
  </si>
  <si>
    <t>22CA0077</t>
  </si>
  <si>
    <t>浜田食品工業　株式会社</t>
  </si>
  <si>
    <t>八尾市</t>
  </si>
  <si>
    <t>若林町２丁目</t>
  </si>
  <si>
    <t>８６</t>
  </si>
  <si>
    <t>浜田食品工業株式会社富山工場</t>
  </si>
  <si>
    <t>八尾町保内2丁目</t>
  </si>
  <si>
    <t>22CA0078</t>
  </si>
  <si>
    <t>浜田食品工業株式会社　富山第２工場</t>
  </si>
  <si>
    <t>2丁目3番5</t>
  </si>
  <si>
    <t>23CA0094</t>
  </si>
  <si>
    <t>浜田食品工業株式会社　富山第三工場</t>
  </si>
  <si>
    <t>2丁目3番8</t>
  </si>
  <si>
    <t>24CK0001</t>
  </si>
  <si>
    <t>idéal</t>
  </si>
  <si>
    <t>南田町</t>
  </si>
  <si>
    <t>1-3-10</t>
  </si>
  <si>
    <t>22AJ0104</t>
  </si>
  <si>
    <t>22CA0099</t>
  </si>
  <si>
    <t>ＰＤハウス秋吉</t>
  </si>
  <si>
    <t>130番4</t>
  </si>
  <si>
    <t>22AA0124</t>
  </si>
  <si>
    <t>だいせん丸合同会社</t>
  </si>
  <si>
    <t>２１３－４</t>
  </si>
  <si>
    <t>だいせん丸</t>
  </si>
  <si>
    <t>22AA0133</t>
  </si>
  <si>
    <t>22BD0035</t>
  </si>
  <si>
    <t>タンバム</t>
  </si>
  <si>
    <t>１丁目4-3</t>
  </si>
  <si>
    <t>桜木町レストタウンビル104</t>
  </si>
  <si>
    <t>22AI0162</t>
  </si>
  <si>
    <t>大泉</t>
  </si>
  <si>
    <t>ｔａｃｏｓ　ｓｈｏｐ　Ｃａｒｎａｖａｌ</t>
  </si>
  <si>
    <t>２－１５</t>
  </si>
  <si>
    <t>あまよっと横丁２０２</t>
  </si>
  <si>
    <t>22AN0027</t>
  </si>
  <si>
    <t>キオラマフィン</t>
  </si>
  <si>
    <t>2198-3</t>
  </si>
  <si>
    <t>22CA0079</t>
  </si>
  <si>
    <t>1907-17</t>
  </si>
  <si>
    <t>UKI PAPA</t>
  </si>
  <si>
    <t>22AJ0083</t>
  </si>
  <si>
    <t>22CA0080</t>
  </si>
  <si>
    <t>22CD0005</t>
  </si>
  <si>
    <t>愚羅馬邸</t>
  </si>
  <si>
    <t>１０－７</t>
  </si>
  <si>
    <t>柿澤ビル２Ｆ</t>
  </si>
  <si>
    <t>22AI0161</t>
  </si>
  <si>
    <t>４３７－１</t>
  </si>
  <si>
    <t>風待ち妙庵</t>
  </si>
  <si>
    <t>22AA0112</t>
  </si>
  <si>
    <t>株式会社　八尾倶楽部</t>
  </si>
  <si>
    <t>八尾町深谷</t>
  </si>
  <si>
    <t>京ヶ峰１０番地</t>
  </si>
  <si>
    <t>八尾カントリークラブレストラン</t>
  </si>
  <si>
    <t>22AA0111</t>
  </si>
  <si>
    <t>八尾カントリークラブＩＮコース</t>
  </si>
  <si>
    <t>22AJ0085</t>
  </si>
  <si>
    <t>八尾カントリークラブラウンジ</t>
  </si>
  <si>
    <t>22AA0110</t>
  </si>
  <si>
    <t>八尾カントリークラブＯＵＴコース</t>
  </si>
  <si>
    <t>22AJ0084</t>
  </si>
  <si>
    <t>107</t>
  </si>
  <si>
    <t>絆</t>
  </si>
  <si>
    <t>426-1</t>
  </si>
  <si>
    <t>22AI0163</t>
  </si>
  <si>
    <t>こと路</t>
  </si>
  <si>
    <t>婦中町安田</t>
  </si>
  <si>
    <t>126</t>
  </si>
  <si>
    <t>22AI0164</t>
  </si>
  <si>
    <t>ローソン富山諏訪川原店</t>
  </si>
  <si>
    <t>諏訪川原二丁目</t>
  </si>
  <si>
    <t>22AN0023</t>
  </si>
  <si>
    <t>ローソン富山桜町二丁目店</t>
  </si>
  <si>
    <t>24AN0019</t>
  </si>
  <si>
    <t>四方北窪</t>
  </si>
  <si>
    <t>珈琲黒豆</t>
  </si>
  <si>
    <t>５１－８７</t>
  </si>
  <si>
    <t>22AJ0087</t>
  </si>
  <si>
    <t>鮎芳</t>
  </si>
  <si>
    <t>1383</t>
  </si>
  <si>
    <t>22AK0022</t>
  </si>
  <si>
    <t>ダルマヤラーメン</t>
  </si>
  <si>
    <t>5332</t>
  </si>
  <si>
    <t>22AD0023</t>
  </si>
  <si>
    <t>HamaNZ Bar Guitto</t>
  </si>
  <si>
    <t>21-4</t>
  </si>
  <si>
    <t>22AI0165</t>
  </si>
  <si>
    <t>ローソン富山新根塚町一丁目店</t>
  </si>
  <si>
    <t>1-807-1</t>
  </si>
  <si>
    <t>22AN0024</t>
  </si>
  <si>
    <t>ローソン富山八尾中核団地店</t>
  </si>
  <si>
    <t>八尾町上高善寺</t>
  </si>
  <si>
    <t>302</t>
  </si>
  <si>
    <t>22AN0025</t>
  </si>
  <si>
    <t>リパイユ</t>
  </si>
  <si>
    <t>藤山ビル１F</t>
  </si>
  <si>
    <t>22AA0113</t>
  </si>
  <si>
    <t>3-28</t>
  </si>
  <si>
    <t>和処　てつ</t>
  </si>
  <si>
    <t>1-9</t>
  </si>
  <si>
    <t>22AI0166</t>
  </si>
  <si>
    <t>有限会社　小杉スポーツ</t>
  </si>
  <si>
    <t>三ケ</t>
  </si>
  <si>
    <t>1038</t>
  </si>
  <si>
    <t>小杉スポーツ　ヒュッテ・コンパニ―</t>
  </si>
  <si>
    <t>山田小谷中根</t>
  </si>
  <si>
    <t>857</t>
  </si>
  <si>
    <t>22AF0012</t>
  </si>
  <si>
    <t>at home bar 心唯 mii</t>
  </si>
  <si>
    <t>メリー荒町 １F</t>
  </si>
  <si>
    <t>22AI0180</t>
  </si>
  <si>
    <t>安養坊</t>
  </si>
  <si>
    <t>357-24</t>
  </si>
  <si>
    <t>ふっきーずくっきーず</t>
  </si>
  <si>
    <t>22CA0085</t>
  </si>
  <si>
    <t>蒼樹</t>
  </si>
  <si>
    <t>621-1</t>
  </si>
  <si>
    <t>22AA0164</t>
  </si>
  <si>
    <t>布瀬町</t>
  </si>
  <si>
    <t>N喫茶</t>
  </si>
  <si>
    <t>町袋313-1</t>
  </si>
  <si>
    <t>喫茶店営業</t>
  </si>
  <si>
    <t>22AJ0091</t>
  </si>
  <si>
    <t>コーヒースタンド　カントリー</t>
  </si>
  <si>
    <t>万願寺</t>
  </si>
  <si>
    <t>1-166</t>
  </si>
  <si>
    <t>富山カントリーC　内１F</t>
  </si>
  <si>
    <t>22AI0167</t>
  </si>
  <si>
    <t>有限会社　梵釈</t>
  </si>
  <si>
    <t>435-1　ロレックスⅡ掛尾602</t>
  </si>
  <si>
    <t>支那そばや翠月</t>
  </si>
  <si>
    <t>415-1</t>
  </si>
  <si>
    <t>22AD0024</t>
  </si>
  <si>
    <t>22CG0004</t>
  </si>
  <si>
    <t>八尾町三田</t>
  </si>
  <si>
    <t>幹</t>
  </si>
  <si>
    <t>22AJ0088</t>
  </si>
  <si>
    <t>４－８</t>
  </si>
  <si>
    <t>五味酉</t>
  </si>
  <si>
    <t>22AI0168</t>
  </si>
  <si>
    <t>そば処　ほたる</t>
  </si>
  <si>
    <t>婦中町塚原</t>
  </si>
  <si>
    <t>141-1</t>
  </si>
  <si>
    <t>22AD0025</t>
  </si>
  <si>
    <t>23CA0106</t>
  </si>
  <si>
    <t>23CG0001</t>
  </si>
  <si>
    <t>婦中町添島</t>
  </si>
  <si>
    <t>509-30</t>
  </si>
  <si>
    <t>akipeco sweet kitchen</t>
  </si>
  <si>
    <t>22CA0087</t>
  </si>
  <si>
    <t>CHAPE　夢猫</t>
  </si>
  <si>
    <t>字才勝1929-11</t>
  </si>
  <si>
    <t>22AI0182</t>
  </si>
  <si>
    <t>W.Fieeeld 株式会社</t>
  </si>
  <si>
    <t>648-1</t>
  </si>
  <si>
    <t>８番らーめん　安養寺店</t>
  </si>
  <si>
    <t>24AD0002</t>
  </si>
  <si>
    <t>鹿島町</t>
  </si>
  <si>
    <t>2-3-2</t>
  </si>
  <si>
    <t>ROID</t>
  </si>
  <si>
    <t>22AI0169</t>
  </si>
  <si>
    <t>有限会社　ミレジム</t>
  </si>
  <si>
    <t>1001-10</t>
  </si>
  <si>
    <t>パティスリー　ミレジム</t>
  </si>
  <si>
    <t>22CA0089</t>
  </si>
  <si>
    <t>有限会社　神通町田村</t>
  </si>
  <si>
    <t>神通町</t>
  </si>
  <si>
    <t>2-1-3</t>
  </si>
  <si>
    <t>神通町田村</t>
  </si>
  <si>
    <t>22AA0116</t>
  </si>
  <si>
    <t>中国四川麺飯店　一燈</t>
  </si>
  <si>
    <t>アーバンプレイスB1F</t>
  </si>
  <si>
    <t>22AB0009</t>
  </si>
  <si>
    <t>１００－１</t>
  </si>
  <si>
    <t>パン工房　クラムクラスト</t>
  </si>
  <si>
    <t>22CA0090</t>
  </si>
  <si>
    <t>マンテンホテル　株式会社</t>
  </si>
  <si>
    <t>富山マンテンホテル　カフェ・ラルゴ</t>
  </si>
  <si>
    <t>22AJ0092</t>
  </si>
  <si>
    <t>富山マンテンホテル　鯛家</t>
  </si>
  <si>
    <t>22AG0013</t>
  </si>
  <si>
    <t>満天の湯　石金店　満天星</t>
  </si>
  <si>
    <t>2丁目1番8号</t>
  </si>
  <si>
    <t>23AA0063</t>
  </si>
  <si>
    <t>BJ BANANA JUICE(富山800す5978）</t>
  </si>
  <si>
    <t>22AM0018</t>
  </si>
  <si>
    <t>八尾町高峯</t>
  </si>
  <si>
    <t>209</t>
  </si>
  <si>
    <t>そば処　さらばんど</t>
  </si>
  <si>
    <t>22AD0027</t>
  </si>
  <si>
    <t>株式会社まるたかや</t>
  </si>
  <si>
    <t>新庄町１丁目９番５９号</t>
  </si>
  <si>
    <t>まるたかや　牛島店</t>
  </si>
  <si>
    <t>牛島本町一丁目</t>
  </si>
  <si>
    <t>22AD0028</t>
  </si>
  <si>
    <t>まるたかや新庄店</t>
  </si>
  <si>
    <t>９－５９</t>
  </si>
  <si>
    <t>23CC0004</t>
  </si>
  <si>
    <t>まるたかや　富山駅前店</t>
  </si>
  <si>
    <t>MELビル1階</t>
  </si>
  <si>
    <t>23AD0018</t>
  </si>
  <si>
    <t>谷川鮨　ふかだん食堂</t>
  </si>
  <si>
    <t>135-1</t>
  </si>
  <si>
    <t>22AA0119</t>
  </si>
  <si>
    <t>喫茶　ルーエ</t>
  </si>
  <si>
    <t>舟橋北町</t>
  </si>
  <si>
    <t>22AJ0093</t>
  </si>
  <si>
    <t>お多福</t>
  </si>
  <si>
    <t>22AI0172</t>
  </si>
  <si>
    <t>22BF0019</t>
  </si>
  <si>
    <t>株式会社　リエイ</t>
  </si>
  <si>
    <t>千葉県</t>
  </si>
  <si>
    <t>浦安市</t>
  </si>
  <si>
    <t>入船</t>
  </si>
  <si>
    <t>１－５－２プライムタワー新浦安14階</t>
  </si>
  <si>
    <t>鹿島建設株式会社　布瀬寮</t>
  </si>
  <si>
    <t>２－１１－２２</t>
  </si>
  <si>
    <t>22AA0120</t>
  </si>
  <si>
    <t>ｐｉｚｚａ　ｉｓｍ</t>
  </si>
  <si>
    <t>22AA0121</t>
  </si>
  <si>
    <t>らーめんひでお屋　中田店</t>
  </si>
  <si>
    <t>22AD0030</t>
  </si>
  <si>
    <t>株式会社　ＭＪ&amp;ｃｏ</t>
  </si>
  <si>
    <t>平吹町</t>
  </si>
  <si>
    <t>４－１８</t>
  </si>
  <si>
    <t>チキンヒーロー</t>
  </si>
  <si>
    <t>６－２１</t>
  </si>
  <si>
    <t>桜木町ビル１Ｆ</t>
  </si>
  <si>
    <t>22AI0176</t>
  </si>
  <si>
    <t>博多もつ鍋・水炊き　萬代</t>
  </si>
  <si>
    <t>柿澤ビル１Ｆ</t>
  </si>
  <si>
    <t>22AI0175</t>
  </si>
  <si>
    <t>TLBサービス</t>
  </si>
  <si>
    <t>23AE0045</t>
  </si>
  <si>
    <t>カレーのチャンピオン　婦中店</t>
  </si>
  <si>
    <t>1070-1</t>
  </si>
  <si>
    <t>ショッピングセンターパピ1F</t>
  </si>
  <si>
    <t>22AA0123</t>
  </si>
  <si>
    <t>株式会社　岩崎商店</t>
  </si>
  <si>
    <t>1丁目1-4</t>
  </si>
  <si>
    <t>麺屋　つくし</t>
  </si>
  <si>
    <t>3丁目10-1</t>
  </si>
  <si>
    <t>23AD0004</t>
  </si>
  <si>
    <t>パンとピエルロ</t>
  </si>
  <si>
    <t>向新庄町6丁目</t>
  </si>
  <si>
    <t>3番17号001号室</t>
  </si>
  <si>
    <t>22CA0123</t>
  </si>
  <si>
    <t>富山地鉄ホテル　株式会社</t>
  </si>
  <si>
    <t>ゴールド</t>
  </si>
  <si>
    <t>１－１６</t>
  </si>
  <si>
    <t>富山地鉄ゴールデンボウル内</t>
  </si>
  <si>
    <t>22AA0122</t>
  </si>
  <si>
    <t>株式会社　イーピーエム・コーポレーション</t>
  </si>
  <si>
    <t>176-1</t>
  </si>
  <si>
    <t>Ｔoyama ＢMW 富山中央支店</t>
  </si>
  <si>
    <t>234-1</t>
  </si>
  <si>
    <t>22AJ0094</t>
  </si>
  <si>
    <t>五福六区</t>
  </si>
  <si>
    <t>五楽旅館</t>
  </si>
  <si>
    <t>22AF0013</t>
  </si>
  <si>
    <t>704-5</t>
  </si>
  <si>
    <t>海鮮能都</t>
  </si>
  <si>
    <t>22AG0014</t>
  </si>
  <si>
    <t>株式会社　グロースリング</t>
  </si>
  <si>
    <t>２５２－１</t>
  </si>
  <si>
    <t>８番らーめん大沢野店</t>
  </si>
  <si>
    <t>22AD0031</t>
  </si>
  <si>
    <t>喜楽居酒家　結粋</t>
  </si>
  <si>
    <t>22AI0177</t>
  </si>
  <si>
    <t>株式会社　シー・エー・ピー</t>
  </si>
  <si>
    <t>1634-25</t>
  </si>
  <si>
    <t>22AJ0097</t>
  </si>
  <si>
    <t>株式会社　よつば</t>
  </si>
  <si>
    <t>株式会社よつば</t>
  </si>
  <si>
    <t>22BF0021</t>
  </si>
  <si>
    <t>22CC0021</t>
  </si>
  <si>
    <t>YRT　株式会社</t>
  </si>
  <si>
    <t>505-2</t>
  </si>
  <si>
    <t>日乃屋カレー　天正寺店</t>
  </si>
  <si>
    <t>22AA0155</t>
  </si>
  <si>
    <t>株式会社　家元</t>
  </si>
  <si>
    <t>大河端町</t>
  </si>
  <si>
    <t>東５５番３</t>
  </si>
  <si>
    <t>ＬＥＭＯＮＡＤＥ　ｂｙ　Ｌｅｍｏｎｉｃａ</t>
  </si>
  <si>
    <t>フューチャーシティーファボーレ１Ｆ</t>
  </si>
  <si>
    <t>22AJ0095</t>
  </si>
  <si>
    <t>富山技研(株)</t>
  </si>
  <si>
    <t>３９１</t>
  </si>
  <si>
    <t>22AA0125</t>
  </si>
  <si>
    <t>Cafe Thyme</t>
  </si>
  <si>
    <t>18番7号</t>
  </si>
  <si>
    <t>アーバンプレイス1F</t>
  </si>
  <si>
    <t>22AJ0099</t>
  </si>
  <si>
    <t>千里ショップ</t>
  </si>
  <si>
    <t>２０１</t>
  </si>
  <si>
    <t>22AE0036</t>
  </si>
  <si>
    <t>651-3</t>
  </si>
  <si>
    <t>ブーランジェリー イマムラ</t>
  </si>
  <si>
    <t>22CA0092</t>
  </si>
  <si>
    <t>7番22号　ホテルリラックスイン富山</t>
  </si>
  <si>
    <t>ホテルアルファーワン富山荒町内ストラン　グリーンスクエア</t>
  </si>
  <si>
    <t>4番3号</t>
  </si>
  <si>
    <t>22AF0014</t>
  </si>
  <si>
    <t>セプラ　株式会社</t>
  </si>
  <si>
    <t>１６３４－８</t>
  </si>
  <si>
    <t>蕎麦処　樹樹</t>
  </si>
  <si>
    <t>３０２</t>
  </si>
  <si>
    <t>22AD0033</t>
  </si>
  <si>
    <t>ペンション愛花夢</t>
  </si>
  <si>
    <t>22AF0015</t>
  </si>
  <si>
    <t>北電産業　株式会社</t>
  </si>
  <si>
    <t>13番15号</t>
  </si>
  <si>
    <t>日本料理　俵屋</t>
  </si>
  <si>
    <t>アーバンプレイス 14階</t>
  </si>
  <si>
    <t>22AA0127</t>
  </si>
  <si>
    <t>香乃庵</t>
  </si>
  <si>
    <t>126-4</t>
  </si>
  <si>
    <t>22AD0034</t>
  </si>
  <si>
    <t>有限会社　エーディージャパン</t>
  </si>
  <si>
    <t>4番地2</t>
  </si>
  <si>
    <t>酒粋　醍醐</t>
  </si>
  <si>
    <t>クイーンズビル1F</t>
  </si>
  <si>
    <t>22AI0181</t>
  </si>
  <si>
    <t>51-10</t>
  </si>
  <si>
    <t>cafe jazzる　スウィーツ</t>
  </si>
  <si>
    <t>22CA0093</t>
  </si>
  <si>
    <t>Ylang Ylang</t>
  </si>
  <si>
    <t>南新町</t>
  </si>
  <si>
    <t>5-2</t>
  </si>
  <si>
    <t>22AN0028</t>
  </si>
  <si>
    <t>古鍛冶町</t>
  </si>
  <si>
    <t>ばろっく</t>
  </si>
  <si>
    <t>22AJ0098</t>
  </si>
  <si>
    <t>ベーカリーハウス　Yu＆Ai</t>
  </si>
  <si>
    <t>89-1</t>
  </si>
  <si>
    <t>22CA0097</t>
  </si>
  <si>
    <t>ローソン富山八尾店</t>
  </si>
  <si>
    <t>22AN0029</t>
  </si>
  <si>
    <t>ＴＡＣＯＳ　ＰＥＰＥ</t>
  </si>
  <si>
    <t>６５３－６</t>
  </si>
  <si>
    <t>軽食</t>
  </si>
  <si>
    <t>22AN0030</t>
  </si>
  <si>
    <t>有限会社　いきいき亭</t>
  </si>
  <si>
    <t>安野屋町</t>
  </si>
  <si>
    <t>2-4-10</t>
  </si>
  <si>
    <t>海老亭別館</t>
  </si>
  <si>
    <t>22AG0016</t>
  </si>
  <si>
    <t>特定非営利活動法人おらとこ</t>
  </si>
  <si>
    <t>88番地7</t>
  </si>
  <si>
    <t>小規模多機能ホーム　おらとこ東</t>
  </si>
  <si>
    <t>424番地2</t>
  </si>
  <si>
    <t>22AA0128</t>
  </si>
  <si>
    <t>合同会社　風人憩舎</t>
  </si>
  <si>
    <t>８－１</t>
  </si>
  <si>
    <t>カフェテラス　マリーマリー</t>
  </si>
  <si>
    <t>22AG0015</t>
  </si>
  <si>
    <t>2471</t>
  </si>
  <si>
    <t>月下美人</t>
  </si>
  <si>
    <t>22AJ0100</t>
  </si>
  <si>
    <t>BAR  木下</t>
  </si>
  <si>
    <t>ふんすい横丁003号</t>
  </si>
  <si>
    <t>22AI0183</t>
  </si>
  <si>
    <t>有限会社　城山</t>
  </si>
  <si>
    <t>５－２２</t>
  </si>
  <si>
    <t>青い丘</t>
  </si>
  <si>
    <t>１６０</t>
  </si>
  <si>
    <t>22AA0130</t>
  </si>
  <si>
    <t>有限会社　ゼフィール</t>
  </si>
  <si>
    <t>Bistro ROSY</t>
  </si>
  <si>
    <t>1-8　</t>
  </si>
  <si>
    <t>B館２階</t>
  </si>
  <si>
    <t>22AI0192</t>
  </si>
  <si>
    <t>焼肉ラーメンこころ</t>
  </si>
  <si>
    <t>長岡</t>
  </si>
  <si>
    <t>9522-6</t>
  </si>
  <si>
    <t>22AA0131</t>
  </si>
  <si>
    <t>7189-8</t>
  </si>
  <si>
    <t>中華ダイニング深本</t>
  </si>
  <si>
    <t>22AB0010</t>
  </si>
  <si>
    <t>株式会社　エムアンドエムサービス</t>
  </si>
  <si>
    <t>北浜</t>
  </si>
  <si>
    <t>2-6-26　大阪グリーンビル</t>
  </si>
  <si>
    <t>北陸電力株式会社　曙寮</t>
  </si>
  <si>
    <t>22AA0138</t>
  </si>
  <si>
    <t>北陸電力株式会社　新奥井寮</t>
  </si>
  <si>
    <t>22AA0137</t>
  </si>
  <si>
    <t>北陸電力株式会社　新清和寮</t>
  </si>
  <si>
    <t>2-36</t>
  </si>
  <si>
    <t>22AA0136</t>
  </si>
  <si>
    <t>北陸電力研修センター　食堂</t>
  </si>
  <si>
    <t>6615</t>
  </si>
  <si>
    <t>22AA0132</t>
  </si>
  <si>
    <t>八尾町井田新</t>
  </si>
  <si>
    <t>１４９５－２</t>
  </si>
  <si>
    <t>吉田屋</t>
  </si>
  <si>
    <t>22AE0037</t>
  </si>
  <si>
    <t>22BD0036</t>
  </si>
  <si>
    <t>株式会社　味よし食品</t>
  </si>
  <si>
    <t>666-2</t>
  </si>
  <si>
    <t>22AE0038</t>
  </si>
  <si>
    <t>株式会社　焼肉坂井ホールディングス</t>
  </si>
  <si>
    <t>名古屋市北区</t>
  </si>
  <si>
    <t>黒川本通</t>
  </si>
  <si>
    <t>2丁目46番地</t>
  </si>
  <si>
    <t>肉匠坂井　中川原店</t>
  </si>
  <si>
    <t>389-1</t>
  </si>
  <si>
    <t>22AA0141</t>
  </si>
  <si>
    <t>とりあえず吾平　富山黒瀬店</t>
  </si>
  <si>
    <t>23AI0066</t>
  </si>
  <si>
    <t>とりあえず吾平　富山駅前本店</t>
  </si>
  <si>
    <t>ルートイン富山１F</t>
  </si>
  <si>
    <t>23AI0067</t>
  </si>
  <si>
    <t>麗～Ｒｅｙ～</t>
  </si>
  <si>
    <t>桜木町レストタウンビル１０８号</t>
  </si>
  <si>
    <t>22AI0187</t>
  </si>
  <si>
    <t>たこや</t>
  </si>
  <si>
    <t>22AN0031</t>
  </si>
  <si>
    <t>492</t>
  </si>
  <si>
    <t>北野鮮魚店</t>
  </si>
  <si>
    <t>22BD0037</t>
  </si>
  <si>
    <t>富山県立中央農業高校</t>
  </si>
  <si>
    <t>東福沢</t>
  </si>
  <si>
    <t>22CA0095</t>
  </si>
  <si>
    <t>小見</t>
  </si>
  <si>
    <t>花遊庵（はなゆうあん）</t>
  </si>
  <si>
    <t>字中段割420</t>
  </si>
  <si>
    <t>22AA0134</t>
  </si>
  <si>
    <t>黒瀬谷交流センター喜楽里館</t>
  </si>
  <si>
    <t>352</t>
  </si>
  <si>
    <t>23AD0037</t>
  </si>
  <si>
    <t>22CA0096</t>
  </si>
  <si>
    <t>やきとり大吉　古沢店</t>
  </si>
  <si>
    <t>409-2</t>
  </si>
  <si>
    <t>22AI0185</t>
  </si>
  <si>
    <t>株式会社　ダイショウ</t>
  </si>
  <si>
    <t>5-52</t>
  </si>
  <si>
    <t>８番らーめん富山呉羽店</t>
  </si>
  <si>
    <t>7191-25</t>
  </si>
  <si>
    <t>22AD0036</t>
  </si>
  <si>
    <t>でかいと</t>
  </si>
  <si>
    <t>松浦ビル１階</t>
  </si>
  <si>
    <t>22AI0184</t>
  </si>
  <si>
    <t>鉄木真新根塚店</t>
  </si>
  <si>
    <t>22AA0135</t>
  </si>
  <si>
    <t>つる木</t>
  </si>
  <si>
    <t>1-3-3　</t>
  </si>
  <si>
    <t>メロディーハイム富山丸の内101</t>
  </si>
  <si>
    <t>22AG0017</t>
  </si>
  <si>
    <t>らぁ麺あり澤</t>
  </si>
  <si>
    <t>任海</t>
  </si>
  <si>
    <t>695-3</t>
  </si>
  <si>
    <t>22AD0042</t>
  </si>
  <si>
    <t>株式会社　イオンイーハート</t>
  </si>
  <si>
    <t>千葉市美浜区</t>
  </si>
  <si>
    <t>中瀬</t>
  </si>
  <si>
    <t>1丁目5-1　イオンタワー9階</t>
  </si>
  <si>
    <t>四六時中</t>
  </si>
  <si>
    <t>富山ファボーレ　1F</t>
  </si>
  <si>
    <t>22AA0129</t>
  </si>
  <si>
    <t>ローソン富山豊田店</t>
  </si>
  <si>
    <t>4-8-1</t>
  </si>
  <si>
    <t>22AE0043</t>
  </si>
  <si>
    <t>L8R</t>
  </si>
  <si>
    <t>小杉ビル3F</t>
  </si>
  <si>
    <t>22AI0201</t>
  </si>
  <si>
    <t>公益財団法人　富山市ファミリーパーク公社</t>
  </si>
  <si>
    <t>２５４</t>
  </si>
  <si>
    <t>富山市ファミリーパーク芝生食堂</t>
  </si>
  <si>
    <t>22AA0139</t>
  </si>
  <si>
    <t>富山市ファミリーパークきりん食堂</t>
  </si>
  <si>
    <t>22AD0038</t>
  </si>
  <si>
    <t>音川観光ぶどう園　巨峰苑</t>
  </si>
  <si>
    <t>婦中町東山</t>
  </si>
  <si>
    <t>184</t>
  </si>
  <si>
    <t>22AA0140</t>
  </si>
  <si>
    <t>Caprice</t>
  </si>
  <si>
    <t>1346-1</t>
  </si>
  <si>
    <t>22CA0111</t>
  </si>
  <si>
    <t>株式会社　プレナス</t>
  </si>
  <si>
    <t>福岡市博多区</t>
  </si>
  <si>
    <t>上牟田</t>
  </si>
  <si>
    <t>1丁目19-21</t>
  </si>
  <si>
    <t>ほっともっと　富山問屋センター店</t>
  </si>
  <si>
    <t>22AE0039</t>
  </si>
  <si>
    <t>ほっともっと　富山上袋店</t>
  </si>
  <si>
    <t>648-2</t>
  </si>
  <si>
    <t>23AE0012</t>
  </si>
  <si>
    <t>ほっともっと　富山下大久保店</t>
  </si>
  <si>
    <t>３２２４－３</t>
  </si>
  <si>
    <t>23AE0050</t>
  </si>
  <si>
    <t>一般財団法人　立仁会</t>
  </si>
  <si>
    <t>2630　富山大学附属病院内</t>
  </si>
  <si>
    <t>ホスピタルローソン富山大学病院店</t>
  </si>
  <si>
    <t>富山大学附属病院内</t>
  </si>
  <si>
    <t>22AE0040</t>
  </si>
  <si>
    <t>コモト</t>
  </si>
  <si>
    <t>1丁目7-19</t>
  </si>
  <si>
    <t>22CA0110</t>
  </si>
  <si>
    <t>株式会社　光岡自動車</t>
  </si>
  <si>
    <t>508番地の3</t>
  </si>
  <si>
    <t>actea</t>
  </si>
  <si>
    <t>270-1</t>
  </si>
  <si>
    <t>22AJ0109</t>
  </si>
  <si>
    <t>22CA0104</t>
  </si>
  <si>
    <t>社会福祉法人　秀愛会</t>
  </si>
  <si>
    <t>1023</t>
  </si>
  <si>
    <t>GYOZA　BAR　八まん亭</t>
  </si>
  <si>
    <t>1105</t>
  </si>
  <si>
    <t>24AA0042</t>
  </si>
  <si>
    <t>22CC0022</t>
  </si>
  <si>
    <t>八まん亭</t>
  </si>
  <si>
    <t>41-4</t>
  </si>
  <si>
    <t>23CC0006</t>
  </si>
  <si>
    <t>有限会社　パークイン大手町</t>
  </si>
  <si>
    <t>475-2</t>
  </si>
  <si>
    <t>まいどコルカタレストラン</t>
  </si>
  <si>
    <t>22AA0143</t>
  </si>
  <si>
    <t>駒寿し</t>
  </si>
  <si>
    <t>1-9-11</t>
  </si>
  <si>
    <t>ヤマキビル１F</t>
  </si>
  <si>
    <t>22AC0014</t>
  </si>
  <si>
    <t>喜多八</t>
  </si>
  <si>
    <t>22AI0188</t>
  </si>
  <si>
    <t>2406</t>
  </si>
  <si>
    <t>お休み処二胡</t>
  </si>
  <si>
    <t>22AJ0106</t>
  </si>
  <si>
    <t>月岡町七丁目</t>
  </si>
  <si>
    <t>270番地</t>
  </si>
  <si>
    <t>ファミリーマート　富山羽根店</t>
  </si>
  <si>
    <t>519-2</t>
  </si>
  <si>
    <t>22AN0032</t>
  </si>
  <si>
    <t>１－４－５</t>
  </si>
  <si>
    <t>小料理　ゆあさ</t>
  </si>
  <si>
    <t>６－１１</t>
  </si>
  <si>
    <t>Ｋｅｌｌｙビル２Ｆ</t>
  </si>
  <si>
    <t>22AA0144</t>
  </si>
  <si>
    <t>オレンジシャリマティ　総曲輪店</t>
  </si>
  <si>
    <t>22AJ0107</t>
  </si>
  <si>
    <t>社会福祉法人　宣長康久会</t>
  </si>
  <si>
    <t>141</t>
  </si>
  <si>
    <t>特別養護老人ホームささづ苑</t>
  </si>
  <si>
    <t>22AE0041</t>
  </si>
  <si>
    <t>特別養護老人ホーム　ささづ苑かすが</t>
  </si>
  <si>
    <t>237</t>
  </si>
  <si>
    <t>23AJ0086</t>
  </si>
  <si>
    <t>社会福祉法人　めひの野園</t>
  </si>
  <si>
    <t>6682番地</t>
  </si>
  <si>
    <t>社会福祉法人めひの野園 ウォームワーク やぶなみ</t>
  </si>
  <si>
    <t>8363-2</t>
  </si>
  <si>
    <t>22BF0023</t>
  </si>
  <si>
    <t>株式会社ナカソラ</t>
  </si>
  <si>
    <t>夢を語れ富山</t>
  </si>
  <si>
    <t>22AD0041</t>
  </si>
  <si>
    <t>23CG0002</t>
  </si>
  <si>
    <t>株式会社　清進堂</t>
  </si>
  <si>
    <t>4番地1号</t>
  </si>
  <si>
    <t>清進堂</t>
  </si>
  <si>
    <t>4番1号</t>
  </si>
  <si>
    <t>22CA0100</t>
  </si>
  <si>
    <t>米田町</t>
  </si>
  <si>
    <t>2-3-5</t>
  </si>
  <si>
    <t>FACT</t>
  </si>
  <si>
    <t>ティファニービル２階</t>
  </si>
  <si>
    <t>22AI0190</t>
  </si>
  <si>
    <t>K</t>
  </si>
  <si>
    <t>ティファニービル2F204</t>
  </si>
  <si>
    <t>23AI0263</t>
  </si>
  <si>
    <t>マーベラスクリエィティブ　株式会社</t>
  </si>
  <si>
    <t>248番1</t>
  </si>
  <si>
    <t>MEGURIE  メグリエ</t>
  </si>
  <si>
    <t>メグリエ</t>
  </si>
  <si>
    <t>22AI0189</t>
  </si>
  <si>
    <t>4丁目6-8　</t>
  </si>
  <si>
    <t>24AI0006</t>
  </si>
  <si>
    <t>桜谷みどり町</t>
  </si>
  <si>
    <t>小鍛冶</t>
  </si>
  <si>
    <t>22CA0102</t>
  </si>
  <si>
    <t>ロッジ　しろいきせき</t>
  </si>
  <si>
    <t>22AF0016</t>
  </si>
  <si>
    <t>株式会社　ゆで太郎システム</t>
  </si>
  <si>
    <t>西五反田二丁目</t>
  </si>
  <si>
    <t>30番5号</t>
  </si>
  <si>
    <t>ゆで太郎もつ次郎　富山インター店</t>
  </si>
  <si>
    <t>611-1</t>
  </si>
  <si>
    <t>22AD0040</t>
  </si>
  <si>
    <t>グッドチョイス</t>
  </si>
  <si>
    <t>8-26</t>
  </si>
  <si>
    <t>サフランビル　1F</t>
  </si>
  <si>
    <t>22AI0191</t>
  </si>
  <si>
    <t>株式会社　ハートランド</t>
  </si>
  <si>
    <t>菅谷</t>
  </si>
  <si>
    <t>2-11-24</t>
  </si>
  <si>
    <t>バーガーキング　マリエとやま店</t>
  </si>
  <si>
    <t>1-1-61</t>
  </si>
  <si>
    <t>マリエとやま１階　第115号</t>
  </si>
  <si>
    <t>22AN0038</t>
  </si>
  <si>
    <t>あおば農業協同組合</t>
  </si>
  <si>
    <t>471番地１</t>
  </si>
  <si>
    <t>あおばの里　みのり館</t>
  </si>
  <si>
    <t>1359-2</t>
  </si>
  <si>
    <t>22AE0042</t>
  </si>
  <si>
    <t>婦中営農経済センター</t>
  </si>
  <si>
    <t>952</t>
  </si>
  <si>
    <t>23CC0019</t>
  </si>
  <si>
    <t>料理工房たなか</t>
  </si>
  <si>
    <t>30-5</t>
  </si>
  <si>
    <t>22CA0106</t>
  </si>
  <si>
    <t>23CT0001</t>
  </si>
  <si>
    <t>正栄産業株式会社</t>
  </si>
  <si>
    <t>5-10-6</t>
  </si>
  <si>
    <t>clie</t>
  </si>
  <si>
    <t>152</t>
  </si>
  <si>
    <t>富山ガラス工房内</t>
  </si>
  <si>
    <t>22AJ0108</t>
  </si>
  <si>
    <t>ダイニング　クレオン</t>
  </si>
  <si>
    <t>2247-3</t>
  </si>
  <si>
    <t>23AA0125</t>
  </si>
  <si>
    <t>中老田</t>
  </si>
  <si>
    <t>６６５－３</t>
  </si>
  <si>
    <t>焼肉慶</t>
  </si>
  <si>
    <t>22AI0193</t>
  </si>
  <si>
    <t>3834-2</t>
  </si>
  <si>
    <t>OWL</t>
  </si>
  <si>
    <t>22AJ0110</t>
  </si>
  <si>
    <t>1176</t>
  </si>
  <si>
    <t>神通峡岩稲温泉　楽今日館</t>
  </si>
  <si>
    <t>岩稲</t>
  </si>
  <si>
    <t>26-1</t>
  </si>
  <si>
    <t>22AF0017</t>
  </si>
  <si>
    <t>和風ダイニング釣ＨＩＤＥ</t>
  </si>
  <si>
    <t>２－６</t>
  </si>
  <si>
    <t>22AI0195</t>
  </si>
  <si>
    <t>パブリックハウス　ナナ</t>
  </si>
  <si>
    <t>3382-3</t>
  </si>
  <si>
    <t>22AI0194</t>
  </si>
  <si>
    <t>ディライフ　めひの野園</t>
  </si>
  <si>
    <t>6682</t>
  </si>
  <si>
    <t>22AA0148</t>
  </si>
  <si>
    <t>あすなろハウス永楽</t>
  </si>
  <si>
    <t>41番22号</t>
  </si>
  <si>
    <t>5F</t>
  </si>
  <si>
    <t>24AA0009</t>
  </si>
  <si>
    <t>炭火串焼　よか鶏</t>
  </si>
  <si>
    <t>22AI0203</t>
  </si>
  <si>
    <t>クラブ　モレナ</t>
  </si>
  <si>
    <t>11-12</t>
  </si>
  <si>
    <t>中央パークビル 1F</t>
  </si>
  <si>
    <t>22AI0196</t>
  </si>
  <si>
    <t>687</t>
  </si>
  <si>
    <t>韓国　江南キッチン</t>
  </si>
  <si>
    <t>22AA0149</t>
  </si>
  <si>
    <t>株式会社　ネバー</t>
  </si>
  <si>
    <t>牧野</t>
  </si>
  <si>
    <t>まるでりキッチン</t>
  </si>
  <si>
    <t>西四十物町</t>
  </si>
  <si>
    <t>22AA0152</t>
  </si>
  <si>
    <t>やさいの日</t>
  </si>
  <si>
    <t>四方東野割町</t>
  </si>
  <si>
    <t>23AE0031</t>
  </si>
  <si>
    <t>サカヰ産業株式会社</t>
  </si>
  <si>
    <t>サカヰ産業株式会社　富山総合ガスセンター</t>
  </si>
  <si>
    <t>2481-6</t>
  </si>
  <si>
    <t>22CK0002</t>
  </si>
  <si>
    <t>セブンーイレブン富山呉羽本町店</t>
  </si>
  <si>
    <t>２４２３</t>
  </si>
  <si>
    <t>22AN0034</t>
  </si>
  <si>
    <t>味噌󠄀家　武べえ</t>
  </si>
  <si>
    <t>8-6</t>
  </si>
  <si>
    <t>クリスタルビル 2F</t>
  </si>
  <si>
    <t>22AI0197</t>
  </si>
  <si>
    <t>株式会社　Ｓｕｇａｒ　ｌｏｖｅ</t>
  </si>
  <si>
    <t>410-2</t>
  </si>
  <si>
    <t>Each day</t>
  </si>
  <si>
    <t>847-1</t>
  </si>
  <si>
    <t>22AJ0114</t>
  </si>
  <si>
    <t>ちょい吞み　兜</t>
  </si>
  <si>
    <t>サンナインプラザビル3階-303</t>
  </si>
  <si>
    <t>22AI0198</t>
  </si>
  <si>
    <t>427番地</t>
  </si>
  <si>
    <t>シフォンケーキの店　コナユキ</t>
  </si>
  <si>
    <t>22CA0105</t>
  </si>
  <si>
    <t>みらくるぱれっと</t>
  </si>
  <si>
    <t>1-3-21</t>
  </si>
  <si>
    <t>日之出ビル３F</t>
  </si>
  <si>
    <t>22AI0199</t>
  </si>
  <si>
    <t>444-50</t>
  </si>
  <si>
    <t>LABUNS５</t>
  </si>
  <si>
    <t>22AJ0116</t>
  </si>
  <si>
    <t>22CA0108</t>
  </si>
  <si>
    <t>22CT0003</t>
  </si>
  <si>
    <t>ころがし</t>
  </si>
  <si>
    <t>2001-19</t>
  </si>
  <si>
    <t>22AJ0112</t>
  </si>
  <si>
    <t>ＮＯＫＩＮ</t>
  </si>
  <si>
    <t>タツヤビル1-A</t>
  </si>
  <si>
    <t>22AI0227</t>
  </si>
  <si>
    <t>VIVACE</t>
  </si>
  <si>
    <t>6-17</t>
  </si>
  <si>
    <t>宝ビル2階</t>
  </si>
  <si>
    <t>22AI0226</t>
  </si>
  <si>
    <t>１３４２</t>
  </si>
  <si>
    <t>大衆食堂　島田</t>
  </si>
  <si>
    <t>22AA0150</t>
  </si>
  <si>
    <t>ローソン　富山北代店</t>
  </si>
  <si>
    <t>字大畑 3699-4</t>
  </si>
  <si>
    <t>22AN0035</t>
  </si>
  <si>
    <t>北代新</t>
  </si>
  <si>
    <t>295</t>
  </si>
  <si>
    <t>Forbito</t>
  </si>
  <si>
    <t>22AJ0113</t>
  </si>
  <si>
    <t>Swallow</t>
  </si>
  <si>
    <t>桜木プラザビルB1階</t>
  </si>
  <si>
    <t>22AI0202</t>
  </si>
  <si>
    <t>富山観光遊覧船株式会社</t>
  </si>
  <si>
    <t>松川茶屋</t>
  </si>
  <si>
    <t>本丸</t>
  </si>
  <si>
    <t>1-34</t>
  </si>
  <si>
    <t>22AA0153</t>
  </si>
  <si>
    <t>山本</t>
  </si>
  <si>
    <t>６９</t>
  </si>
  <si>
    <t>ハーブファーム富夢創野</t>
  </si>
  <si>
    <t>22AJ0115</t>
  </si>
  <si>
    <t>22CA0107</t>
  </si>
  <si>
    <t>八尾とんぼ亭</t>
  </si>
  <si>
    <t>八尾町大杉</t>
  </si>
  <si>
    <t>301</t>
  </si>
  <si>
    <t>22AI0215</t>
  </si>
  <si>
    <t>ＣＬＵＢ　ＢＥＫＫＡＮ</t>
  </si>
  <si>
    <t>１－５－６</t>
  </si>
  <si>
    <t>第２三愛ビル３Ｆ</t>
  </si>
  <si>
    <t>22AI0207</t>
  </si>
  <si>
    <t>居酒屋　田田</t>
  </si>
  <si>
    <t>1054</t>
  </si>
  <si>
    <t>22AI0204</t>
  </si>
  <si>
    <t>株式会社　エナジースペース</t>
  </si>
  <si>
    <t>庄川町金屋</t>
  </si>
  <si>
    <t>2971</t>
  </si>
  <si>
    <t>やしろ館</t>
  </si>
  <si>
    <t>662</t>
  </si>
  <si>
    <t>22AI0217</t>
  </si>
  <si>
    <t>スナック　ルキア</t>
  </si>
  <si>
    <t>桜木プラザビル１F</t>
  </si>
  <si>
    <t>22AI0206</t>
  </si>
  <si>
    <t>桐原</t>
  </si>
  <si>
    <t>1丁目3番5号</t>
  </si>
  <si>
    <t>万さく　呉羽店</t>
  </si>
  <si>
    <t>7281-1</t>
  </si>
  <si>
    <t>22AA0154</t>
  </si>
  <si>
    <t>有限会社　安川食品店</t>
  </si>
  <si>
    <t>丸の内三丁目</t>
  </si>
  <si>
    <t>22AE0044</t>
  </si>
  <si>
    <t>Ｒｅ．ｂｅｒｔｙ</t>
  </si>
  <si>
    <t>福一ビル１０１</t>
  </si>
  <si>
    <t>22AJ0117</t>
  </si>
  <si>
    <t>23CA0114</t>
  </si>
  <si>
    <t>株式会社　ビッグ・ワン</t>
  </si>
  <si>
    <t>117-4</t>
  </si>
  <si>
    <t>娑婆陀BAR（シャバダバー）</t>
  </si>
  <si>
    <t>586-1</t>
  </si>
  <si>
    <t>22AI0208</t>
  </si>
  <si>
    <t>ローソン富山高木店</t>
  </si>
  <si>
    <t>22AN0037</t>
  </si>
  <si>
    <t>吉作</t>
  </si>
  <si>
    <t>469-1</t>
  </si>
  <si>
    <t>有限会社　しゅっぽっぽ</t>
  </si>
  <si>
    <t>22AD0039</t>
  </si>
  <si>
    <t>ダイニング・カフェ　結～yui～</t>
  </si>
  <si>
    <t>184-3</t>
  </si>
  <si>
    <t>22AA0156</t>
  </si>
  <si>
    <t>590番地</t>
  </si>
  <si>
    <t>田中　真紀子</t>
  </si>
  <si>
    <t>22AE0045</t>
  </si>
  <si>
    <t>22CA0109</t>
  </si>
  <si>
    <t>東洋通商　株式会社</t>
  </si>
  <si>
    <t>下奥井一丁目</t>
  </si>
  <si>
    <t>20番ー１</t>
  </si>
  <si>
    <t>瀋陽</t>
  </si>
  <si>
    <t>第2 三愛ビル1F</t>
  </si>
  <si>
    <t>22AI0209</t>
  </si>
  <si>
    <t>結月</t>
  </si>
  <si>
    <t>8-24</t>
  </si>
  <si>
    <t>ウェーブコートビル 2F</t>
  </si>
  <si>
    <t>22AI0210</t>
  </si>
  <si>
    <t>Lover’ｓ</t>
  </si>
  <si>
    <t>宝町</t>
  </si>
  <si>
    <t>1-6-6</t>
  </si>
  <si>
    <t>ビブレ10ビル２F</t>
  </si>
  <si>
    <t>22AI0222</t>
  </si>
  <si>
    <t>わさび</t>
  </si>
  <si>
    <t>22AI0211</t>
  </si>
  <si>
    <t>羽音</t>
  </si>
  <si>
    <t>9-23</t>
  </si>
  <si>
    <t>竹政ビル1階</t>
  </si>
  <si>
    <t>22AI0213</t>
  </si>
  <si>
    <t>Lagoon</t>
  </si>
  <si>
    <t>ヒフティーンハウス 1-5</t>
  </si>
  <si>
    <t>22AI0212</t>
  </si>
  <si>
    <t>株式会社志満屋</t>
  </si>
  <si>
    <t>一丁目６－５</t>
  </si>
  <si>
    <t>株式会社　志満屋</t>
  </si>
  <si>
    <t>22AE0046</t>
  </si>
  <si>
    <t>22BD0038</t>
  </si>
  <si>
    <t>株式会社　リセプション</t>
  </si>
  <si>
    <t>羽咋市</t>
  </si>
  <si>
    <t>兵庫町ワ辰</t>
  </si>
  <si>
    <t>13-43</t>
  </si>
  <si>
    <t>ゴーゴーカレー　富山呉羽スタジアム</t>
  </si>
  <si>
    <t>6927-23</t>
  </si>
  <si>
    <t>22AA0162</t>
  </si>
  <si>
    <t>株式会社　まめやコーヒー</t>
  </si>
  <si>
    <t>まめやコーヒー</t>
  </si>
  <si>
    <t>２－２１</t>
  </si>
  <si>
    <t>トヤマ屋ビル１Ｆ</t>
  </si>
  <si>
    <t>22AJ0118</t>
  </si>
  <si>
    <t>ONE　SELF</t>
  </si>
  <si>
    <t>2-6-12</t>
  </si>
  <si>
    <t>フクタビル３F</t>
  </si>
  <si>
    <t>22AI0271</t>
  </si>
  <si>
    <t>PANSE</t>
  </si>
  <si>
    <t>菊井ビル２階</t>
  </si>
  <si>
    <t>24AI0081</t>
  </si>
  <si>
    <t>いろは</t>
  </si>
  <si>
    <t>1-7-4</t>
  </si>
  <si>
    <t>共和ビル２F</t>
  </si>
  <si>
    <t>22AI0214</t>
  </si>
  <si>
    <t>ら☆美優</t>
  </si>
  <si>
    <t>ビッグアベニュービル１Ｆ</t>
  </si>
  <si>
    <t>22AI0216</t>
  </si>
  <si>
    <t>Bar Bum Bum</t>
  </si>
  <si>
    <t>上田ビル2F</t>
  </si>
  <si>
    <t>22AI0218</t>
  </si>
  <si>
    <t>ユニバーサル株式会社</t>
  </si>
  <si>
    <t>野村</t>
  </si>
  <si>
    <t>1548-1</t>
  </si>
  <si>
    <t>Paw women's fitness</t>
  </si>
  <si>
    <t>22AJ0123</t>
  </si>
  <si>
    <t>shishabar 76</t>
  </si>
  <si>
    <t>ＴＳビル1階</t>
  </si>
  <si>
    <t>22AI0236</t>
  </si>
  <si>
    <t>1-7-18</t>
  </si>
  <si>
    <t>サロン・ド・テ丸の内</t>
  </si>
  <si>
    <t>22AJ0119</t>
  </si>
  <si>
    <t>縁や</t>
  </si>
  <si>
    <t>メリー荒町ビル 1F</t>
  </si>
  <si>
    <t>22AI0229</t>
  </si>
  <si>
    <t>有限会社　南大門</t>
  </si>
  <si>
    <t>焼肉　南大門　（桜木町店）</t>
  </si>
  <si>
    <t>22AA0158</t>
  </si>
  <si>
    <t>南大門　山室店</t>
  </si>
  <si>
    <t>357-15</t>
  </si>
  <si>
    <t>23AA0019</t>
  </si>
  <si>
    <t>かれえてい　本店</t>
  </si>
  <si>
    <t>五福字中陣</t>
  </si>
  <si>
    <t>1400-1</t>
  </si>
  <si>
    <t>22AA0159</t>
  </si>
  <si>
    <t>ｌｉｍｉ</t>
  </si>
  <si>
    <t>カーサ大手町１Ｆ</t>
  </si>
  <si>
    <t>22AJ0126</t>
  </si>
  <si>
    <t>有限会社　寿司栄</t>
  </si>
  <si>
    <t>8-22</t>
  </si>
  <si>
    <t>22AC0016</t>
  </si>
  <si>
    <t>株式会社　麦とぶどう</t>
  </si>
  <si>
    <t>3-24</t>
  </si>
  <si>
    <t>タウザー</t>
  </si>
  <si>
    <t>2-6 2F</t>
  </si>
  <si>
    <t>22AI0220</t>
  </si>
  <si>
    <t>Quercus（クエルクス）</t>
  </si>
  <si>
    <t>2-3-34</t>
  </si>
  <si>
    <t>23AI0072</t>
  </si>
  <si>
    <t>有限会社　土遊野</t>
  </si>
  <si>
    <t>土</t>
  </si>
  <si>
    <t>農家のパン菓子処　どゆうの</t>
  </si>
  <si>
    <t>22CA0112</t>
  </si>
  <si>
    <t>22CD0006</t>
  </si>
  <si>
    <t>20DC0001</t>
  </si>
  <si>
    <t>土遊野販売車（富山800す3620）</t>
  </si>
  <si>
    <t>23AM0018</t>
  </si>
  <si>
    <t>アデア牛乳</t>
  </si>
  <si>
    <t>110</t>
  </si>
  <si>
    <t>24DA0001</t>
  </si>
  <si>
    <t>土遊野食堂</t>
  </si>
  <si>
    <t>20AA0108</t>
  </si>
  <si>
    <t>土遊野　里山の肉や</t>
  </si>
  <si>
    <t>⑨ 食肉処理業</t>
  </si>
  <si>
    <t>20EA0005</t>
  </si>
  <si>
    <t>朱鳥羽</t>
  </si>
  <si>
    <t>サンライズビル１Ｆ</t>
  </si>
  <si>
    <t>22AI0221</t>
  </si>
  <si>
    <t>ワイン’Ｓテーブル　デュエ</t>
  </si>
  <si>
    <t>轡田ビル１Ｆ</t>
  </si>
  <si>
    <t>22AI0223</t>
  </si>
  <si>
    <t>20CA0050</t>
  </si>
  <si>
    <t>平野屋</t>
  </si>
  <si>
    <t>22CD0007</t>
  </si>
  <si>
    <t>3918-58</t>
  </si>
  <si>
    <t>おかず屋たかた</t>
  </si>
  <si>
    <t>22BD0039</t>
  </si>
  <si>
    <t>かるね（富山４８０そ４１４５）</t>
  </si>
  <si>
    <t>22AM0020</t>
  </si>
  <si>
    <t>有限会社　竹政</t>
  </si>
  <si>
    <t>９－３竹政ビル２Ｆ</t>
  </si>
  <si>
    <t>竹政</t>
  </si>
  <si>
    <t>竹政ビル２Ｆ</t>
  </si>
  <si>
    <t>22AG0019</t>
  </si>
  <si>
    <t>ベニハナ</t>
  </si>
  <si>
    <t>中央ホールビル2F</t>
  </si>
  <si>
    <t>22AI0224</t>
  </si>
  <si>
    <t>黒部トンテキ八角　マリエ店</t>
  </si>
  <si>
    <t>1丁目1-61　1階</t>
  </si>
  <si>
    <t>22AA0172</t>
  </si>
  <si>
    <t>ポポロ</t>
  </si>
  <si>
    <t>ウェーブコートビル１-A</t>
  </si>
  <si>
    <t>22AI0225</t>
  </si>
  <si>
    <t>株式会社越州</t>
  </si>
  <si>
    <t>1-7-6</t>
  </si>
  <si>
    <t>もつ煮込みうどん　糸庄</t>
  </si>
  <si>
    <t>24AA0043</t>
  </si>
  <si>
    <t>22CC0024</t>
  </si>
  <si>
    <t>有限会社　サンモア</t>
  </si>
  <si>
    <t>蓮花寺</t>
  </si>
  <si>
    <t>トントンハウス羽根店</t>
  </si>
  <si>
    <t>アルビス羽根店内</t>
  </si>
  <si>
    <t>22CA0117</t>
  </si>
  <si>
    <t>玉味</t>
  </si>
  <si>
    <t>22AA0160</t>
  </si>
  <si>
    <t>株式会社　龍成</t>
  </si>
  <si>
    <t>530-2</t>
  </si>
  <si>
    <t>台湾料理　全家福</t>
  </si>
  <si>
    <t>22AB0011</t>
  </si>
  <si>
    <t>元祖中華料理　つけ麺大王</t>
  </si>
  <si>
    <t>メリー荒町ビル1F</t>
  </si>
  <si>
    <t>23AB0014</t>
  </si>
  <si>
    <t>有限会社　なごみ薬局</t>
  </si>
  <si>
    <t>561-2</t>
  </si>
  <si>
    <t>健康薬店　一輪の思いやり</t>
  </si>
  <si>
    <t>22AJ0121</t>
  </si>
  <si>
    <t>株式会社　昔亭</t>
  </si>
  <si>
    <t>７６７番地２７</t>
  </si>
  <si>
    <t>株式会社昔亭　金屋工場</t>
  </si>
  <si>
    <t>22CM0002</t>
  </si>
  <si>
    <t>22FB0001</t>
  </si>
  <si>
    <t>株式会社　オオサワ</t>
  </si>
  <si>
    <t>とべーぐるファニチャーパークケースリー店</t>
  </si>
  <si>
    <t>ファニチャーパークＫ３</t>
  </si>
  <si>
    <t>22AJ0122</t>
  </si>
  <si>
    <t>22CA0113</t>
  </si>
  <si>
    <t>swallow cafe</t>
  </si>
  <si>
    <t>23AJ0074</t>
  </si>
  <si>
    <t>23CA0093</t>
  </si>
  <si>
    <t>小さなレストラン　DUCK</t>
  </si>
  <si>
    <t>1-8-1</t>
  </si>
  <si>
    <t>チェリーポートビル１F　A号室</t>
  </si>
  <si>
    <t>24AI0053</t>
  </si>
  <si>
    <t>ＩRC　株式会社</t>
  </si>
  <si>
    <t>岩峅野</t>
  </si>
  <si>
    <t>ベイクドマジック　ファボーレ富山店</t>
  </si>
  <si>
    <t>フューチャーシティーファボーレ1F</t>
  </si>
  <si>
    <t>22CA0114</t>
  </si>
  <si>
    <t>株式会社　岐阜タンメンBBC</t>
  </si>
  <si>
    <t>伝法寺五丁目</t>
  </si>
  <si>
    <t>15-6</t>
  </si>
  <si>
    <t>岐阜タンメン　富山店</t>
  </si>
  <si>
    <t>279番1</t>
  </si>
  <si>
    <t>22AD0046</t>
  </si>
  <si>
    <t>Sawar’ｓ</t>
  </si>
  <si>
    <t>ビブレ10ビル2F</t>
  </si>
  <si>
    <t>22AI0231</t>
  </si>
  <si>
    <t>有限会社　やぐら鮨</t>
  </si>
  <si>
    <t>５－１２</t>
  </si>
  <si>
    <t>やぐら鮨</t>
  </si>
  <si>
    <t>22AC0018</t>
  </si>
  <si>
    <t>せからしや</t>
  </si>
  <si>
    <t>22AI0230</t>
  </si>
  <si>
    <t>ｍｏｎｅ</t>
  </si>
  <si>
    <t>サンシャインビル２Ｆ</t>
  </si>
  <si>
    <t>22AI0238</t>
  </si>
  <si>
    <t>６－１</t>
  </si>
  <si>
    <t>ワインバーアルプ</t>
  </si>
  <si>
    <t>７－１８</t>
  </si>
  <si>
    <t>22AI0232</t>
  </si>
  <si>
    <t>写楽</t>
  </si>
  <si>
    <t>5-13</t>
  </si>
  <si>
    <t>22AC0019</t>
  </si>
  <si>
    <t>Ｌｏｕｎｇｅ　紬</t>
  </si>
  <si>
    <t>８－８</t>
  </si>
  <si>
    <t>第一三愛ビル２Ｆ</t>
  </si>
  <si>
    <t>22AI0234</t>
  </si>
  <si>
    <t>7-30</t>
  </si>
  <si>
    <t>スナック向日葵</t>
  </si>
  <si>
    <t>打出ビル2階</t>
  </si>
  <si>
    <t>22AI0233</t>
  </si>
  <si>
    <t>和</t>
  </si>
  <si>
    <t>1347</t>
  </si>
  <si>
    <t>22AA0165</t>
  </si>
  <si>
    <t>和み蕎たつ</t>
  </si>
  <si>
    <t>995-24</t>
  </si>
  <si>
    <t>22AD0047</t>
  </si>
  <si>
    <t>22CG0006</t>
  </si>
  <si>
    <t>株式会社　林防災</t>
  </si>
  <si>
    <t>597-5</t>
  </si>
  <si>
    <t>1883-17</t>
  </si>
  <si>
    <t>22AI0235</t>
  </si>
  <si>
    <t>ラウンジ　菜都樹</t>
  </si>
  <si>
    <t>共和ビル 1F</t>
  </si>
  <si>
    <t>22AH0005</t>
  </si>
  <si>
    <t>ガールズバー　M</t>
  </si>
  <si>
    <t>ビッグアベニュービル　B１F</t>
  </si>
  <si>
    <t>22AI0237</t>
  </si>
  <si>
    <t>焼肉　神樂</t>
  </si>
  <si>
    <t>58-2</t>
  </si>
  <si>
    <t>22AI0274</t>
  </si>
  <si>
    <t>スナック　美桜</t>
  </si>
  <si>
    <t>12-6</t>
  </si>
  <si>
    <t>22AI0239</t>
  </si>
  <si>
    <t>中華料理　大餃子</t>
  </si>
  <si>
    <t>1-2-52</t>
  </si>
  <si>
    <t>22AB0012</t>
  </si>
  <si>
    <t>にっこり　キッチン</t>
  </si>
  <si>
    <t>22AK0025</t>
  </si>
  <si>
    <t>23CA0001</t>
  </si>
  <si>
    <t>株式会社　共立メンテナンス</t>
  </si>
  <si>
    <t>外神田二丁目</t>
  </si>
  <si>
    <t>１８－８</t>
  </si>
  <si>
    <t>御宿　野乃富山　Ｈａｔａｇｏ</t>
  </si>
  <si>
    <t>９－２</t>
  </si>
  <si>
    <t>22AF0018</t>
  </si>
  <si>
    <t>株式会社　みずき</t>
  </si>
  <si>
    <t>放士ケ瀬新</t>
  </si>
  <si>
    <t>45-1</t>
  </si>
  <si>
    <t>snack　美月</t>
  </si>
  <si>
    <t>ビッグアベニュービル　２F3号室</t>
  </si>
  <si>
    <t>22AI0244</t>
  </si>
  <si>
    <t>金子興業　株式会社</t>
  </si>
  <si>
    <t>上越市</t>
  </si>
  <si>
    <t>富岡</t>
  </si>
  <si>
    <t>３５２４</t>
  </si>
  <si>
    <t>Ｊ ＭＡＸ ＴＨＥＡＴＥＲとやま</t>
  </si>
  <si>
    <t>22AN0041</t>
  </si>
  <si>
    <t>dobu6</t>
  </si>
  <si>
    <t>8-14　1F</t>
  </si>
  <si>
    <t>22AI0241</t>
  </si>
  <si>
    <t>DOGS</t>
  </si>
  <si>
    <t>松よしビル12号室</t>
  </si>
  <si>
    <t>22AI0251</t>
  </si>
  <si>
    <t>ＨＡＰＰＩＥＳＴ（福井８００す１８１８）</t>
  </si>
  <si>
    <t>22AM0021</t>
  </si>
  <si>
    <t>Lirio</t>
  </si>
  <si>
    <t>桜木町センタービル2-205</t>
  </si>
  <si>
    <t>22AI0242</t>
  </si>
  <si>
    <t>Jack，Pot</t>
  </si>
  <si>
    <t>第一三愛ビル 1F</t>
  </si>
  <si>
    <t>22AI0243</t>
  </si>
  <si>
    <t>スナック　ビザビ</t>
  </si>
  <si>
    <t>ダイヤモンドビルⅡ 1F</t>
  </si>
  <si>
    <t>22AI0246</t>
  </si>
  <si>
    <t>イタリアン　バール　ベオーネ</t>
  </si>
  <si>
    <t>高島ビル2F</t>
  </si>
  <si>
    <t>22AI0245</t>
  </si>
  <si>
    <t>22CA0122</t>
  </si>
  <si>
    <t>海鮮処かみしま</t>
  </si>
  <si>
    <t>トイダビル1F</t>
  </si>
  <si>
    <t>22AG0020</t>
  </si>
  <si>
    <t>喫茶やすらぎ</t>
  </si>
  <si>
    <t>5番21号</t>
  </si>
  <si>
    <t>サンシップとやま2F</t>
  </si>
  <si>
    <t>22AJ0124</t>
  </si>
  <si>
    <t>Ｐ－Ｍａｘ</t>
  </si>
  <si>
    <t>センタービル５Ｆ</t>
  </si>
  <si>
    <t>22AI0247</t>
  </si>
  <si>
    <t>心晴</t>
  </si>
  <si>
    <t>４－１４</t>
  </si>
  <si>
    <t>第２松本ビル１Ｆ</t>
  </si>
  <si>
    <t>22AI0248</t>
  </si>
  <si>
    <t>有限会社　ポイントコーポレーション</t>
  </si>
  <si>
    <t>４６－１３</t>
  </si>
  <si>
    <t>仄香</t>
  </si>
  <si>
    <t>３－９－１</t>
  </si>
  <si>
    <t>アジェスビル２Ｆ</t>
  </si>
  <si>
    <t>22AA0166</t>
  </si>
  <si>
    <t>芋つる合同会社</t>
  </si>
  <si>
    <t>9-21第二サンナインプラザ１階</t>
  </si>
  <si>
    <t>芋つる</t>
  </si>
  <si>
    <t>第二サンナインプラザ1階</t>
  </si>
  <si>
    <t>22AI0252</t>
  </si>
  <si>
    <t>株式会社　金富</t>
  </si>
  <si>
    <t>割烹　金富</t>
  </si>
  <si>
    <t>22AG0021</t>
  </si>
  <si>
    <t>スナックさくら</t>
  </si>
  <si>
    <t>９－１８</t>
  </si>
  <si>
    <t>ウエストハウスビル１Ｆ</t>
  </si>
  <si>
    <t>22AI0253</t>
  </si>
  <si>
    <t>株式会社　グレイス</t>
  </si>
  <si>
    <t>5097-1　21世紀202号</t>
  </si>
  <si>
    <t>大衆個室居酒屋　本気家分家</t>
  </si>
  <si>
    <t>あるぺん村総曲輪ビル1Ｆ</t>
  </si>
  <si>
    <t>22AI0254</t>
  </si>
  <si>
    <t>株式会社　オフィスケィ</t>
  </si>
  <si>
    <t>鶴ケ丘町</t>
  </si>
  <si>
    <t>102-1</t>
  </si>
  <si>
    <t>イタリアントマト　カフェジュニア</t>
  </si>
  <si>
    <t>3-9-1</t>
  </si>
  <si>
    <t>ユウタウン総曲輪１F</t>
  </si>
  <si>
    <t>22AA0167</t>
  </si>
  <si>
    <t>ル・リアン</t>
  </si>
  <si>
    <t>1-6-11</t>
  </si>
  <si>
    <t>kellyビル2階</t>
  </si>
  <si>
    <t>22AI0255</t>
  </si>
  <si>
    <t>ラーメン東雲亭婦中店</t>
  </si>
  <si>
    <t>22AD0050</t>
  </si>
  <si>
    <t>Bird in うすき</t>
  </si>
  <si>
    <t>フレンドビル2C</t>
  </si>
  <si>
    <t>22AI0256</t>
  </si>
  <si>
    <t>Cafe＆Ｌiquor友人</t>
  </si>
  <si>
    <t>22AI0260</t>
  </si>
  <si>
    <t>いざかや平太郎</t>
  </si>
  <si>
    <t>ウエストハウスビル１Ｆ－Ａ</t>
  </si>
  <si>
    <t>22AI0257</t>
  </si>
  <si>
    <t>Lounge　Athena</t>
  </si>
  <si>
    <t>7-23</t>
  </si>
  <si>
    <t>ヨシミフォトビル2F</t>
  </si>
  <si>
    <t>22AI0258</t>
  </si>
  <si>
    <t>ＵＬＴＩＭＡ</t>
  </si>
  <si>
    <t>中央ビル３０４号</t>
  </si>
  <si>
    <t>22AI0266</t>
  </si>
  <si>
    <t>ｍｙ☆オール</t>
  </si>
  <si>
    <t>打出ビル1F</t>
  </si>
  <si>
    <t>22AI0259</t>
  </si>
  <si>
    <t>有限会社　𠮷田トレーディング</t>
  </si>
  <si>
    <t>5318番地</t>
  </si>
  <si>
    <t>焼肉白滝</t>
  </si>
  <si>
    <t>8-13</t>
  </si>
  <si>
    <t>22AA0168</t>
  </si>
  <si>
    <t>株式会社　池田ホテルマネジメント</t>
  </si>
  <si>
    <t>大阪市浪速区</t>
  </si>
  <si>
    <t>日本橋四丁目</t>
  </si>
  <si>
    <t>14番1号</t>
  </si>
  <si>
    <t>ダブルツリーｂｙヒルトン富山</t>
  </si>
  <si>
    <t>22AF0019</t>
  </si>
  <si>
    <t>22CA0116</t>
  </si>
  <si>
    <t>PONO</t>
  </si>
  <si>
    <t>23CA0130</t>
  </si>
  <si>
    <t>ローソン富山石金店</t>
  </si>
  <si>
    <t>1-12-35</t>
  </si>
  <si>
    <t>22AE0049</t>
  </si>
  <si>
    <t>大泉本町</t>
  </si>
  <si>
    <t>NIGHT TIME　くらくら</t>
  </si>
  <si>
    <t>12-1</t>
  </si>
  <si>
    <t>中央ホールビル１階</t>
  </si>
  <si>
    <t>22AI0263</t>
  </si>
  <si>
    <t>さきぞーキッチン（富山800す5262）</t>
  </si>
  <si>
    <t>22AM0022</t>
  </si>
  <si>
    <t>虎樂</t>
  </si>
  <si>
    <t>22AI0264</t>
  </si>
  <si>
    <t>つねざわ</t>
  </si>
  <si>
    <t>７－２７</t>
  </si>
  <si>
    <t>甲ビル２Ｆ</t>
  </si>
  <si>
    <t>22AI0262</t>
  </si>
  <si>
    <t>靜月株式会社</t>
  </si>
  <si>
    <t>桜町２－４－４</t>
  </si>
  <si>
    <t>富山センタービル２Ｆ</t>
  </si>
  <si>
    <t>創菜酒楽　靜月</t>
  </si>
  <si>
    <t>22AG0022</t>
  </si>
  <si>
    <t>けん坊</t>
  </si>
  <si>
    <t>サンライズビル1F</t>
  </si>
  <si>
    <t>22AI0265</t>
  </si>
  <si>
    <t>株式会社　高田屋</t>
  </si>
  <si>
    <t>(株)　高田屋</t>
  </si>
  <si>
    <t>22AE0050</t>
  </si>
  <si>
    <t>株式会社　フードKBN</t>
  </si>
  <si>
    <t>御経塚二丁目</t>
  </si>
  <si>
    <t>308番地</t>
  </si>
  <si>
    <t>肉匠坂井　黒瀬店</t>
  </si>
  <si>
    <t>22AA0170</t>
  </si>
  <si>
    <t>ＤＩＡＮＡ</t>
  </si>
  <si>
    <t>ディアナ</t>
  </si>
  <si>
    <t>7-18</t>
  </si>
  <si>
    <t>打出ビル 1F</t>
  </si>
  <si>
    <t>22AI0267</t>
  </si>
  <si>
    <t>一般社団法人　KU・YOU</t>
  </si>
  <si>
    <t>山田小島</t>
  </si>
  <si>
    <t>2196-1</t>
  </si>
  <si>
    <t>22AA0171</t>
  </si>
  <si>
    <t>らーめんとりごま</t>
  </si>
  <si>
    <t>22AD0052</t>
  </si>
  <si>
    <t>バッカス</t>
  </si>
  <si>
    <t>22AI0268</t>
  </si>
  <si>
    <t>6-2</t>
  </si>
  <si>
    <t>鶴喜</t>
  </si>
  <si>
    <t>22AD0051</t>
  </si>
  <si>
    <t>SOL</t>
  </si>
  <si>
    <t>蓮町</t>
  </si>
  <si>
    <t>SCOP1F「朔」内</t>
  </si>
  <si>
    <t>22CA0119</t>
  </si>
  <si>
    <t>上越通商　株式会社</t>
  </si>
  <si>
    <t>１５－５メゾンドゥヴァン３０２号室</t>
  </si>
  <si>
    <t>ショークラブ流星</t>
  </si>
  <si>
    <t>４－２６</t>
  </si>
  <si>
    <t>協同ビル２Ｆ</t>
  </si>
  <si>
    <t>22AH0008</t>
  </si>
  <si>
    <t>ラスト・シーン</t>
  </si>
  <si>
    <t>桜木プラザ1階</t>
  </si>
  <si>
    <t>22AI0269</t>
  </si>
  <si>
    <t>おばんざい　志</t>
  </si>
  <si>
    <t>1丁目6-14</t>
  </si>
  <si>
    <t>桜町ビル1F　002号室</t>
  </si>
  <si>
    <t>23AI0073</t>
  </si>
  <si>
    <t>酒場　TASU ＋× KAKE</t>
  </si>
  <si>
    <t>大洋第二ビル　101号</t>
  </si>
  <si>
    <t>22AI0277</t>
  </si>
  <si>
    <t>Lounge　GARDEN</t>
  </si>
  <si>
    <t>9-6</t>
  </si>
  <si>
    <t>加田ビル1F</t>
  </si>
  <si>
    <t>22AI0270</t>
  </si>
  <si>
    <t>有限会社　グリーンパワーなのはな</t>
  </si>
  <si>
    <t>水橋上桜木</t>
  </si>
  <si>
    <t>なのはな 農業協同組合　農産物直売所</t>
  </si>
  <si>
    <t>22CA0120</t>
  </si>
  <si>
    <t>ＥＸＹ</t>
  </si>
  <si>
    <t>７－3</t>
  </si>
  <si>
    <t>共和ビル２Ｆ</t>
  </si>
  <si>
    <t>22AI0275</t>
  </si>
  <si>
    <t>NEW　WAVE　CLUB</t>
  </si>
  <si>
    <t>リンカーンホールビル３Ｆ</t>
  </si>
  <si>
    <t>22AI0272</t>
  </si>
  <si>
    <t>LIBERA</t>
  </si>
  <si>
    <t>桜木町中央ビル4階</t>
  </si>
  <si>
    <t>22AI0276</t>
  </si>
  <si>
    <t>NEO</t>
  </si>
  <si>
    <t>1丁目５－６</t>
  </si>
  <si>
    <t>三愛第２ビル　２F</t>
  </si>
  <si>
    <t>23AI0114</t>
  </si>
  <si>
    <t>Ｈｕｍｍｉｎｇ　Ｂｉｒｄ</t>
  </si>
  <si>
    <t>６－１５</t>
  </si>
  <si>
    <t>サザンクロスビル１Ｆ</t>
  </si>
  <si>
    <t>22AJ0125</t>
  </si>
  <si>
    <t>22CA0121</t>
  </si>
  <si>
    <t>株式会社　WET</t>
  </si>
  <si>
    <t>こいと</t>
  </si>
  <si>
    <t>189番10号</t>
  </si>
  <si>
    <t>23AE0002</t>
  </si>
  <si>
    <t>富山ターミナルビル株式会社</t>
  </si>
  <si>
    <t>マリエとやま　まるきち</t>
  </si>
  <si>
    <t>マリエとやま１Ｆ</t>
  </si>
  <si>
    <t>22AA0178</t>
  </si>
  <si>
    <t>22CA0124</t>
  </si>
  <si>
    <t>MAROOT  1階　ゴンチャ</t>
  </si>
  <si>
    <t>23AJ0098</t>
  </si>
  <si>
    <t>ちょっとBAR</t>
  </si>
  <si>
    <t>マルート1F</t>
  </si>
  <si>
    <t>23AI0266</t>
  </si>
  <si>
    <t>牛島パークWEST URBAN GARDEN.BBQ 牛島グリル</t>
  </si>
  <si>
    <t>24AI0078</t>
  </si>
  <si>
    <t>株式会社リベット</t>
  </si>
  <si>
    <t>６２番地２</t>
  </si>
  <si>
    <t>ふじ食堂＆ふじレンタルスキー店</t>
  </si>
  <si>
    <t>本宮字花切割</t>
  </si>
  <si>
    <t>３－７</t>
  </si>
  <si>
    <t>22AA0175</t>
  </si>
  <si>
    <t>ヌフドーナツ（富山100せ8066）</t>
  </si>
  <si>
    <t>23AM0006</t>
  </si>
  <si>
    <t>桜木プラザビル1階 J-K号</t>
  </si>
  <si>
    <t>24AI0007</t>
  </si>
  <si>
    <t>GLARY</t>
  </si>
  <si>
    <t>17番街ビル2F</t>
  </si>
  <si>
    <t>24AI0114</t>
  </si>
  <si>
    <t>株式会社HCSaintLucia</t>
  </si>
  <si>
    <t xml:space="preserve">日本橋兜町6-7 </t>
  </si>
  <si>
    <t>ホテルショコラ 富山マルート店</t>
  </si>
  <si>
    <t>明輪町1-231</t>
  </si>
  <si>
    <t>JR富山駅ビル MAROOT 1階</t>
  </si>
  <si>
    <t>23AJ0002</t>
  </si>
  <si>
    <t>teppan den en</t>
  </si>
  <si>
    <t>23AN0001</t>
  </si>
  <si>
    <t>鯱輪　富山呉羽店</t>
  </si>
  <si>
    <t>１７３－１</t>
  </si>
  <si>
    <t>22AD0054</t>
  </si>
  <si>
    <t>緑町</t>
  </si>
  <si>
    <t>Smile（スマイル）</t>
  </si>
  <si>
    <t>1-4-9</t>
  </si>
  <si>
    <t>トレッドビル１F</t>
  </si>
  <si>
    <t>23AI0002</t>
  </si>
  <si>
    <t>Bar  DOPENESS</t>
  </si>
  <si>
    <t>新桜町ビル２F</t>
  </si>
  <si>
    <t>23AI0044</t>
  </si>
  <si>
    <t>６３３－６</t>
  </si>
  <si>
    <t>小料理＆ＪＡＺＺ　こいずみＫＩＴＡさん</t>
  </si>
  <si>
    <t>23AG0001</t>
  </si>
  <si>
    <t>ブラブラ（富山４３０す４６９６）</t>
  </si>
  <si>
    <t>22AM0023</t>
  </si>
  <si>
    <t>カラオケ喫茶＆スナック　津軽</t>
  </si>
  <si>
    <t>２４３１</t>
  </si>
  <si>
    <t>22AI0282</t>
  </si>
  <si>
    <t>株式会社アメリ</t>
  </si>
  <si>
    <t>アメリ</t>
  </si>
  <si>
    <t>９－２１</t>
  </si>
  <si>
    <t>第２サンナインプラザビル２Ｆ</t>
  </si>
  <si>
    <t>22AI0281</t>
  </si>
  <si>
    <t>すずらんラーメン</t>
  </si>
  <si>
    <t>24AD0001</t>
  </si>
  <si>
    <t>Ｎuts</t>
  </si>
  <si>
    <t>福澤ライオンズビル2FG</t>
  </si>
  <si>
    <t>23AI0001</t>
  </si>
  <si>
    <t>八尾町天満町</t>
  </si>
  <si>
    <t>コクボヤ</t>
  </si>
  <si>
    <t>6775-11</t>
  </si>
  <si>
    <t>23AA0001</t>
  </si>
  <si>
    <t>23CA0011</t>
  </si>
  <si>
    <t>株式会社コクア</t>
  </si>
  <si>
    <t>822番地1</t>
  </si>
  <si>
    <t>一凜</t>
  </si>
  <si>
    <t>1018番地</t>
  </si>
  <si>
    <t>23AE0003</t>
  </si>
  <si>
    <t>株式会社　フォー・ワーカーズ</t>
  </si>
  <si>
    <t>3-1-6</t>
  </si>
  <si>
    <t>食べんまいけ</t>
  </si>
  <si>
    <t>グリーンモール山室</t>
  </si>
  <si>
    <t>23AE0008</t>
  </si>
  <si>
    <t>やままる亭</t>
  </si>
  <si>
    <t>河口ビル　１F</t>
  </si>
  <si>
    <t>23AA0016</t>
  </si>
  <si>
    <t>カフェCO.CO</t>
  </si>
  <si>
    <t>397-2</t>
  </si>
  <si>
    <t>23AI0081</t>
  </si>
  <si>
    <t>アイ・ケイ・ケイ株式会社</t>
  </si>
  <si>
    <t>佐賀県</t>
  </si>
  <si>
    <t>伊万里市</t>
  </si>
  <si>
    <t>新天町722番地5</t>
  </si>
  <si>
    <t>キュイジーヌ・ド・フランセーズ　ラ・シャンス</t>
  </si>
  <si>
    <t>16-1　1F</t>
  </si>
  <si>
    <t>23AG0012</t>
  </si>
  <si>
    <t>ラ・シャンス　ブラッセリー</t>
  </si>
  <si>
    <t>16-1  B1F</t>
  </si>
  <si>
    <t>23AJ0064</t>
  </si>
  <si>
    <t>キャナルサイドララシャンス　C会場</t>
  </si>
  <si>
    <t>23AG0013</t>
  </si>
  <si>
    <t>キャナルサイドララシャンス　AB会場</t>
  </si>
  <si>
    <t>23AG0015</t>
  </si>
  <si>
    <t>S-famille株式会社</t>
  </si>
  <si>
    <t>3956番3</t>
  </si>
  <si>
    <t>中華そば　笑福</t>
  </si>
  <si>
    <t>24AD0014</t>
  </si>
  <si>
    <t>株式会社ベストボンド</t>
  </si>
  <si>
    <t>庄川町金屋８３９番地</t>
  </si>
  <si>
    <t>ESPRESSO D WORKS 富山二口店</t>
  </si>
  <si>
    <t>5丁目１０－３</t>
  </si>
  <si>
    <t>二口スクエアC</t>
  </si>
  <si>
    <t>23AJ0011</t>
  </si>
  <si>
    <t>23CA0019</t>
  </si>
  <si>
    <t>ピザーラ山室店</t>
  </si>
  <si>
    <t>391-1</t>
  </si>
  <si>
    <t>南台ビル１F</t>
  </si>
  <si>
    <t>23AE0017</t>
  </si>
  <si>
    <t>オレンジシャリマティ山室店</t>
  </si>
  <si>
    <t>24AJ0003</t>
  </si>
  <si>
    <t>23CA0002</t>
  </si>
  <si>
    <t>第一フーズ株式会社</t>
  </si>
  <si>
    <t>沖塚原２４２</t>
  </si>
  <si>
    <t>第一フーズ　四方工場</t>
  </si>
  <si>
    <t>1363-2</t>
  </si>
  <si>
    <t>24BF0011</t>
  </si>
  <si>
    <t>24CC0016</t>
  </si>
  <si>
    <t>スパイシーレスト　アジャンタ</t>
  </si>
  <si>
    <t>１２－１８</t>
  </si>
  <si>
    <t>23CC0001</t>
  </si>
  <si>
    <t>テイクアウト　アジャンタ</t>
  </si>
  <si>
    <t>3221-2</t>
  </si>
  <si>
    <t>大学堂ビル１階</t>
  </si>
  <si>
    <t>23AE0021</t>
  </si>
  <si>
    <t>ラーメン　エアーストリーム</t>
  </si>
  <si>
    <t>510-1</t>
  </si>
  <si>
    <t>23AD0002</t>
  </si>
  <si>
    <t>株式会社　アジアル</t>
  </si>
  <si>
    <t>広小路二丁目</t>
  </si>
  <si>
    <t>9番地</t>
  </si>
  <si>
    <t>びっくりドンキー　本郷店</t>
  </si>
  <si>
    <t>53-1</t>
  </si>
  <si>
    <t>23AA0002</t>
  </si>
  <si>
    <t>甘味処わかば富山店</t>
  </si>
  <si>
    <t>23AJ0003</t>
  </si>
  <si>
    <t>23CA0003</t>
  </si>
  <si>
    <t>La.miel　</t>
  </si>
  <si>
    <t>友杉</t>
  </si>
  <si>
    <t>23AE0004</t>
  </si>
  <si>
    <t>とやま生活協同組合</t>
  </si>
  <si>
    <t>555</t>
  </si>
  <si>
    <t>とやま生活協同組合みなみ店</t>
  </si>
  <si>
    <t>206-5</t>
  </si>
  <si>
    <t>23AE0005</t>
  </si>
  <si>
    <t>とやま生活協同組合　北部センター</t>
  </si>
  <si>
    <t>1-1-28</t>
  </si>
  <si>
    <t>23AK0007</t>
  </si>
  <si>
    <t>76ライト　株式会社</t>
  </si>
  <si>
    <t>3683-22</t>
  </si>
  <si>
    <t>VIETNAM’S　KITCHEN　RESTAURANT</t>
  </si>
  <si>
    <t>23AA0067</t>
  </si>
  <si>
    <t>ｃａｆｅ　ｃｏｍｐａｎｉｏ</t>
  </si>
  <si>
    <t>７－３</t>
  </si>
  <si>
    <t>SCOP TOYAMA 　創業支援センター１階　チャレンジショップカフェ</t>
  </si>
  <si>
    <t>23AJ0006</t>
  </si>
  <si>
    <t>23CA0007</t>
  </si>
  <si>
    <t>株式会社　島川</t>
  </si>
  <si>
    <t>456-1</t>
  </si>
  <si>
    <t>23CA0004</t>
  </si>
  <si>
    <t>有限会社　アルファーガーデン</t>
  </si>
  <si>
    <t>412-8</t>
  </si>
  <si>
    <t>とんかつ　とん亭</t>
  </si>
  <si>
    <t>4-11</t>
  </si>
  <si>
    <t>23AA0003</t>
  </si>
  <si>
    <t>蕾－tsubomi－</t>
  </si>
  <si>
    <t>フレンドビル2-D</t>
  </si>
  <si>
    <t>23AI0004</t>
  </si>
  <si>
    <t>でいじーべる</t>
  </si>
  <si>
    <t>60-2</t>
  </si>
  <si>
    <t>23AJ0004</t>
  </si>
  <si>
    <t>月猫カフェ</t>
  </si>
  <si>
    <t>23AJ0005</t>
  </si>
  <si>
    <t>中国料理　茂住</t>
  </si>
  <si>
    <t>346-3</t>
  </si>
  <si>
    <t>23AB0001</t>
  </si>
  <si>
    <t>らーめん鼓</t>
  </si>
  <si>
    <t>19-16</t>
  </si>
  <si>
    <t>23AD0003</t>
  </si>
  <si>
    <t>赤祖父</t>
  </si>
  <si>
    <t>550-1</t>
  </si>
  <si>
    <t>トントンハウス高原町店</t>
  </si>
  <si>
    <t>アルビス高原町店内</t>
  </si>
  <si>
    <t>23CA0005</t>
  </si>
  <si>
    <t>トントンハウス　新庄店</t>
  </si>
  <si>
    <t>新庄銀座3丁目</t>
  </si>
  <si>
    <t>3番22号　アルビス新庄店内</t>
  </si>
  <si>
    <t>24CA0019</t>
  </si>
  <si>
    <t>月岡東緑町</t>
  </si>
  <si>
    <t>1-90</t>
  </si>
  <si>
    <t>金太郎</t>
  </si>
  <si>
    <t>23AA0005</t>
  </si>
  <si>
    <t>大泉南部</t>
  </si>
  <si>
    <t>290-6</t>
  </si>
  <si>
    <t>食楽処　なおまさ</t>
  </si>
  <si>
    <t>23AA0004</t>
  </si>
  <si>
    <t>株式会社　中尾清月堂</t>
  </si>
  <si>
    <t>宮田町</t>
  </si>
  <si>
    <t>株式会社　中尾清月堂　富山店</t>
  </si>
  <si>
    <t>1-4-7</t>
  </si>
  <si>
    <t>23CA0006</t>
  </si>
  <si>
    <t>wan's kitchen car（富山800す6150）</t>
  </si>
  <si>
    <t>23AM0002</t>
  </si>
  <si>
    <t>となみ野キッチン</t>
  </si>
  <si>
    <t>２８－１７</t>
  </si>
  <si>
    <t>23AA0007</t>
  </si>
  <si>
    <t>近代食堂　もりの屋</t>
  </si>
  <si>
    <t>31-1</t>
  </si>
  <si>
    <t>23AA0006</t>
  </si>
  <si>
    <t>株式会社　WARABI</t>
  </si>
  <si>
    <t>上野1014番地3</t>
  </si>
  <si>
    <t>23CA0009</t>
  </si>
  <si>
    <t>有限会社　ファロー</t>
  </si>
  <si>
    <t>1-52</t>
  </si>
  <si>
    <t>フィオーレ　ディ　ファリーナ</t>
  </si>
  <si>
    <t>フィールトゥビル2F</t>
  </si>
  <si>
    <t>23AA0008</t>
  </si>
  <si>
    <t>有限会社和幸</t>
  </si>
  <si>
    <t>718</t>
  </si>
  <si>
    <t>ビストロ和幸</t>
  </si>
  <si>
    <t>2094</t>
  </si>
  <si>
    <t>23AA0009</t>
  </si>
  <si>
    <t>特定非営利活動法人　ワン・ファーム・ランド</t>
  </si>
  <si>
    <t>横樋</t>
  </si>
  <si>
    <t>コロンブス</t>
  </si>
  <si>
    <t>黒瀬北町2丁目</t>
  </si>
  <si>
    <t>15-16</t>
  </si>
  <si>
    <t>23AA0010</t>
  </si>
  <si>
    <t>新金代</t>
  </si>
  <si>
    <t>1-71</t>
  </si>
  <si>
    <t>三華</t>
  </si>
  <si>
    <t>23AA0012</t>
  </si>
  <si>
    <t>炭火焼肉　才</t>
  </si>
  <si>
    <t>51-1-2</t>
  </si>
  <si>
    <t>23AI0003</t>
  </si>
  <si>
    <t>トコトコテッチ(富山800す6096）</t>
  </si>
  <si>
    <t>23AM0003</t>
  </si>
  <si>
    <t>カフェ・ド・ユニ　アピタ富山店</t>
  </si>
  <si>
    <t>アピタ富山店１F</t>
  </si>
  <si>
    <t>23AJ0007</t>
  </si>
  <si>
    <t>2044-1</t>
  </si>
  <si>
    <t>お好み房　こいさん</t>
  </si>
  <si>
    <t>23AN0004</t>
  </si>
  <si>
    <t>ポン菓子屋本舗（飛騨483つ2020）</t>
  </si>
  <si>
    <t>23AM0004</t>
  </si>
  <si>
    <t>株式会社　TOSUMOライフスタイル</t>
  </si>
  <si>
    <t>1-4-16　HATCH内</t>
  </si>
  <si>
    <t>星乃珈琲店　富山天正寺店</t>
  </si>
  <si>
    <t>1278</t>
  </si>
  <si>
    <t>23AJ0009</t>
  </si>
  <si>
    <t>有限会社　ローテワン</t>
  </si>
  <si>
    <t>３３２番地</t>
  </si>
  <si>
    <t>食楽工房　しのげん</t>
  </si>
  <si>
    <t>２－９－１５</t>
  </si>
  <si>
    <t>23AI0007</t>
  </si>
  <si>
    <t>23BD0004</t>
  </si>
  <si>
    <t>2148</t>
  </si>
  <si>
    <t>旬香酒豚　初光</t>
  </si>
  <si>
    <t>23AE0009</t>
  </si>
  <si>
    <t>602</t>
  </si>
  <si>
    <t>ROMANTIK</t>
  </si>
  <si>
    <t>アテナビル１F</t>
  </si>
  <si>
    <t>23AH0001</t>
  </si>
  <si>
    <t>ふ華</t>
  </si>
  <si>
    <t>２３６－７</t>
  </si>
  <si>
    <t>23CA0010</t>
  </si>
  <si>
    <t>珈琲俱楽部　あすか</t>
  </si>
  <si>
    <t>若竹町二丁目</t>
  </si>
  <si>
    <t>23AJ0008</t>
  </si>
  <si>
    <t>特定非営利活動法人　ポエム</t>
  </si>
  <si>
    <t>月岡町4丁目</t>
  </si>
  <si>
    <t>171-1</t>
  </si>
  <si>
    <t>介護・放課後学童事業　ふくふく</t>
  </si>
  <si>
    <t>23AA0014</t>
  </si>
  <si>
    <t>6-592</t>
  </si>
  <si>
    <t>竹葉</t>
  </si>
  <si>
    <t>23AI0005</t>
  </si>
  <si>
    <t>北陸介護ステーション株式会社</t>
  </si>
  <si>
    <t>8番地</t>
  </si>
  <si>
    <t>デイサービスしあわせ</t>
  </si>
  <si>
    <t>23AA0015</t>
  </si>
  <si>
    <t>Dream</t>
  </si>
  <si>
    <t>13番14号</t>
  </si>
  <si>
    <t>桜木町中央ビル　地下001号室</t>
  </si>
  <si>
    <t>23AI0006</t>
  </si>
  <si>
    <t>クラデュース　株式会社</t>
  </si>
  <si>
    <t>大栗</t>
  </si>
  <si>
    <t>20-38</t>
  </si>
  <si>
    <t>クラデュース株式会社　まるでり事業部</t>
  </si>
  <si>
    <t>846</t>
  </si>
  <si>
    <t>ポラリス北極星101号</t>
  </si>
  <si>
    <t>23AE0029</t>
  </si>
  <si>
    <t>富友　合同会社</t>
  </si>
  <si>
    <t>１－２４</t>
  </si>
  <si>
    <t>富友合同会社</t>
  </si>
  <si>
    <t>北新町</t>
  </si>
  <si>
    <t>２－１－２４</t>
  </si>
  <si>
    <t>23AK0001</t>
  </si>
  <si>
    <t>ＢＥＥＲ　ＣＯＬＯＮＹ</t>
  </si>
  <si>
    <t>１－１－３８</t>
  </si>
  <si>
    <t>23AI0021</t>
  </si>
  <si>
    <t>株式会社北陸フレッシュフーズ</t>
  </si>
  <si>
    <t>23CA0013</t>
  </si>
  <si>
    <t>有限会社　上口屋</t>
  </si>
  <si>
    <t>3-2-17</t>
  </si>
  <si>
    <t>(有)上口屋</t>
  </si>
  <si>
    <t>23CA0014</t>
  </si>
  <si>
    <t>お食事処わたなべ</t>
  </si>
  <si>
    <t>５４７０</t>
  </si>
  <si>
    <t>23AG0005</t>
  </si>
  <si>
    <t>すづな</t>
  </si>
  <si>
    <t>23AG0002</t>
  </si>
  <si>
    <t>合同会社　プルミエ</t>
  </si>
  <si>
    <t>3番34号</t>
  </si>
  <si>
    <t>ブーランジェリー・パニフィエ</t>
  </si>
  <si>
    <t>140-3</t>
  </si>
  <si>
    <t>23CA0031</t>
  </si>
  <si>
    <t>特定非営利活動法人　ゆめさぽーとらいちょう</t>
  </si>
  <si>
    <t>らいちょう熊野</t>
  </si>
  <si>
    <t>悪王寺</t>
  </si>
  <si>
    <t>２２９</t>
  </si>
  <si>
    <t>23AE0010</t>
  </si>
  <si>
    <t>23CA0015</t>
  </si>
  <si>
    <t>平岡</t>
  </si>
  <si>
    <t>増山工房</t>
  </si>
  <si>
    <t>158-3</t>
  </si>
  <si>
    <t>23CA0021</t>
  </si>
  <si>
    <t>309-1</t>
  </si>
  <si>
    <t>お好焼　友ちゃん</t>
  </si>
  <si>
    <t>23AN0006</t>
  </si>
  <si>
    <t>3-8-8</t>
  </si>
  <si>
    <t>割烹　いけ善</t>
  </si>
  <si>
    <t>23AG0004</t>
  </si>
  <si>
    <t>株式会社　松屋フーズ</t>
  </si>
  <si>
    <t>中町一丁目</t>
  </si>
  <si>
    <t>14-5</t>
  </si>
  <si>
    <t>松屋　富山掛尾店</t>
  </si>
  <si>
    <t>259</t>
  </si>
  <si>
    <t>23AA0017</t>
  </si>
  <si>
    <t>江戸寿し　天正寺店</t>
  </si>
  <si>
    <t>1138</t>
  </si>
  <si>
    <t>23AE0011</t>
  </si>
  <si>
    <t>C&amp;C　合同会社</t>
  </si>
  <si>
    <t>677-36</t>
  </si>
  <si>
    <t>岡本鮮魚店</t>
  </si>
  <si>
    <t>マルジンストア内</t>
  </si>
  <si>
    <t>23BD0005</t>
  </si>
  <si>
    <t>堀川本郷</t>
  </si>
  <si>
    <t>15-70</t>
  </si>
  <si>
    <t>トンカツダイニング　ビリケンさん</t>
  </si>
  <si>
    <t>23AA0018</t>
  </si>
  <si>
    <t>株式会社　はいぴっく</t>
  </si>
  <si>
    <t>新宿</t>
  </si>
  <si>
    <t>6-26-2コーラルビル6F</t>
  </si>
  <si>
    <t>ぐるきち（練馬800せ3808）</t>
  </si>
  <si>
    <t>23AM0005</t>
  </si>
  <si>
    <t>新保</t>
  </si>
  <si>
    <t>末広</t>
  </si>
  <si>
    <t>２９－１２</t>
  </si>
  <si>
    <t>23AI0008</t>
  </si>
  <si>
    <t>株式会社　全力の元</t>
  </si>
  <si>
    <t>4-7-1</t>
  </si>
  <si>
    <t>元祖からあげ本舗　マルフク　婦中店</t>
  </si>
  <si>
    <t>92-1</t>
  </si>
  <si>
    <t>23AK0003</t>
  </si>
  <si>
    <t>居酒屋てるちゃん</t>
  </si>
  <si>
    <t>23AI0010</t>
  </si>
  <si>
    <t>スナック　美美街</t>
  </si>
  <si>
    <t>2区３０８</t>
  </si>
  <si>
    <t>マンションスター 1F</t>
  </si>
  <si>
    <t>23AI0009</t>
  </si>
  <si>
    <t>株式会社　あんじゅ</t>
  </si>
  <si>
    <t>2-596-19</t>
  </si>
  <si>
    <t>デイサービス　あんじゅ</t>
  </si>
  <si>
    <t>23AA0020</t>
  </si>
  <si>
    <t>奥田町</t>
  </si>
  <si>
    <t>8-27</t>
  </si>
  <si>
    <t>中華料理　きりん飯店　奥田店</t>
  </si>
  <si>
    <t>23AB0002</t>
  </si>
  <si>
    <t>フィッシュ・ボーン　有限会社</t>
  </si>
  <si>
    <t>１２－３５</t>
  </si>
  <si>
    <t>ボブ</t>
  </si>
  <si>
    <t>23AE0013</t>
  </si>
  <si>
    <t>23CA0020</t>
  </si>
  <si>
    <t>有限会社　こでら</t>
  </si>
  <si>
    <t>399-4</t>
  </si>
  <si>
    <t>23CC0007</t>
  </si>
  <si>
    <t>海鮮屋　まるなん</t>
  </si>
  <si>
    <t>405-3</t>
  </si>
  <si>
    <t>23AA0021</t>
  </si>
  <si>
    <t>23BD0006</t>
  </si>
  <si>
    <t>月岡町三丁目</t>
  </si>
  <si>
    <t>２８７</t>
  </si>
  <si>
    <t>髙道</t>
  </si>
  <si>
    <t>23CC0005</t>
  </si>
  <si>
    <t>有限会社　駅前ラーメンひげ</t>
  </si>
  <si>
    <t>駅前ラーメンひげ　本店</t>
  </si>
  <si>
    <t>23AD0015</t>
  </si>
  <si>
    <t>有限会社駅前ラーメンひげ（富山800す784）</t>
  </si>
  <si>
    <t>23AM0021</t>
  </si>
  <si>
    <t>14-23</t>
  </si>
  <si>
    <t>アイア・ピッコラ</t>
  </si>
  <si>
    <t>23AA0024</t>
  </si>
  <si>
    <t>究極の生クリームクレープ専門店giraffe（岡崎830そ87）</t>
  </si>
  <si>
    <t>23AM0035</t>
  </si>
  <si>
    <t>100-33</t>
  </si>
  <si>
    <t>焼肉　大成園</t>
  </si>
  <si>
    <t>23AA0025</t>
  </si>
  <si>
    <t>404</t>
  </si>
  <si>
    <t>僕ん家</t>
  </si>
  <si>
    <t>23AI0012</t>
  </si>
  <si>
    <t>若竹町</t>
  </si>
  <si>
    <t>食菜　てっちゃん</t>
  </si>
  <si>
    <t>1-56</t>
  </si>
  <si>
    <t>23AA0027</t>
  </si>
  <si>
    <t>ＰＡＲＡＤＡＩＳＥ　ＡＱＵＡ</t>
  </si>
  <si>
    <t>富山館２階</t>
  </si>
  <si>
    <t>23AH0002</t>
  </si>
  <si>
    <t>株式会社　海鮮館</t>
  </si>
  <si>
    <t>上口二丁目</t>
  </si>
  <si>
    <t>11番5号</t>
  </si>
  <si>
    <t>海鮮館</t>
  </si>
  <si>
    <t>2丁目11-1</t>
  </si>
  <si>
    <t>ショッピングセンターアピア内1F</t>
  </si>
  <si>
    <t>23AE0014</t>
  </si>
  <si>
    <t>23BD0007</t>
  </si>
  <si>
    <t>セブンイレブン　富山公文名店</t>
  </si>
  <si>
    <t>36-5</t>
  </si>
  <si>
    <t>23AN0007</t>
  </si>
  <si>
    <t>でんきやSUNはまもと</t>
  </si>
  <si>
    <t>13-28</t>
  </si>
  <si>
    <t>23AJ0028</t>
  </si>
  <si>
    <t>株式会社マスタック・アグリ</t>
  </si>
  <si>
    <t>22-6</t>
  </si>
  <si>
    <t>そよかぜ農産物直売所藤の木店</t>
  </si>
  <si>
    <t>286</t>
  </si>
  <si>
    <t>24AE0002</t>
  </si>
  <si>
    <t>24CC0005</t>
  </si>
  <si>
    <t>パン焼き小屋　Wecker</t>
  </si>
  <si>
    <t>1-45</t>
  </si>
  <si>
    <t>23CA0022</t>
  </si>
  <si>
    <t>株式会社　マルハンダイニング</t>
  </si>
  <si>
    <t>江東区</t>
  </si>
  <si>
    <t>深川</t>
  </si>
  <si>
    <t>2-8-19</t>
  </si>
  <si>
    <t>ごはんどき富山インター店</t>
  </si>
  <si>
    <t>50-1</t>
  </si>
  <si>
    <t>23AA0029</t>
  </si>
  <si>
    <t>ごはんどき富山店</t>
  </si>
  <si>
    <t>1-15-70</t>
  </si>
  <si>
    <t>23AA0065</t>
  </si>
  <si>
    <t>カフェ・バンカレラ富山店</t>
  </si>
  <si>
    <t>23AJ0039</t>
  </si>
  <si>
    <t>於保多町</t>
  </si>
  <si>
    <t>11-18</t>
  </si>
  <si>
    <t>辰巳鮨</t>
  </si>
  <si>
    <t>23AC0003</t>
  </si>
  <si>
    <t>有限会社　明和商事</t>
  </si>
  <si>
    <t>トレヴィホテル</t>
  </si>
  <si>
    <t>82-1</t>
  </si>
  <si>
    <t>23AF0001</t>
  </si>
  <si>
    <t>株式会社　ｇｌｏｂ</t>
  </si>
  <si>
    <t>王子町一丁目</t>
  </si>
  <si>
    <t>ゆず庵富山今泉店</t>
  </si>
  <si>
    <t>３３１－１</t>
  </si>
  <si>
    <t>23AA0031</t>
  </si>
  <si>
    <t>株式会社　セブンーイレブン・ジャパン</t>
  </si>
  <si>
    <t>二番町</t>
  </si>
  <si>
    <t>セブンーイレブン　富山赤田店</t>
  </si>
  <si>
    <t>941-1</t>
  </si>
  <si>
    <t>23AN0009</t>
  </si>
  <si>
    <t>有限会社ランドマーク</t>
  </si>
  <si>
    <t>774番地1</t>
  </si>
  <si>
    <t>まるたかや　赤田店</t>
  </si>
  <si>
    <t>23AD0007</t>
  </si>
  <si>
    <t>有限会社アイエス事業所</t>
  </si>
  <si>
    <t>四丁目5番33号</t>
  </si>
  <si>
    <t>和食処　浜木綿</t>
  </si>
  <si>
    <t>4丁目5番33号</t>
  </si>
  <si>
    <t>23AG0006</t>
  </si>
  <si>
    <t>1丁目2-28</t>
  </si>
  <si>
    <t>手打ちそば　おゝえ</t>
  </si>
  <si>
    <t>23AD0008</t>
  </si>
  <si>
    <t>百万石手打ちうどん　このみ　小中店</t>
  </si>
  <si>
    <t>91-3</t>
  </si>
  <si>
    <t>23AD0009</t>
  </si>
  <si>
    <t>洋風食堂 Trois トロワ</t>
  </si>
  <si>
    <t>23AA0036</t>
  </si>
  <si>
    <t>サーティワンアイスクリーム　富山アピタ店</t>
  </si>
  <si>
    <t>アピタ富山店 １F</t>
  </si>
  <si>
    <t>23AJ0013</t>
  </si>
  <si>
    <t>サーティワンアイスクリーム</t>
  </si>
  <si>
    <t>３－７－６</t>
  </si>
  <si>
    <t>23AJ0029</t>
  </si>
  <si>
    <t>株式会社　あっぷるアイビー</t>
  </si>
  <si>
    <t>須坂市</t>
  </si>
  <si>
    <t>高梨町</t>
  </si>
  <si>
    <t>293-1</t>
  </si>
  <si>
    <t>焼肉のバーンズ黒瀬店</t>
  </si>
  <si>
    <t>23AA0037</t>
  </si>
  <si>
    <t>あっぷるぐりむバーンズ　飯野店</t>
  </si>
  <si>
    <t>23AA0053</t>
  </si>
  <si>
    <t>ローソン富山月岡店</t>
  </si>
  <si>
    <t>783</t>
  </si>
  <si>
    <t>23AN0010</t>
  </si>
  <si>
    <t>一般財団法人　富山県警察協会</t>
  </si>
  <si>
    <t>一般財団法人　富山県警察協会　富山中央署食堂</t>
  </si>
  <si>
    <t>23AA0038</t>
  </si>
  <si>
    <t>ＵＬＴＲＡ　ＪＡＰＡＮ</t>
  </si>
  <si>
    <t>８－５</t>
  </si>
  <si>
    <t>ビッグアベニュービル３Ｆ２号室</t>
  </si>
  <si>
    <t>23AI0013</t>
  </si>
  <si>
    <t>株式会社　ニル・ヴァーナ</t>
  </si>
  <si>
    <t>8-7</t>
  </si>
  <si>
    <t>らーめん岩本屋　富山二口店</t>
  </si>
  <si>
    <t>23AD0010</t>
  </si>
  <si>
    <t>喫茶　花ぐるま</t>
  </si>
  <si>
    <t>23AJ0014</t>
  </si>
  <si>
    <t>有限会社　パウンドハウス富山</t>
  </si>
  <si>
    <t>497-5</t>
  </si>
  <si>
    <t>パウンドハウス富山</t>
  </si>
  <si>
    <t>23AJ0015</t>
  </si>
  <si>
    <t>23CA0023</t>
  </si>
  <si>
    <t>鰻料理　うな富</t>
  </si>
  <si>
    <t>3-10-1</t>
  </si>
  <si>
    <t>サクラギ第二ビル 1F</t>
  </si>
  <si>
    <t>23AA0039</t>
  </si>
  <si>
    <t>株式会社　不二家</t>
  </si>
  <si>
    <t>文京区</t>
  </si>
  <si>
    <t>大塚</t>
  </si>
  <si>
    <t>2-15-6</t>
  </si>
  <si>
    <t>不二家　富山マルート店</t>
  </si>
  <si>
    <t>マルート 1F</t>
  </si>
  <si>
    <t>23AJ0032</t>
  </si>
  <si>
    <t>富山市北商工会水橋支所</t>
  </si>
  <si>
    <t>１９１９－２</t>
  </si>
  <si>
    <t>23AE0016</t>
  </si>
  <si>
    <t>１３－１５</t>
  </si>
  <si>
    <t>谷井餅店</t>
  </si>
  <si>
    <t>23CA0024</t>
  </si>
  <si>
    <t>BLUE　LEAVES</t>
  </si>
  <si>
    <t>552-1</t>
  </si>
  <si>
    <t>アクアマリーンM　101号-1</t>
  </si>
  <si>
    <t>23AJ0016</t>
  </si>
  <si>
    <t>有限会社　ダイニングファーム</t>
  </si>
  <si>
    <t>大和田一丁目</t>
  </si>
  <si>
    <t>１５０５番</t>
  </si>
  <si>
    <t>ホルモン喜八二口店</t>
  </si>
  <si>
    <t>23AA0040</t>
  </si>
  <si>
    <t>有限会社　輪正自動車工業</t>
  </si>
  <si>
    <t>101-2</t>
  </si>
  <si>
    <t>正平の部屋</t>
  </si>
  <si>
    <t>23AJ0017</t>
  </si>
  <si>
    <t>1-8-8</t>
  </si>
  <si>
    <t>達磨</t>
  </si>
  <si>
    <t>23AD0012</t>
  </si>
  <si>
    <t>株式会社　KSS</t>
  </si>
  <si>
    <t>根塚町</t>
  </si>
  <si>
    <t>2-3-1</t>
  </si>
  <si>
    <t>お届けごはん</t>
  </si>
  <si>
    <t>2-3-1　２F</t>
  </si>
  <si>
    <t>20AE0059</t>
  </si>
  <si>
    <t>23BD0008</t>
  </si>
  <si>
    <t>20CA0069</t>
  </si>
  <si>
    <t>20CC0020</t>
  </si>
  <si>
    <t>TEAROOM　茶円</t>
  </si>
  <si>
    <t>103-10</t>
  </si>
  <si>
    <t>23AI0015</t>
  </si>
  <si>
    <t>1047番地</t>
  </si>
  <si>
    <t>プリーズ</t>
  </si>
  <si>
    <t>23AJ0019</t>
  </si>
  <si>
    <t>23CA0026</t>
  </si>
  <si>
    <t>医療法人財団　五省会</t>
  </si>
  <si>
    <t>７０</t>
  </si>
  <si>
    <t>西能病院</t>
  </si>
  <si>
    <t>23AA0045</t>
  </si>
  <si>
    <t>Ｍａｋｅｄ　Ｓａｌａｄ　Ｄａｙｓ</t>
  </si>
  <si>
    <t>ＳＣＯＰ　ＴＯＹＡＭＡ　創業支援センター棟１階</t>
  </si>
  <si>
    <t>23AK0004</t>
  </si>
  <si>
    <t>株式会社　ぷちジャパン</t>
  </si>
  <si>
    <t>ぷちロール</t>
  </si>
  <si>
    <t>23CA0027</t>
  </si>
  <si>
    <t>株式会社　ライトリヴ</t>
  </si>
  <si>
    <t>高畠</t>
  </si>
  <si>
    <t>1丁目335高野ビル201号</t>
  </si>
  <si>
    <t>高倉町珈琲　富山飯野店</t>
  </si>
  <si>
    <t>字八枚通割4-3</t>
  </si>
  <si>
    <t>23AA0042</t>
  </si>
  <si>
    <t>2-28</t>
  </si>
  <si>
    <t>トラットリア　ポルコ</t>
  </si>
  <si>
    <t>23AA0043</t>
  </si>
  <si>
    <t>早坂鉄工　株式会社</t>
  </si>
  <si>
    <t>古川字川原</t>
  </si>
  <si>
    <t>９－３４</t>
  </si>
  <si>
    <t>ｈ　ａｓｐｉｒé</t>
  </si>
  <si>
    <t>グリーンビル１Ｆ２Ｆ</t>
  </si>
  <si>
    <t>23AI0017</t>
  </si>
  <si>
    <t>るポ</t>
  </si>
  <si>
    <t>3丁目5番1　</t>
  </si>
  <si>
    <t>グリーンビル1F</t>
  </si>
  <si>
    <t>23CA0077</t>
  </si>
  <si>
    <t>4-6-6</t>
  </si>
  <si>
    <t>うさぎ家</t>
  </si>
  <si>
    <t>23CA0028</t>
  </si>
  <si>
    <t>下奥井</t>
  </si>
  <si>
    <t>1-4-1</t>
  </si>
  <si>
    <t>酒菜亭　一起</t>
  </si>
  <si>
    <t>23AI0016</t>
  </si>
  <si>
    <t>2-6-14</t>
  </si>
  <si>
    <t>東条うどん</t>
  </si>
  <si>
    <t>23AD0014</t>
  </si>
  <si>
    <t>８８７</t>
  </si>
  <si>
    <t>しろがね</t>
  </si>
  <si>
    <t>23AJ0020</t>
  </si>
  <si>
    <t>株式会社　グランルー</t>
  </si>
  <si>
    <t>23AJ0021</t>
  </si>
  <si>
    <t>23CA0029</t>
  </si>
  <si>
    <t>株式会社　ナポプロデュース</t>
  </si>
  <si>
    <t>麻布十番</t>
  </si>
  <si>
    <t>２－２１－６アクシア麻布２１０２号室</t>
  </si>
  <si>
    <t>ホテルウォーターゲート富山</t>
  </si>
  <si>
    <t>５５－１</t>
  </si>
  <si>
    <t>23AF0002</t>
  </si>
  <si>
    <t>Ｌａｂｏｒａｔｏｉｒｅ　ＡＢＯＮＤＡＮＴ</t>
  </si>
  <si>
    <t>４０８番地</t>
  </si>
  <si>
    <t>グリーンピース堀川町テナント４</t>
  </si>
  <si>
    <t>23CA0034</t>
  </si>
  <si>
    <t>吉田興産　株式会社</t>
  </si>
  <si>
    <t>中御所五丁目</t>
  </si>
  <si>
    <t>1番18号</t>
  </si>
  <si>
    <t>ケンタッキーフライドチキン　富山インター店</t>
  </si>
  <si>
    <t>3-7-6</t>
  </si>
  <si>
    <t>23AJ0022</t>
  </si>
  <si>
    <t>うな雪</t>
  </si>
  <si>
    <t>1丁目6-18</t>
  </si>
  <si>
    <t>23AA0073</t>
  </si>
  <si>
    <t>金剛薬品　株式会社</t>
  </si>
  <si>
    <t>8番7号</t>
  </si>
  <si>
    <t>金剛薬品株式会社　富山工場</t>
  </si>
  <si>
    <t>荒川一丁目</t>
  </si>
  <si>
    <t>1番90号</t>
  </si>
  <si>
    <t>23CK0001</t>
  </si>
  <si>
    <t>ひょうたん</t>
  </si>
  <si>
    <t>１９０－１</t>
  </si>
  <si>
    <t>23AA0050</t>
  </si>
  <si>
    <t>いなほ化工　株式会社</t>
  </si>
  <si>
    <t>4-8-6</t>
  </si>
  <si>
    <t>タリーズコーヒー　富山県立中央病院店</t>
  </si>
  <si>
    <t>2丁目2-78</t>
  </si>
  <si>
    <t>23AJ0025</t>
  </si>
  <si>
    <t>前沢</t>
  </si>
  <si>
    <t>居酒屋のあ</t>
  </si>
  <si>
    <t>２－１２－６１</t>
  </si>
  <si>
    <t>23AI0018</t>
  </si>
  <si>
    <t>株式会社　ロアジス</t>
  </si>
  <si>
    <t>1-8-7</t>
  </si>
  <si>
    <t>パティスリー　ジラフ</t>
  </si>
  <si>
    <t>23AJ0026</t>
  </si>
  <si>
    <t>23CA0030</t>
  </si>
  <si>
    <t>こられん華</t>
  </si>
  <si>
    <t>４－１７</t>
  </si>
  <si>
    <t>23AD0016</t>
  </si>
  <si>
    <t>株式会社Ｆ＆Ｄサービス</t>
  </si>
  <si>
    <t>大阪市西区</t>
  </si>
  <si>
    <t>江戸堀</t>
  </si>
  <si>
    <t>３－１－３１</t>
  </si>
  <si>
    <t>ＰＡ　ｅ－ｚｏｎｅ富山</t>
  </si>
  <si>
    <t>３５５－７</t>
  </si>
  <si>
    <t>マイプラザ２Ｆ</t>
  </si>
  <si>
    <t>23AN0011</t>
  </si>
  <si>
    <t>四ツ葉町</t>
  </si>
  <si>
    <t>味楽園</t>
  </si>
  <si>
    <t>23AA0052</t>
  </si>
  <si>
    <t>country rabbit</t>
  </si>
  <si>
    <t>723-1</t>
  </si>
  <si>
    <t>23AJ0030</t>
  </si>
  <si>
    <t>カントリーラビット（富山480た528）</t>
  </si>
  <si>
    <t>24AM0004</t>
  </si>
  <si>
    <t>529</t>
  </si>
  <si>
    <t>ローソン　富山空港前店</t>
  </si>
  <si>
    <t>23AN0013</t>
  </si>
  <si>
    <t>La marie</t>
  </si>
  <si>
    <t>十七番街ビル　B1-2号室</t>
  </si>
  <si>
    <t>23AI0024</t>
  </si>
  <si>
    <t>GIRL’S BAR IRIS</t>
  </si>
  <si>
    <t>9-15</t>
  </si>
  <si>
    <t>第5マツモトビル 2FC</t>
  </si>
  <si>
    <t>23AI0023</t>
  </si>
  <si>
    <t>バグジー</t>
  </si>
  <si>
    <t>116-6</t>
  </si>
  <si>
    <t>23AD0017</t>
  </si>
  <si>
    <t>割烹　たば田</t>
  </si>
  <si>
    <t>23AI0020</t>
  </si>
  <si>
    <t>株式会社　大和産業</t>
  </si>
  <si>
    <t>島田</t>
  </si>
  <si>
    <t>45</t>
  </si>
  <si>
    <t>ホテルセントリバー</t>
  </si>
  <si>
    <t>23AF0003</t>
  </si>
  <si>
    <t>潤観光開発　株式会社</t>
  </si>
  <si>
    <t>2-6-7</t>
  </si>
  <si>
    <t>ホテルプライムイン富山</t>
  </si>
  <si>
    <t>2-3-25</t>
  </si>
  <si>
    <t>23AF0004</t>
  </si>
  <si>
    <t>1-5-20</t>
  </si>
  <si>
    <t>喫茶　花桐</t>
  </si>
  <si>
    <t>23AJ0027</t>
  </si>
  <si>
    <t>株式会社　バースライン</t>
  </si>
  <si>
    <t>７番22-1</t>
  </si>
  <si>
    <t>ジュンギャラ</t>
  </si>
  <si>
    <t>アイカアビル　地下1階101号室</t>
  </si>
  <si>
    <t>23AI0022</t>
  </si>
  <si>
    <t>7番22号</t>
  </si>
  <si>
    <t>ホテルアルファーワン富山駅前内レストラン　アルファガーデン</t>
  </si>
  <si>
    <t>23AF0005</t>
  </si>
  <si>
    <t>ローソン　富山南郵便局前店</t>
  </si>
  <si>
    <t>210</t>
  </si>
  <si>
    <t>23AE0019</t>
  </si>
  <si>
    <t>株式会社　GGY</t>
  </si>
  <si>
    <t>8番12号</t>
  </si>
  <si>
    <t>焼肉　NANDO</t>
  </si>
  <si>
    <t>布瀬町南二丁目</t>
  </si>
  <si>
    <t>10-11</t>
  </si>
  <si>
    <t>23AA0064</t>
  </si>
  <si>
    <t>有限会社　KRS</t>
  </si>
  <si>
    <t>東</t>
  </si>
  <si>
    <t>2-23-12　プレミアムビル1階</t>
  </si>
  <si>
    <t>横濱家系らーめん元喜家　富山店</t>
  </si>
  <si>
    <t>23AD0020</t>
  </si>
  <si>
    <t>cafe misoto みそと</t>
  </si>
  <si>
    <t>３０７－１</t>
  </si>
  <si>
    <t>23AJ0034</t>
  </si>
  <si>
    <t>たもり</t>
  </si>
  <si>
    <t>永森ビル1F</t>
  </si>
  <si>
    <t>23AI0025</t>
  </si>
  <si>
    <t>海鮮ど～ん</t>
  </si>
  <si>
    <t>119-2</t>
  </si>
  <si>
    <t>23AA0058</t>
  </si>
  <si>
    <t>ダルマヤラーメン新庄店</t>
  </si>
  <si>
    <t>2の1</t>
  </si>
  <si>
    <t>23AD0019</t>
  </si>
  <si>
    <t>有限会社　千寿</t>
  </si>
  <si>
    <t>２－７－３</t>
  </si>
  <si>
    <t>23CA0035</t>
  </si>
  <si>
    <t>Stylish lounge B</t>
  </si>
  <si>
    <t>第2三愛ビル2階</t>
  </si>
  <si>
    <t>23AH0003</t>
  </si>
  <si>
    <t>Bless</t>
  </si>
  <si>
    <t>ビッグアベニュー’86　B1F</t>
  </si>
  <si>
    <t>23AI0098</t>
  </si>
  <si>
    <t>有限会社　寺尾温泉</t>
  </si>
  <si>
    <t>128-1</t>
  </si>
  <si>
    <t>ホテル　キング</t>
  </si>
  <si>
    <t>23AF0006</t>
  </si>
  <si>
    <t>小松市</t>
  </si>
  <si>
    <t>HooD　Kitchen（石川483い178）</t>
  </si>
  <si>
    <t>23AM0010</t>
  </si>
  <si>
    <t>居酒屋ぐっさん</t>
  </si>
  <si>
    <t>手屋</t>
  </si>
  <si>
    <t>2-1-33</t>
  </si>
  <si>
    <t>ドリームハイツM＆S　101号</t>
  </si>
  <si>
    <t>23AI0028</t>
  </si>
  <si>
    <t>株式会社　光洋ショップープラス</t>
  </si>
  <si>
    <t>横浜市金沢区</t>
  </si>
  <si>
    <t>福浦</t>
  </si>
  <si>
    <t>1-5-1</t>
  </si>
  <si>
    <t>富山県立中央病院内売店</t>
  </si>
  <si>
    <t>2-2-78</t>
  </si>
  <si>
    <t>富山県立中央病院１F</t>
  </si>
  <si>
    <t>23AJ0031</t>
  </si>
  <si>
    <t>パン・ド・レーブ</t>
  </si>
  <si>
    <t>43-4</t>
  </si>
  <si>
    <t>23CA0038</t>
  </si>
  <si>
    <t>粉歩ベーカリー</t>
  </si>
  <si>
    <t>経堂三丁目</t>
  </si>
  <si>
    <t>１２－１９</t>
  </si>
  <si>
    <t>Ｖｉｃｔｏｒｙ経堂Ｂ－１－Ｔ</t>
  </si>
  <si>
    <t>23CA0037</t>
  </si>
  <si>
    <t>スナック　Mai</t>
  </si>
  <si>
    <t>グリーンタウンビル１F　C号室</t>
  </si>
  <si>
    <t>23AI0037</t>
  </si>
  <si>
    <t>カラオケ・スナック　マスコット</t>
  </si>
  <si>
    <t>桜木プラザB1F</t>
  </si>
  <si>
    <t>23AI0039</t>
  </si>
  <si>
    <t>株式会社　タイトー</t>
  </si>
  <si>
    <t>6丁目27番30号新宿イーストサイドスクエア2階</t>
  </si>
  <si>
    <t>マリオンクレープ　ファボーレ婦中店</t>
  </si>
  <si>
    <t>フューチャーシティ　ファボーレ２F</t>
  </si>
  <si>
    <t>23AN0017</t>
  </si>
  <si>
    <t>スタンドバー　nikorashica</t>
  </si>
  <si>
    <t>河上ビル　１F</t>
  </si>
  <si>
    <t>23AI0042</t>
  </si>
  <si>
    <t>おやっさん</t>
  </si>
  <si>
    <t>1-5-8</t>
  </si>
  <si>
    <t>23AI0033</t>
  </si>
  <si>
    <t>炭火串焼　風見鶏</t>
  </si>
  <si>
    <t>23AI0034</t>
  </si>
  <si>
    <t>秋吉商事　株式会社</t>
  </si>
  <si>
    <t>総曲輪３丁目</t>
  </si>
  <si>
    <t>3番25号</t>
  </si>
  <si>
    <t>秋吉　富山駅前店</t>
  </si>
  <si>
    <t>1-3-5</t>
  </si>
  <si>
    <t>23AI0035</t>
  </si>
  <si>
    <t>株式会社　西野商店</t>
  </si>
  <si>
    <t>5-6-19</t>
  </si>
  <si>
    <t>西野笑店　富山８３０ね２４</t>
  </si>
  <si>
    <t>23AM0011</t>
  </si>
  <si>
    <t>中華料理　松楽</t>
  </si>
  <si>
    <t>3-2-12</t>
  </si>
  <si>
    <t>23AB0003</t>
  </si>
  <si>
    <t>RAISE</t>
  </si>
  <si>
    <t>ビッグアベニュー86　３F４号室</t>
  </si>
  <si>
    <t>23AI0038</t>
  </si>
  <si>
    <t>洋洋</t>
  </si>
  <si>
    <t>9-13</t>
  </si>
  <si>
    <t>マツモト本町ビル1階A号</t>
  </si>
  <si>
    <t>23AI0040</t>
  </si>
  <si>
    <t>中沖</t>
  </si>
  <si>
    <t>椿や</t>
  </si>
  <si>
    <t>23AA0072</t>
  </si>
  <si>
    <t>合同会社S.office翼</t>
  </si>
  <si>
    <t>西中野町</t>
  </si>
  <si>
    <t>1-7-15</t>
  </si>
  <si>
    <t>Treasure Box　～ウタノミドコロ～</t>
  </si>
  <si>
    <t>1-4-3-115号</t>
  </si>
  <si>
    <t>23AI0041</t>
  </si>
  <si>
    <t>お菓子屋さん　くるる</t>
  </si>
  <si>
    <t>12-37</t>
  </si>
  <si>
    <t>23CA0046</t>
  </si>
  <si>
    <t>Epic</t>
  </si>
  <si>
    <t>中央ホールビル３F　１号室</t>
  </si>
  <si>
    <t>23AI0135</t>
  </si>
  <si>
    <t>株式会社　Alpaca　Coffee</t>
  </si>
  <si>
    <t>1-23</t>
  </si>
  <si>
    <t>アルパカコーヒー</t>
  </si>
  <si>
    <t>178-12</t>
  </si>
  <si>
    <t>23AJ0035</t>
  </si>
  <si>
    <t>23CA0041</t>
  </si>
  <si>
    <t>23AJ0036</t>
  </si>
  <si>
    <t>23CA0042</t>
  </si>
  <si>
    <t>Cafe　小馬</t>
  </si>
  <si>
    <t>富山市ガラス美術館内2階</t>
  </si>
  <si>
    <t>23AJ0041</t>
  </si>
  <si>
    <t>有限会社　稲荷鉱泉</t>
  </si>
  <si>
    <t>11番36号</t>
  </si>
  <si>
    <t>稲荷鉱泉</t>
  </si>
  <si>
    <t>23AF0007</t>
  </si>
  <si>
    <t>株式会社　パティスリーシュゥエト</t>
  </si>
  <si>
    <t>1-17-19</t>
  </si>
  <si>
    <t>パティスリーシュゥエト</t>
  </si>
  <si>
    <t>23AJ0037</t>
  </si>
  <si>
    <t>23CA0043</t>
  </si>
  <si>
    <t>23CD0003</t>
  </si>
  <si>
    <t>有限会社　佐々木千歳堂</t>
  </si>
  <si>
    <t>9番11号</t>
  </si>
  <si>
    <t>24CA0037</t>
  </si>
  <si>
    <t>23CD0004</t>
  </si>
  <si>
    <t>佐々木千歳堂</t>
  </si>
  <si>
    <t>窪本町</t>
  </si>
  <si>
    <t>11番地18号</t>
  </si>
  <si>
    <t>23CA0044</t>
  </si>
  <si>
    <t>大沢野ウェルネスリゾートＷｉｎｄｙ</t>
  </si>
  <si>
    <t>96-1</t>
  </si>
  <si>
    <t>23AE0024</t>
  </si>
  <si>
    <t>富山地方鉄道　株式会社</t>
  </si>
  <si>
    <t>1丁目1-36</t>
  </si>
  <si>
    <t>再会</t>
  </si>
  <si>
    <t>23AJ0038</t>
  </si>
  <si>
    <t>1128-4</t>
  </si>
  <si>
    <t>おれんじたまてばこ</t>
  </si>
  <si>
    <t>23CA0045</t>
  </si>
  <si>
    <t>Lounge LilyL</t>
  </si>
  <si>
    <t>8番24</t>
  </si>
  <si>
    <t>ウェーブコート1階C号室</t>
  </si>
  <si>
    <t>23AI0070</t>
  </si>
  <si>
    <t>株式会社　ファミリーダイニング</t>
  </si>
  <si>
    <t>小丸山台二丁目</t>
  </si>
  <si>
    <t>113番地</t>
  </si>
  <si>
    <t>焼肉蔵　富山呉羽店</t>
  </si>
  <si>
    <t>6443番地1</t>
  </si>
  <si>
    <t>23AA0066</t>
  </si>
  <si>
    <t>さわ</t>
  </si>
  <si>
    <t>中央ホール2階</t>
  </si>
  <si>
    <t>23AI0068</t>
  </si>
  <si>
    <t>株式会社　栄寿司</t>
  </si>
  <si>
    <t>30番地の６</t>
  </si>
  <si>
    <t>鮨　藤虎</t>
  </si>
  <si>
    <t>1-1-15</t>
  </si>
  <si>
    <t>鹿島町ビル2F</t>
  </si>
  <si>
    <t>23AC0007</t>
  </si>
  <si>
    <t>栄寿司</t>
  </si>
  <si>
    <t>30-6</t>
  </si>
  <si>
    <t>24AC0007</t>
  </si>
  <si>
    <t>2-26</t>
  </si>
  <si>
    <t>酒場　ひげおやじ</t>
  </si>
  <si>
    <t>2-4-1</t>
  </si>
  <si>
    <t>MELビル 1F</t>
  </si>
  <si>
    <t>23AI0094</t>
  </si>
  <si>
    <t>株式会社　ミューテーション</t>
  </si>
  <si>
    <t>2-26-27　２B</t>
  </si>
  <si>
    <t>kitton coffee</t>
  </si>
  <si>
    <t>3-7　レジデンス牛島1F</t>
  </si>
  <si>
    <t>23AJ0042</t>
  </si>
  <si>
    <t>23CA0047</t>
  </si>
  <si>
    <t>カラオケハウスFC　銀の夢　桜木町店</t>
  </si>
  <si>
    <t>23AI0045</t>
  </si>
  <si>
    <t>喫茶みずべ</t>
  </si>
  <si>
    <t>6-7</t>
  </si>
  <si>
    <t>富山県民共生センター</t>
  </si>
  <si>
    <t>23AJ0040</t>
  </si>
  <si>
    <t>ムーン　レディ</t>
  </si>
  <si>
    <t>9-4</t>
  </si>
  <si>
    <t>桜木タウンビル 1F 105</t>
  </si>
  <si>
    <t>23AI0046</t>
  </si>
  <si>
    <t xml:space="preserve"> BAGEL  ソノママ</t>
  </si>
  <si>
    <t>12-28</t>
  </si>
  <si>
    <t>23CA0049</t>
  </si>
  <si>
    <t>株式会社　夢限</t>
  </si>
  <si>
    <t>岩瀬古志町</t>
  </si>
  <si>
    <t>豚豚炉。</t>
  </si>
  <si>
    <t>23AD0021</t>
  </si>
  <si>
    <t>ぐっぴー</t>
  </si>
  <si>
    <t>23AD0022</t>
  </si>
  <si>
    <t>有限会社　オオハシ</t>
  </si>
  <si>
    <t>22-13</t>
  </si>
  <si>
    <t>そば処　奥田　東京亭</t>
  </si>
  <si>
    <t>23AD0023</t>
  </si>
  <si>
    <t>本家かまどや　永楽町店</t>
  </si>
  <si>
    <t>39-32</t>
  </si>
  <si>
    <t>23AE0025</t>
  </si>
  <si>
    <t>居酒屋　中嶋</t>
  </si>
  <si>
    <t>松よしビル１階</t>
  </si>
  <si>
    <t>23AI0047</t>
  </si>
  <si>
    <t>合同会社CheriCtion</t>
  </si>
  <si>
    <t>中門前</t>
  </si>
  <si>
    <t>２－１－３</t>
  </si>
  <si>
    <t>とろり天使のわらびもち　富山不二越店</t>
  </si>
  <si>
    <t>23AN0019</t>
  </si>
  <si>
    <t>株式会社　柿里</t>
  </si>
  <si>
    <t>高道</t>
  </si>
  <si>
    <t>113番地4</t>
  </si>
  <si>
    <t>羊やラム</t>
  </si>
  <si>
    <t>9-12</t>
  </si>
  <si>
    <t>23AA0070</t>
  </si>
  <si>
    <t>カラオケ茶夢</t>
  </si>
  <si>
    <t>302番地</t>
  </si>
  <si>
    <t>23AI0065</t>
  </si>
  <si>
    <t>ブーランジェリー　トランティアン</t>
  </si>
  <si>
    <t>１０番１０、１０番１１</t>
  </si>
  <si>
    <t>23AJ0114</t>
  </si>
  <si>
    <t>23CA0051</t>
  </si>
  <si>
    <t>居酒屋　あいちゃん</t>
  </si>
  <si>
    <t>23AI0048</t>
  </si>
  <si>
    <t>株式会社　だい</t>
  </si>
  <si>
    <t>文京町</t>
  </si>
  <si>
    <t>3-3-11</t>
  </si>
  <si>
    <t>だい</t>
  </si>
  <si>
    <t>23AG0010</t>
  </si>
  <si>
    <t>23BD0013</t>
  </si>
  <si>
    <t>くるみの森</t>
  </si>
  <si>
    <t>23AJ0046</t>
  </si>
  <si>
    <t>岩瀬表町</t>
  </si>
  <si>
    <t>太右エ門亭</t>
  </si>
  <si>
    <t>23AA0068</t>
  </si>
  <si>
    <t>みかづき</t>
  </si>
  <si>
    <t>桜木プラザビル２階 D</t>
  </si>
  <si>
    <t>23AI0063</t>
  </si>
  <si>
    <t>株式会社ジョリーパスタ</t>
  </si>
  <si>
    <t>ジョリーパスタ富山上赤江店</t>
  </si>
  <si>
    <t>2丁目1番21号</t>
  </si>
  <si>
    <t>23AA0146</t>
  </si>
  <si>
    <t>株式会社　NEXT STAR</t>
  </si>
  <si>
    <t>4-4 富山センタービル２F</t>
  </si>
  <si>
    <t>AINA（アイナ）（富山８３０さ１０２４）</t>
  </si>
  <si>
    <t>23AM0013</t>
  </si>
  <si>
    <t>大観園</t>
  </si>
  <si>
    <t>6-16</t>
  </si>
  <si>
    <t>23AB0004</t>
  </si>
  <si>
    <t>株式会社　トリニティ</t>
  </si>
  <si>
    <t>3231-9</t>
  </si>
  <si>
    <t>まこーず（富山800す3831）</t>
  </si>
  <si>
    <t>23AM0014</t>
  </si>
  <si>
    <t>マミーズ　クレープ</t>
  </si>
  <si>
    <t>2丁目7-10</t>
  </si>
  <si>
    <t>サンシャイン88　115号</t>
  </si>
  <si>
    <t>23AN0020</t>
  </si>
  <si>
    <t>23CA0053</t>
  </si>
  <si>
    <t>串と鮮　駿粹</t>
  </si>
  <si>
    <t>榊原ビル１F</t>
  </si>
  <si>
    <t>23AI0051</t>
  </si>
  <si>
    <t>Private Gym totonou 堀川小泉店</t>
  </si>
  <si>
    <t>フタバビル 2階</t>
  </si>
  <si>
    <t>23AJ0044</t>
  </si>
  <si>
    <t>La Soiee株式会社</t>
  </si>
  <si>
    <t>1丁目22番4ティービーパラッツオ301号</t>
  </si>
  <si>
    <t>RAND</t>
  </si>
  <si>
    <t>23AJ0043</t>
  </si>
  <si>
    <t>23CA0048</t>
  </si>
  <si>
    <t>小料理　そーすけ</t>
  </si>
  <si>
    <t>稲荷町一丁目</t>
  </si>
  <si>
    <t>23AI0052</t>
  </si>
  <si>
    <t>親爺有限会社</t>
  </si>
  <si>
    <t>2-1-17</t>
  </si>
  <si>
    <t>大衆酒場　親爺</t>
  </si>
  <si>
    <t>23AI0053</t>
  </si>
  <si>
    <t>スナック奈々</t>
  </si>
  <si>
    <t>三丁目12-34</t>
  </si>
  <si>
    <t>23AI0054</t>
  </si>
  <si>
    <t>株式会社ＺＡＩＭＡＳＵ</t>
  </si>
  <si>
    <t>１－６</t>
  </si>
  <si>
    <t>酒場くせもの</t>
  </si>
  <si>
    <t>７－６</t>
  </si>
  <si>
    <t>23AI0055</t>
  </si>
  <si>
    <t>Ｂａｌｉ　Ｂｅａｃｈ</t>
  </si>
  <si>
    <t>４－２２</t>
  </si>
  <si>
    <t>第二ＫＫビル１Ｆ</t>
  </si>
  <si>
    <t>23AI0056</t>
  </si>
  <si>
    <t>路地裏酒場　丸坊主</t>
  </si>
  <si>
    <t>23AI0057</t>
  </si>
  <si>
    <t>ＢＡＲ　ＥＳＯＲＡ</t>
  </si>
  <si>
    <t>新桜ビルＢ１</t>
  </si>
  <si>
    <t>23AI0058</t>
  </si>
  <si>
    <t>AFTER WORK BAR BAKU BAKU</t>
  </si>
  <si>
    <t>田中ビル３Ｆ</t>
  </si>
  <si>
    <t>23AI0059</t>
  </si>
  <si>
    <t>立山亭</t>
  </si>
  <si>
    <t>富山競輪場内２F</t>
  </si>
  <si>
    <t>23AA0069</t>
  </si>
  <si>
    <t>株式会社ジン</t>
  </si>
  <si>
    <t>立ち喰い鮨　人人</t>
  </si>
  <si>
    <t>23AA0071</t>
  </si>
  <si>
    <t>2-7-21</t>
  </si>
  <si>
    <t>蛮可無</t>
  </si>
  <si>
    <t>23AJ0045</t>
  </si>
  <si>
    <t>功倫堂（足立483こ130）</t>
  </si>
  <si>
    <t>23AM0015</t>
  </si>
  <si>
    <t>pur pura（柏830さ130）</t>
  </si>
  <si>
    <t>23AM0016</t>
  </si>
  <si>
    <t>株式会社ＦｕＫｕＴａ　Ｉｎｃ．</t>
  </si>
  <si>
    <t>婦中町速星３３５番地４</t>
  </si>
  <si>
    <t>もつ家　福多</t>
  </si>
  <si>
    <t>藤江ビル1階</t>
  </si>
  <si>
    <t>23AI0061</t>
  </si>
  <si>
    <t>ＭＯＴＳＵＹＡ　福多　其ノ二</t>
  </si>
  <si>
    <t>2-6-4</t>
  </si>
  <si>
    <t>布一ビル2階</t>
  </si>
  <si>
    <t>23AI0062</t>
  </si>
  <si>
    <t>Ｂｅｔｔｙ</t>
  </si>
  <si>
    <t>綾田町二丁目</t>
  </si>
  <si>
    <t>４－６</t>
  </si>
  <si>
    <t>23AI0064</t>
  </si>
  <si>
    <t>株式会社エムテーランチ</t>
  </si>
  <si>
    <t>上赤江町１丁目</t>
  </si>
  <si>
    <t>４－３０</t>
  </si>
  <si>
    <t>株式会社エムテーランチ調理工場</t>
  </si>
  <si>
    <t>23CC0009</t>
  </si>
  <si>
    <t>富山糧穀　株式会社</t>
  </si>
  <si>
    <t>3-10-13</t>
  </si>
  <si>
    <t>23AE0027</t>
  </si>
  <si>
    <t>おばんざい　笑～えむ～</t>
  </si>
  <si>
    <t>第２松本ビル　１Ｆ　Ｃ号</t>
  </si>
  <si>
    <t>23AI0079</t>
  </si>
  <si>
    <t>kitchen (キッチン)なのはな (富山800す3880)</t>
  </si>
  <si>
    <t>23AM0017</t>
  </si>
  <si>
    <t>Unfil</t>
  </si>
  <si>
    <t>T・ONEビル4F</t>
  </si>
  <si>
    <t>23AI0069</t>
  </si>
  <si>
    <t>23CA0087</t>
  </si>
  <si>
    <t>2797-32</t>
  </si>
  <si>
    <t>スワローベーカリー</t>
  </si>
  <si>
    <t>23CA0058</t>
  </si>
  <si>
    <t>alt.</t>
  </si>
  <si>
    <t>2170</t>
  </si>
  <si>
    <t>村田工務店敷地内　蔵</t>
  </si>
  <si>
    <t>23AR0001</t>
  </si>
  <si>
    <t>株式会社ロッテリア</t>
  </si>
  <si>
    <t>2丁目18番1号</t>
  </si>
  <si>
    <t>ロッテリア電鉄富山駅ビル店</t>
  </si>
  <si>
    <t>エスタ1F</t>
  </si>
  <si>
    <t>23AJ0047</t>
  </si>
  <si>
    <t>株式会社　モザイクワークス</t>
  </si>
  <si>
    <t>1-14　内幸ビルC館３F</t>
  </si>
  <si>
    <t>Dining＆Bar　SHARE</t>
  </si>
  <si>
    <t>内幸ビルC館３F</t>
  </si>
  <si>
    <t>23AI0071</t>
  </si>
  <si>
    <t>株式会社コシダカ</t>
  </si>
  <si>
    <t>群馬県</t>
  </si>
  <si>
    <t>前橋市</t>
  </si>
  <si>
    <t>大友町</t>
  </si>
  <si>
    <t>１丁目５番地１</t>
  </si>
  <si>
    <t>カラオケまねきねこ　富山駅前２号店</t>
  </si>
  <si>
    <t>２丁目１番１号</t>
  </si>
  <si>
    <t>ＡＭＵＳＥ新桜ビルＢ１Ｆ</t>
  </si>
  <si>
    <t>23AI0084</t>
  </si>
  <si>
    <t>２７－１４</t>
  </si>
  <si>
    <t>chiaquiche（チアキッシュ）</t>
  </si>
  <si>
    <t>23AJ0050</t>
  </si>
  <si>
    <t>23CA0062</t>
  </si>
  <si>
    <t>たこ三（富山800す11-35）</t>
  </si>
  <si>
    <t>23AM0019</t>
  </si>
  <si>
    <t>297</t>
  </si>
  <si>
    <t>白岩の湯</t>
  </si>
  <si>
    <t>23CD0005</t>
  </si>
  <si>
    <t>富山県いきいき物産　株式会社</t>
  </si>
  <si>
    <t>2番3号</t>
  </si>
  <si>
    <t>ととやま</t>
  </si>
  <si>
    <t>23AE0028</t>
  </si>
  <si>
    <t>23CA0050</t>
  </si>
  <si>
    <t>旬三昧　実りのかしら</t>
  </si>
  <si>
    <t>1丁目7-15</t>
  </si>
  <si>
    <t>23AG0008</t>
  </si>
  <si>
    <t>なご鶏</t>
  </si>
  <si>
    <t>2-5-8</t>
  </si>
  <si>
    <t>23AI0075</t>
  </si>
  <si>
    <t>ダイヤ株式会社</t>
  </si>
  <si>
    <t>草野</t>
  </si>
  <si>
    <t>玻璃</t>
  </si>
  <si>
    <t>１丁目３－２２</t>
  </si>
  <si>
    <t>やま基ビル１階Ｂ号</t>
  </si>
  <si>
    <t>23AI0095</t>
  </si>
  <si>
    <t>有限会社　シャルロッテ</t>
  </si>
  <si>
    <t>752-2</t>
  </si>
  <si>
    <t>(有) シャルロッテ　駅前店</t>
  </si>
  <si>
    <t>パティオさくら１F</t>
  </si>
  <si>
    <t>23CA0052</t>
  </si>
  <si>
    <t>株式会社　irodori labo</t>
  </si>
  <si>
    <t>22-27 B&amp;B 1F</t>
  </si>
  <si>
    <t>irodori labo</t>
  </si>
  <si>
    <t>22-27</t>
  </si>
  <si>
    <t>B＆B　1F</t>
  </si>
  <si>
    <t>23CC0011</t>
  </si>
  <si>
    <t>manaGarden</t>
  </si>
  <si>
    <t>1877</t>
  </si>
  <si>
    <t>23CA0131</t>
  </si>
  <si>
    <t>ミチツムギ合同会社</t>
  </si>
  <si>
    <t>開ケ丘</t>
  </si>
  <si>
    <t>43-28</t>
  </si>
  <si>
    <t>ミチツムギ</t>
  </si>
  <si>
    <t>23AI0077</t>
  </si>
  <si>
    <t>株式会社STOCK SOLUTION</t>
  </si>
  <si>
    <t>31-6</t>
  </si>
  <si>
    <t>MOCDO</t>
  </si>
  <si>
    <t>23AI0085</t>
  </si>
  <si>
    <t>ラウンジ朝陽</t>
  </si>
  <si>
    <t>１－８－６</t>
  </si>
  <si>
    <t>山商３８ビル３F</t>
  </si>
  <si>
    <t>23AI0088</t>
  </si>
  <si>
    <t>３１９８－２</t>
  </si>
  <si>
    <t>カラオケスナック美美</t>
  </si>
  <si>
    <t>23AI0089</t>
  </si>
  <si>
    <t>富山炙</t>
  </si>
  <si>
    <t>2-6-15</t>
  </si>
  <si>
    <t>23AI0078</t>
  </si>
  <si>
    <t>株式会社ＧＯＥＮ</t>
  </si>
  <si>
    <t>久郷</t>
  </si>
  <si>
    <t>２－１</t>
  </si>
  <si>
    <t>好日庵</t>
  </si>
  <si>
    <t>１１３</t>
  </si>
  <si>
    <t>23AD0027</t>
  </si>
  <si>
    <t>串焼屋台　風味鶏（富山480う226）</t>
  </si>
  <si>
    <t>23AM0022</t>
  </si>
  <si>
    <t>株式会社アイ・アール</t>
  </si>
  <si>
    <t>3番地１</t>
  </si>
  <si>
    <t>いちろフーズ</t>
  </si>
  <si>
    <t>24AE0007</t>
  </si>
  <si>
    <t>KUKUNA</t>
  </si>
  <si>
    <t>1-2-3</t>
  </si>
  <si>
    <t>cic地下1階</t>
  </si>
  <si>
    <t>23AJ0048</t>
  </si>
  <si>
    <t>麺屋　和BISABI</t>
  </si>
  <si>
    <t>57-1</t>
  </si>
  <si>
    <t>23AD0025</t>
  </si>
  <si>
    <t>mola</t>
  </si>
  <si>
    <t>河上ビル１F</t>
  </si>
  <si>
    <t>23CA0057</t>
  </si>
  <si>
    <t>食処　徳久利</t>
  </si>
  <si>
    <t>1-3-13</t>
  </si>
  <si>
    <t>23AI0080</t>
  </si>
  <si>
    <t>イワシタ商事　株式会社</t>
  </si>
  <si>
    <t>円成寺町</t>
  </si>
  <si>
    <t>Sauna Talo Toyama</t>
  </si>
  <si>
    <t>1-2-35</t>
  </si>
  <si>
    <t>23AA0074</t>
  </si>
  <si>
    <t>スナック　うらら</t>
  </si>
  <si>
    <t>２丁目１－１０</t>
  </si>
  <si>
    <t>山本ビル１Ｆ</t>
  </si>
  <si>
    <t>23AI0083</t>
  </si>
  <si>
    <t>八町</t>
  </si>
  <si>
    <t>食堂やっちゃん</t>
  </si>
  <si>
    <t>7553-3</t>
  </si>
  <si>
    <t>23AA0077</t>
  </si>
  <si>
    <t>１－２－２４</t>
  </si>
  <si>
    <t>レストラン　喫茶　ローゼ</t>
  </si>
  <si>
    <t>23AA0078</t>
  </si>
  <si>
    <t>分家歩寿司　純</t>
  </si>
  <si>
    <t>2-29</t>
  </si>
  <si>
    <t>菊井ビル１F</t>
  </si>
  <si>
    <t>23AC0005</t>
  </si>
  <si>
    <t>ブッサリン</t>
  </si>
  <si>
    <t>196-4</t>
  </si>
  <si>
    <t>23AA0082</t>
  </si>
  <si>
    <t>大和ハウスリアルティマネジメント株式会社</t>
  </si>
  <si>
    <t>神田三崎町三丁目</t>
  </si>
  <si>
    <t>３番２１号</t>
  </si>
  <si>
    <t>セブンｰイレブンDR富山駅前ダイワロイネットホテル店</t>
  </si>
  <si>
    <t>1丁目3-1</t>
  </si>
  <si>
    <t>24AN0029</t>
  </si>
  <si>
    <t>ろくなもんじゃねぇ</t>
  </si>
  <si>
    <t>オレンジビル1F</t>
  </si>
  <si>
    <t>23AI0087</t>
  </si>
  <si>
    <t>2-16-32</t>
  </si>
  <si>
    <t>Isoya</t>
  </si>
  <si>
    <t>23CA0055</t>
  </si>
  <si>
    <t>有限会社　P.C.H</t>
  </si>
  <si>
    <t>505-4</t>
  </si>
  <si>
    <t>ピザキャリー富山北店</t>
  </si>
  <si>
    <t>23AA0080</t>
  </si>
  <si>
    <t>ビッグジョイ</t>
  </si>
  <si>
    <t>23AJ0049</t>
  </si>
  <si>
    <t>7-25</t>
  </si>
  <si>
    <t>一掬（いちぎく）</t>
  </si>
  <si>
    <t>23AC0006</t>
  </si>
  <si>
    <t>山彦</t>
  </si>
  <si>
    <t>１丁目４番１７号</t>
  </si>
  <si>
    <t>23AI0096</t>
  </si>
  <si>
    <t>BEER　STAND　JOJO</t>
  </si>
  <si>
    <t>小杉ビル２F-C</t>
  </si>
  <si>
    <t>23AI0090</t>
  </si>
  <si>
    <t>鮮心　丹波</t>
  </si>
  <si>
    <t>1-13</t>
  </si>
  <si>
    <t>23AG0009</t>
  </si>
  <si>
    <t>特定非営利活動法人 Bamboo saves the earth</t>
  </si>
  <si>
    <t>145番地</t>
  </si>
  <si>
    <t>Bamboo　カフェサロン</t>
  </si>
  <si>
    <t>23AJ0052</t>
  </si>
  <si>
    <t>23CA0064</t>
  </si>
  <si>
    <t>23CT0002</t>
  </si>
  <si>
    <t>Bamboo　ラボ</t>
  </si>
  <si>
    <t>１４５番地</t>
  </si>
  <si>
    <t>23AA0154</t>
  </si>
  <si>
    <t>23CC0029</t>
  </si>
  <si>
    <t>ホットトットクラブ</t>
  </si>
  <si>
    <t>2-3-18</t>
  </si>
  <si>
    <t>じゅらくビル1F</t>
  </si>
  <si>
    <t>23AI0091</t>
  </si>
  <si>
    <t>おやつや　ｋｕｋｕｒｕ</t>
  </si>
  <si>
    <t>24-5</t>
  </si>
  <si>
    <t>23CA0056</t>
  </si>
  <si>
    <t>TRATTORIA　サッチ　（富山800す284）</t>
  </si>
  <si>
    <t>23AM0023</t>
  </si>
  <si>
    <t>有限会社富山新三陽</t>
  </si>
  <si>
    <t>3-19</t>
  </si>
  <si>
    <t>にじいろ</t>
  </si>
  <si>
    <t>23AE0030</t>
  </si>
  <si>
    <t>中国酒家　新三陽</t>
  </si>
  <si>
    <t>24AB0007</t>
  </si>
  <si>
    <t>平の小屋</t>
  </si>
  <si>
    <t>６番１</t>
  </si>
  <si>
    <t>23AF0009</t>
  </si>
  <si>
    <t>株式会社丸亀製麺</t>
  </si>
  <si>
    <t>道玄坂１丁目２１番１号</t>
  </si>
  <si>
    <t>丸亀製麺富山荒川店</t>
  </si>
  <si>
    <t>荒川2-21-25</t>
  </si>
  <si>
    <t>24AD0011</t>
  </si>
  <si>
    <t>3丁目9-38</t>
  </si>
  <si>
    <t>肉のイワサキ</t>
  </si>
  <si>
    <t>23AK0006</t>
  </si>
  <si>
    <t>23BF0007</t>
  </si>
  <si>
    <t>麺家　一鶴</t>
  </si>
  <si>
    <t>一丁目3-36</t>
  </si>
  <si>
    <t>23AD0024</t>
  </si>
  <si>
    <t>チカライト</t>
  </si>
  <si>
    <t>水橋伊勢領</t>
  </si>
  <si>
    <t>92</t>
  </si>
  <si>
    <t>23AJ0051</t>
  </si>
  <si>
    <t>有限会社　イブニング・スター</t>
  </si>
  <si>
    <t>水橋二ツ屋</t>
  </si>
  <si>
    <t>48-6</t>
  </si>
  <si>
    <t>シャトレーゼ　水橋店</t>
  </si>
  <si>
    <t>23CA0063</t>
  </si>
  <si>
    <t>ChRoMe</t>
  </si>
  <si>
    <t>23AI0099</t>
  </si>
  <si>
    <t>Blue CoCo Kitchen (富山800す6186)</t>
  </si>
  <si>
    <t>23AM0024</t>
  </si>
  <si>
    <t>岩瀬港町</t>
  </si>
  <si>
    <t>48</t>
  </si>
  <si>
    <t>シフォンケーキ（カネマタ）</t>
  </si>
  <si>
    <t>23CA0065</t>
  </si>
  <si>
    <t>49-8</t>
  </si>
  <si>
    <t>(有)ふっ蔵パン屋　かくれんぼ</t>
  </si>
  <si>
    <t>23CA0066</t>
  </si>
  <si>
    <t>合同会社　Monsieur J</t>
  </si>
  <si>
    <t>磯部町</t>
  </si>
  <si>
    <t>2-7-10</t>
  </si>
  <si>
    <t>Monsieur J</t>
  </si>
  <si>
    <t>２－７－１０</t>
  </si>
  <si>
    <t>23AJ0062</t>
  </si>
  <si>
    <t>23CA0078</t>
  </si>
  <si>
    <t>一心　株式会社</t>
  </si>
  <si>
    <t>寺家新屋敷</t>
  </si>
  <si>
    <t>366</t>
  </si>
  <si>
    <t>錦龍</t>
  </si>
  <si>
    <t>23AK0008</t>
  </si>
  <si>
    <t>スナック３４</t>
  </si>
  <si>
    <t>２丁目２－３</t>
  </si>
  <si>
    <t>23AI0097</t>
  </si>
  <si>
    <t>Ｙｉ　Ｙｉ　Ｂａｋｅｒｙ</t>
  </si>
  <si>
    <t>１－７－１１</t>
  </si>
  <si>
    <t>23CA0070</t>
  </si>
  <si>
    <t>神戸屋北店</t>
  </si>
  <si>
    <t>8-16</t>
  </si>
  <si>
    <t>23AK0009</t>
  </si>
  <si>
    <t>23BF0008</t>
  </si>
  <si>
    <t>有限会社　創和物産</t>
  </si>
  <si>
    <t>浜開新町</t>
  </si>
  <si>
    <t>5-7</t>
  </si>
  <si>
    <t>モンブラン（Mont Blanc)</t>
  </si>
  <si>
    <t>3丁目182-1</t>
  </si>
  <si>
    <t>DSG　WORLD豊田店内</t>
  </si>
  <si>
    <t>23AA0084</t>
  </si>
  <si>
    <t>喫茶　茶の木</t>
  </si>
  <si>
    <t>一丁目25-3</t>
  </si>
  <si>
    <t>23AJ0053</t>
  </si>
  <si>
    <t>株式会社あなぶき社宅サービス</t>
  </si>
  <si>
    <t>37</t>
  </si>
  <si>
    <t>香川県</t>
  </si>
  <si>
    <t>高松市</t>
  </si>
  <si>
    <t>紺屋町</t>
  </si>
  <si>
    <t>3番地6</t>
  </si>
  <si>
    <t>新生食堂</t>
  </si>
  <si>
    <t>太平洋製鋼株式会社社員寮内</t>
  </si>
  <si>
    <t>23AA0085</t>
  </si>
  <si>
    <t>パティスリーナオ</t>
  </si>
  <si>
    <t>1761-1</t>
  </si>
  <si>
    <t>23CA0069</t>
  </si>
  <si>
    <t>グリーンロード</t>
  </si>
  <si>
    <t>23AI0100</t>
  </si>
  <si>
    <t>堀マート</t>
  </si>
  <si>
    <t>225</t>
  </si>
  <si>
    <t>23AK0013</t>
  </si>
  <si>
    <t>23BF0012</t>
  </si>
  <si>
    <t>23BD0012</t>
  </si>
  <si>
    <t>株式会社　竹林堂分家</t>
  </si>
  <si>
    <t>23CA0071</t>
  </si>
  <si>
    <t>株式会社ＴｉＥ</t>
  </si>
  <si>
    <t>363</t>
  </si>
  <si>
    <t>アイスタベタイ</t>
  </si>
  <si>
    <t>ミナミプラザ内</t>
  </si>
  <si>
    <t>23AJ0059</t>
  </si>
  <si>
    <t>What's?</t>
  </si>
  <si>
    <t>3番地21号</t>
  </si>
  <si>
    <t>24AJ0035</t>
  </si>
  <si>
    <t>日本ピザハット株式会社</t>
  </si>
  <si>
    <t>みなとみらい４丁目４番５号</t>
  </si>
  <si>
    <t>ピザハット　富山豊田店</t>
  </si>
  <si>
    <t>2-70-4</t>
  </si>
  <si>
    <t>23AE0052</t>
  </si>
  <si>
    <t>株式会社　カワセ</t>
  </si>
  <si>
    <t>一丁目2-10</t>
  </si>
  <si>
    <t>23AK0010</t>
  </si>
  <si>
    <t>SIX</t>
  </si>
  <si>
    <t>1-2-13</t>
  </si>
  <si>
    <t>ザ・ロイヤルビル２階E号室</t>
  </si>
  <si>
    <t>23AI0106</t>
  </si>
  <si>
    <t>ラウンジ　桜庭</t>
  </si>
  <si>
    <t>1丁目4-3</t>
  </si>
  <si>
    <t>桜木町レストタウンビル１F</t>
  </si>
  <si>
    <t>23AI0101</t>
  </si>
  <si>
    <t>七丁目12-5</t>
  </si>
  <si>
    <t>酒蔵乃山本</t>
  </si>
  <si>
    <t>23AN0022</t>
  </si>
  <si>
    <t>マタアス合同会社</t>
  </si>
  <si>
    <t>一丁目11番1号</t>
  </si>
  <si>
    <t>ミッちゃん餃子</t>
  </si>
  <si>
    <t>清風町</t>
  </si>
  <si>
    <t>149</t>
  </si>
  <si>
    <t>23AK0011</t>
  </si>
  <si>
    <t>23AB0005</t>
  </si>
  <si>
    <t>株式会社 Piatto Suzuki Cinque</t>
  </si>
  <si>
    <t>93</t>
  </si>
  <si>
    <t>23AA0086</t>
  </si>
  <si>
    <t>VICTORY</t>
  </si>
  <si>
    <t>ヴィクトリー</t>
  </si>
  <si>
    <t>ザ・ロイヤルビル２F</t>
  </si>
  <si>
    <t>23AI0105</t>
  </si>
  <si>
    <t>ｆｉｋａ</t>
  </si>
  <si>
    <t>４－４－７</t>
  </si>
  <si>
    <t>総曲輪レガートスクエア２Ｆバル</t>
  </si>
  <si>
    <t>23CA0073</t>
  </si>
  <si>
    <t>Luna</t>
  </si>
  <si>
    <t>桜木プラザビル　地下1F</t>
  </si>
  <si>
    <t>23AI0104</t>
  </si>
  <si>
    <t>株式会社　crust</t>
  </si>
  <si>
    <t>4番1号ファイブワンビル1階</t>
  </si>
  <si>
    <t>宴楽</t>
  </si>
  <si>
    <t>アパヴィラホテル1F</t>
  </si>
  <si>
    <t>23AI0109</t>
  </si>
  <si>
    <t>中国料理　大連飯店富山北店</t>
  </si>
  <si>
    <t>101-4</t>
  </si>
  <si>
    <t>23AB0006</t>
  </si>
  <si>
    <t>餃子酒場</t>
  </si>
  <si>
    <t>1丁目3-8</t>
  </si>
  <si>
    <t>桜町ビル1F</t>
  </si>
  <si>
    <t>23AB0007</t>
  </si>
  <si>
    <t>大連飯店　中国料理</t>
  </si>
  <si>
    <t>１－２－８</t>
  </si>
  <si>
    <t>24AB0009</t>
  </si>
  <si>
    <t>有限会社　シマヤコーポレーション</t>
  </si>
  <si>
    <t>日之出町</t>
  </si>
  <si>
    <t>麺屋　信次郎</t>
  </si>
  <si>
    <t>豊城町</t>
  </si>
  <si>
    <t>6-15　１F</t>
  </si>
  <si>
    <t>23AD0026</t>
  </si>
  <si>
    <t>季節の菓子</t>
  </si>
  <si>
    <t>１２－８</t>
  </si>
  <si>
    <t>23CA0075</t>
  </si>
  <si>
    <t>株式会社　からっ風</t>
  </si>
  <si>
    <t>7-2　ミカド第２ビル</t>
  </si>
  <si>
    <t>ASIAN　CLUB　美ら</t>
  </si>
  <si>
    <t>ミカド第２ビル　１F,２F</t>
  </si>
  <si>
    <t>23AH0007</t>
  </si>
  <si>
    <t>株式会社　AZITO</t>
  </si>
  <si>
    <t>一丁目4番16号</t>
  </si>
  <si>
    <t>CLUB　AZITO</t>
  </si>
  <si>
    <t>一丁目４番22号</t>
  </si>
  <si>
    <t>KARAKKAZE　BLD　１F,２F</t>
  </si>
  <si>
    <t>23AH0006</t>
  </si>
  <si>
    <t>四方蒲鉾株式会社</t>
  </si>
  <si>
    <t>６２６番地</t>
  </si>
  <si>
    <t>23CH0002</t>
  </si>
  <si>
    <t>中島２丁目</t>
  </si>
  <si>
    <t>なかしま</t>
  </si>
  <si>
    <t>23AA0088</t>
  </si>
  <si>
    <t>Cafe le.Ciel</t>
  </si>
  <si>
    <t>23AJ0056</t>
  </si>
  <si>
    <t>株式会社オリバー</t>
  </si>
  <si>
    <t>４－４－４</t>
  </si>
  <si>
    <t>ＳＯＢＡＴＯＲＩ</t>
  </si>
  <si>
    <t>226番地2</t>
  </si>
  <si>
    <t>グリーンモール山室内</t>
  </si>
  <si>
    <t>23AD0028</t>
  </si>
  <si>
    <t>国際観光興業株式会社</t>
  </si>
  <si>
    <t>２－３－５</t>
  </si>
  <si>
    <t>ホテル　シャングリラ</t>
  </si>
  <si>
    <t>１５１８－１</t>
  </si>
  <si>
    <t>23AF0010</t>
  </si>
  <si>
    <t>Ｍｅｅ</t>
  </si>
  <si>
    <t>館出町２丁目</t>
  </si>
  <si>
    <t>１－２　2階</t>
  </si>
  <si>
    <t>23AI0110</t>
  </si>
  <si>
    <t>MC　エムシー　SNACK</t>
  </si>
  <si>
    <t>1-7-3</t>
  </si>
  <si>
    <t>共和ビル1F</t>
  </si>
  <si>
    <t>23AI0174</t>
  </si>
  <si>
    <t>株式会社　AGI</t>
  </si>
  <si>
    <t>本江町</t>
  </si>
  <si>
    <t>6-37</t>
  </si>
  <si>
    <t>AIM TOYAMA</t>
  </si>
  <si>
    <t>1丁目6番7号</t>
  </si>
  <si>
    <t>一番館ビル1F</t>
  </si>
  <si>
    <t>23AI0108</t>
  </si>
  <si>
    <t>eclipse</t>
  </si>
  <si>
    <t>山口ビル2F</t>
  </si>
  <si>
    <t>23AI0107</t>
  </si>
  <si>
    <t>株式会社グリア</t>
  </si>
  <si>
    <t>ｇ＃</t>
  </si>
  <si>
    <t>諏訪川原</t>
  </si>
  <si>
    <t>1-10-19</t>
  </si>
  <si>
    <t>23AJ0058</t>
  </si>
  <si>
    <t>23CA0074</t>
  </si>
  <si>
    <t>23CD0006</t>
  </si>
  <si>
    <t>23CC0013</t>
  </si>
  <si>
    <t>２１時にアイス　新根塚店</t>
  </si>
  <si>
    <t>１丁目１－６０</t>
  </si>
  <si>
    <t>23AN0023</t>
  </si>
  <si>
    <t>BAR　エイト</t>
  </si>
  <si>
    <t>4丁目6-15</t>
  </si>
  <si>
    <t>23AI0111</t>
  </si>
  <si>
    <t>前田薬品工業株式会社</t>
  </si>
  <si>
    <t>1丁目18番47号</t>
  </si>
  <si>
    <t>新蒸留研究所</t>
  </si>
  <si>
    <t>23CP0001</t>
  </si>
  <si>
    <t>株式会社　ワシントン靴店</t>
  </si>
  <si>
    <t>婦中町青島</t>
  </si>
  <si>
    <t>401番地</t>
  </si>
  <si>
    <t>菓匠　将満　富山羽根店</t>
  </si>
  <si>
    <t>977</t>
  </si>
  <si>
    <t>23AJ0063</t>
  </si>
  <si>
    <t>24CA0009</t>
  </si>
  <si>
    <t>菓匠　将満　下飯野店</t>
  </si>
  <si>
    <t>400番地</t>
  </si>
  <si>
    <t>24AJ0013</t>
  </si>
  <si>
    <t>株式会社　ａｎｄＬｉｎｋ</t>
  </si>
  <si>
    <t>１－２０８</t>
  </si>
  <si>
    <t>沙　－ｉｓａｇｏ－</t>
  </si>
  <si>
    <t>四方田町</t>
  </si>
  <si>
    <t>23AA0100</t>
  </si>
  <si>
    <t>沙  ーisagoー</t>
  </si>
  <si>
    <t>23CA0085</t>
  </si>
  <si>
    <t>えく坊</t>
  </si>
  <si>
    <t>一丁目4-1</t>
  </si>
  <si>
    <t>セントラルコート西町プレミア２F</t>
  </si>
  <si>
    <t>23AI0160</t>
  </si>
  <si>
    <t>有限会社　タオ</t>
  </si>
  <si>
    <t>117-1</t>
  </si>
  <si>
    <t>山海野　岩瀬店</t>
  </si>
  <si>
    <t>岩瀬松原町</t>
  </si>
  <si>
    <t>23AD0029</t>
  </si>
  <si>
    <t>白</t>
  </si>
  <si>
    <t>桜木中央ビル3F</t>
  </si>
  <si>
    <t>23AI0112</t>
  </si>
  <si>
    <t>AND</t>
  </si>
  <si>
    <t>1121-3</t>
  </si>
  <si>
    <t>23AJ0061</t>
  </si>
  <si>
    <t>豊中物産　株式会社</t>
  </si>
  <si>
    <t>３－１５－２１</t>
  </si>
  <si>
    <t>招龍亭</t>
  </si>
  <si>
    <t>23AK0017</t>
  </si>
  <si>
    <t>まる工房</t>
  </si>
  <si>
    <t>23CA0076</t>
  </si>
  <si>
    <t>こうどん常松寺</t>
  </si>
  <si>
    <t>2086</t>
  </si>
  <si>
    <t>23AD0031</t>
  </si>
  <si>
    <t>合同会社ＣＩＢＯ</t>
  </si>
  <si>
    <t>２丁目４－１５</t>
  </si>
  <si>
    <t>ＣＩＢＯ　ＤＥＬＩＢＡＫＥ　大和富山店</t>
  </si>
  <si>
    <t>３－８－６</t>
  </si>
  <si>
    <t>23AK0018</t>
  </si>
  <si>
    <t>愛宕町</t>
  </si>
  <si>
    <t>酒場　クロモジ</t>
  </si>
  <si>
    <t>2-5-3</t>
  </si>
  <si>
    <t>23AI0113</t>
  </si>
  <si>
    <t>HYDEOUT</t>
  </si>
  <si>
    <t>T-ONEビル3F</t>
  </si>
  <si>
    <t>24AI0079</t>
  </si>
  <si>
    <t>ハマ企画　株式会社</t>
  </si>
  <si>
    <t>509</t>
  </si>
  <si>
    <t>発酵カフェ　ループ</t>
  </si>
  <si>
    <t>婦中町富崎</t>
  </si>
  <si>
    <t>131</t>
  </si>
  <si>
    <t>24AA0071</t>
  </si>
  <si>
    <t>有限会社　ヴィ・ウエスト</t>
  </si>
  <si>
    <t>7丁目2番１号</t>
  </si>
  <si>
    <t>蘇TETSU</t>
  </si>
  <si>
    <t>23AC0014</t>
  </si>
  <si>
    <t>23CH0006</t>
  </si>
  <si>
    <t>堀商店（富山800る263）</t>
  </si>
  <si>
    <t>23AM0025</t>
  </si>
  <si>
    <t>Ｌｏｕｎｇｅ　ＬＵＳＨ</t>
  </si>
  <si>
    <t>１－４－１</t>
  </si>
  <si>
    <t>サンライトビル１０１号</t>
  </si>
  <si>
    <t>23AI0115</t>
  </si>
  <si>
    <t>BAR　福笑</t>
  </si>
  <si>
    <t>2-3  ふんすい横丁002</t>
  </si>
  <si>
    <t>23AI0118</t>
  </si>
  <si>
    <t>大衆割烹　ターちゃん</t>
  </si>
  <si>
    <t>1661</t>
  </si>
  <si>
    <t>23AI0116</t>
  </si>
  <si>
    <t>チェンジングフード株式会社</t>
  </si>
  <si>
    <t>295-19</t>
  </si>
  <si>
    <t>配食のふれ愛　富山店</t>
  </si>
  <si>
    <t>23AE0033</t>
  </si>
  <si>
    <t>懐石椿亭　本店</t>
  </si>
  <si>
    <t>23AG0011</t>
  </si>
  <si>
    <t>志満屋</t>
  </si>
  <si>
    <t>23BD0014</t>
  </si>
  <si>
    <t>酒処　げたや</t>
  </si>
  <si>
    <t>23AI0117</t>
  </si>
  <si>
    <t>株式会社　吉田屋鱒寿し本舗</t>
  </si>
  <si>
    <t>２丁目６－６</t>
  </si>
  <si>
    <t>23AE0034</t>
  </si>
  <si>
    <t>大和海産　株式会社</t>
  </si>
  <si>
    <t>大和海産　下堀店</t>
  </si>
  <si>
    <t>19BD0104</t>
  </si>
  <si>
    <t>大和海産　呉羽店</t>
  </si>
  <si>
    <t>大阪屋ショップ呉羽店１F</t>
  </si>
  <si>
    <t>19AK0023</t>
  </si>
  <si>
    <t>19BD0089</t>
  </si>
  <si>
    <t>大和海産　秋吉店</t>
  </si>
  <si>
    <t>18BD0078</t>
  </si>
  <si>
    <t>大和海産　豊田店</t>
  </si>
  <si>
    <t>１-4-40</t>
  </si>
  <si>
    <t>20BD0111</t>
  </si>
  <si>
    <t>大和海産　赤田店</t>
  </si>
  <si>
    <t>７４５</t>
  </si>
  <si>
    <t>23BD0001</t>
  </si>
  <si>
    <t>愛</t>
  </si>
  <si>
    <t>14番３</t>
  </si>
  <si>
    <t>第２桜ビル101号室</t>
  </si>
  <si>
    <t>23AI0122</t>
  </si>
  <si>
    <t>神通本町二丁目</t>
  </si>
  <si>
    <t>味楽</t>
  </si>
  <si>
    <t>23AA0091</t>
  </si>
  <si>
    <t>有限会社　林屋</t>
  </si>
  <si>
    <t>２２３２</t>
  </si>
  <si>
    <t>林精肉店</t>
  </si>
  <si>
    <t>23AK0015</t>
  </si>
  <si>
    <t>23BF0014</t>
  </si>
  <si>
    <t>ホヤホヤ</t>
  </si>
  <si>
    <t>10-14</t>
  </si>
  <si>
    <t>23CA0079</t>
  </si>
  <si>
    <t>婦中町堀</t>
  </si>
  <si>
    <t>多が味</t>
  </si>
  <si>
    <t>23AA0092</t>
  </si>
  <si>
    <t>Lounge 華</t>
  </si>
  <si>
    <t>1丁目2番20号</t>
  </si>
  <si>
    <t>桜木町センタービル３F　304号</t>
  </si>
  <si>
    <t>23AI0124</t>
  </si>
  <si>
    <t>株式会社額</t>
  </si>
  <si>
    <t>額　美和食（富山480す7456）</t>
  </si>
  <si>
    <t>23AM0027</t>
  </si>
  <si>
    <t>旭屋</t>
  </si>
  <si>
    <t>2232-3</t>
  </si>
  <si>
    <t>23AI0119</t>
  </si>
  <si>
    <t>ひびきや</t>
  </si>
  <si>
    <t>２丁目3-18</t>
  </si>
  <si>
    <t>23AK0016</t>
  </si>
  <si>
    <t>23BF0015</t>
  </si>
  <si>
    <t>2216</t>
  </si>
  <si>
    <t>みやだ 花月</t>
  </si>
  <si>
    <t>23AA0093</t>
  </si>
  <si>
    <t>サマーナイト</t>
  </si>
  <si>
    <t>石黒ビル B-1</t>
  </si>
  <si>
    <t>23AI0120</t>
  </si>
  <si>
    <t>2173</t>
  </si>
  <si>
    <t>水上水月堂</t>
  </si>
  <si>
    <t>23CA0080</t>
  </si>
  <si>
    <t>有限会社野口屋</t>
  </si>
  <si>
    <t>1812</t>
  </si>
  <si>
    <t>2378-2</t>
  </si>
  <si>
    <t>18CA0082</t>
  </si>
  <si>
    <t>19AO0022</t>
  </si>
  <si>
    <t>20CA0087</t>
  </si>
  <si>
    <t>株式会社ＲＫ</t>
  </si>
  <si>
    <t>江戸川区</t>
  </si>
  <si>
    <t>瑞江</t>
  </si>
  <si>
    <t>二丁目５番１６号</t>
  </si>
  <si>
    <t>Ｒ’Ｓキッチン</t>
  </si>
  <si>
    <t>３丁目５－４３</t>
  </si>
  <si>
    <t>店舗No.008</t>
  </si>
  <si>
    <t>23CH0004</t>
  </si>
  <si>
    <t>23CC0028</t>
  </si>
  <si>
    <t>レッド＆パッチバル</t>
  </si>
  <si>
    <t>今木町ビル1階</t>
  </si>
  <si>
    <t>24AI0013</t>
  </si>
  <si>
    <t>株式会社　縁溜</t>
  </si>
  <si>
    <t>四谷尾</t>
  </si>
  <si>
    <t>691-4</t>
  </si>
  <si>
    <t>水橋温泉　ごくらくの湯</t>
  </si>
  <si>
    <t>水橋中村町花内</t>
  </si>
  <si>
    <t>187-1</t>
  </si>
  <si>
    <t>23AJ0077</t>
  </si>
  <si>
    <t>２１５－１</t>
  </si>
  <si>
    <t>ＣｏＣｏマロン　パン工房</t>
  </si>
  <si>
    <t>23CA0081</t>
  </si>
  <si>
    <t>鉄板焼　松なが</t>
  </si>
  <si>
    <t>T2ビル　1F</t>
  </si>
  <si>
    <t>23AA0094</t>
  </si>
  <si>
    <t>有限会社瀧味堂</t>
  </si>
  <si>
    <t>7187-41</t>
  </si>
  <si>
    <t>23CA0110</t>
  </si>
  <si>
    <t>ハッピー食堂</t>
  </si>
  <si>
    <t>2丁目3番27号</t>
  </si>
  <si>
    <t>23AA0095</t>
  </si>
  <si>
    <t>株式会社　JAライフ富山</t>
  </si>
  <si>
    <t>468</t>
  </si>
  <si>
    <t>Aコープウインズ食鮮館</t>
  </si>
  <si>
    <t>23BD0015</t>
  </si>
  <si>
    <t>八尾町今町</t>
  </si>
  <si>
    <t>1725-1</t>
  </si>
  <si>
    <t>袋亭</t>
  </si>
  <si>
    <t>23AD0030</t>
  </si>
  <si>
    <t>ＣＲＡＦＴ　ＢＡＫＥＲＹ</t>
  </si>
  <si>
    <t>996-6</t>
  </si>
  <si>
    <t>23CA0082</t>
  </si>
  <si>
    <t>古川6</t>
  </si>
  <si>
    <t>富山市野外教育活動センター（富山市こどもの村）</t>
  </si>
  <si>
    <t>山田赤目谷字大山</t>
  </si>
  <si>
    <t>16-2</t>
  </si>
  <si>
    <t>23AA0096</t>
  </si>
  <si>
    <t>大成産業　株式会社</t>
  </si>
  <si>
    <t>2034</t>
  </si>
  <si>
    <t>ガーデンレストラン　ティファニィ磯部店</t>
  </si>
  <si>
    <t>2-10-24</t>
  </si>
  <si>
    <t>23AA0097</t>
  </si>
  <si>
    <t>ラウンジ　響</t>
  </si>
  <si>
    <t>1丁目1-6</t>
  </si>
  <si>
    <t>23AI0125</t>
  </si>
  <si>
    <t>株式会社　テンファイブ</t>
  </si>
  <si>
    <t>93番地</t>
  </si>
  <si>
    <t>旺季</t>
  </si>
  <si>
    <t>第一三愛ビル４F　P室</t>
  </si>
  <si>
    <t>23AI0186</t>
  </si>
  <si>
    <t>ごほう美　惣菜　ユース丸</t>
  </si>
  <si>
    <t>福一ビル西町１階</t>
  </si>
  <si>
    <t>23AK0020</t>
  </si>
  <si>
    <t>コムクレープ富山ファボーレ店</t>
  </si>
  <si>
    <t>23CA0084</t>
  </si>
  <si>
    <t>有限会社　吉乃井酒店</t>
  </si>
  <si>
    <t>５７１２－１</t>
  </si>
  <si>
    <t>居酒屋　吉乃井</t>
  </si>
  <si>
    <t>２４４４</t>
  </si>
  <si>
    <t>23AI0127</t>
  </si>
  <si>
    <t>有限会社竹林堂</t>
  </si>
  <si>
    <t>１－５－２</t>
  </si>
  <si>
    <t>竹林堂</t>
  </si>
  <si>
    <t>23AJ0100</t>
  </si>
  <si>
    <t>さくらん</t>
  </si>
  <si>
    <t>1丁目1-5</t>
  </si>
  <si>
    <t>サンバードビル2F</t>
  </si>
  <si>
    <t>23AI0126</t>
  </si>
  <si>
    <t>オーガニックキッチン音川ファーム（多摩800そ5030）</t>
  </si>
  <si>
    <t>23AM0029</t>
  </si>
  <si>
    <t>食事処　邦</t>
  </si>
  <si>
    <t>新庄本町</t>
  </si>
  <si>
    <t>1-2-51</t>
  </si>
  <si>
    <t>23AA0099</t>
  </si>
  <si>
    <t>雪の日も</t>
  </si>
  <si>
    <t>1074-4</t>
  </si>
  <si>
    <t>23AE0037</t>
  </si>
  <si>
    <t>23CA0090</t>
  </si>
  <si>
    <t>611-19</t>
  </si>
  <si>
    <t>cook SOIGA</t>
  </si>
  <si>
    <t>23AE0038</t>
  </si>
  <si>
    <t>城南サテライト（シルバーケア城南内）</t>
  </si>
  <si>
    <t>太郎丸西町</t>
  </si>
  <si>
    <t>シルバーケア城南内</t>
  </si>
  <si>
    <t>23AA0105</t>
  </si>
  <si>
    <t>今泉サテライト（シルバーケア今泉内）</t>
  </si>
  <si>
    <t>218</t>
  </si>
  <si>
    <t>シルバーケア今泉内</t>
  </si>
  <si>
    <t>23AA0106</t>
  </si>
  <si>
    <t>栗山サテライト（シルバーケア栗山内）</t>
  </si>
  <si>
    <t>栗山字沢下割</t>
  </si>
  <si>
    <t>900</t>
  </si>
  <si>
    <t>シルバーケア栗山内</t>
  </si>
  <si>
    <t>23AA0107</t>
  </si>
  <si>
    <t>城南病院サテライト（富山城南病院内）</t>
  </si>
  <si>
    <t>24AA0020</t>
  </si>
  <si>
    <t>1-3-18</t>
  </si>
  <si>
    <t>スイートピー洋菓子店</t>
  </si>
  <si>
    <t>23CA0086</t>
  </si>
  <si>
    <t>姑娘</t>
  </si>
  <si>
    <t>3丁目7-2</t>
  </si>
  <si>
    <t>ポエシア・ブランカ1F</t>
  </si>
  <si>
    <t>23AB0008</t>
  </si>
  <si>
    <t>ドラゴンゲート</t>
  </si>
  <si>
    <t>23AI0128</t>
  </si>
  <si>
    <t>株式会社テキサスハンズ</t>
  </si>
  <si>
    <t>田原</t>
  </si>
  <si>
    <t>1-9-20</t>
  </si>
  <si>
    <t>テキサスハンズ富山婦中店</t>
  </si>
  <si>
    <t>79-1</t>
  </si>
  <si>
    <t>23AA0101</t>
  </si>
  <si>
    <t>株式会社　八尾サービス</t>
  </si>
  <si>
    <t>1丁目30番地の10</t>
  </si>
  <si>
    <t>八尾ゆめの森　ゆうゆう館</t>
  </si>
  <si>
    <t>678番地の1</t>
  </si>
  <si>
    <t>23AF0011</t>
  </si>
  <si>
    <t>株式会社　アサヒブロイラー</t>
  </si>
  <si>
    <t>日本橋小網町</t>
  </si>
  <si>
    <t>6番7号</t>
  </si>
  <si>
    <t>両国茶屋</t>
  </si>
  <si>
    <t>大和B1F</t>
  </si>
  <si>
    <t>23AK0019</t>
  </si>
  <si>
    <t>株式会社　紅葉閣</t>
  </si>
  <si>
    <t>牛ケ増</t>
  </si>
  <si>
    <t>332</t>
  </si>
  <si>
    <t>紅葉閣</t>
  </si>
  <si>
    <t>23AF0012</t>
  </si>
  <si>
    <t>スナックCHIRO</t>
  </si>
  <si>
    <t>　17番街ビル303</t>
  </si>
  <si>
    <t>23AI0155</t>
  </si>
  <si>
    <t>ちょんまげ</t>
  </si>
  <si>
    <t>マツモト第7ビル　２F</t>
  </si>
  <si>
    <t>23AI0131</t>
  </si>
  <si>
    <t>株式会社　大</t>
  </si>
  <si>
    <t>１８番７号　アーバンプレイス地下１階</t>
  </si>
  <si>
    <t>ごんべい舎　アーバン店</t>
  </si>
  <si>
    <t>１８番７号</t>
  </si>
  <si>
    <t>アーバンプレイス地下１階</t>
  </si>
  <si>
    <t>23AA0102</t>
  </si>
  <si>
    <t>ごんべい舎（富山480せ620）</t>
  </si>
  <si>
    <t>23AM0031</t>
  </si>
  <si>
    <t>スナック　心</t>
  </si>
  <si>
    <t>中央通り3丁目2-16</t>
  </si>
  <si>
    <t>23AI0129</t>
  </si>
  <si>
    <t>キッチン　kuu</t>
  </si>
  <si>
    <t>23AJ0068</t>
  </si>
  <si>
    <t>23CA0089</t>
  </si>
  <si>
    <t>株式会社　ヴェガ</t>
  </si>
  <si>
    <t>３５５４</t>
  </si>
  <si>
    <t>１４５６</t>
  </si>
  <si>
    <t>23AJ0067</t>
  </si>
  <si>
    <t>ＦＯＯＤ　ＢＡＲ　ねぇちゃん</t>
  </si>
  <si>
    <t>８－１１　２Ｆ</t>
  </si>
  <si>
    <t>23AI0143</t>
  </si>
  <si>
    <t>ウエスタン　ファーム</t>
  </si>
  <si>
    <t>1483</t>
  </si>
  <si>
    <t>23AJ0069</t>
  </si>
  <si>
    <t>1206</t>
  </si>
  <si>
    <t>なんばんラーメン</t>
  </si>
  <si>
    <t>23AD0032</t>
  </si>
  <si>
    <t>有限会社　すし幸</t>
  </si>
  <si>
    <t>27-4</t>
  </si>
  <si>
    <t>26-3</t>
  </si>
  <si>
    <t>23CC0017</t>
  </si>
  <si>
    <t>有限会社　金泉</t>
  </si>
  <si>
    <t>BAR　金泉物語</t>
  </si>
  <si>
    <t>23AI0137</t>
  </si>
  <si>
    <t>フォーク酒場　ペニーレイン</t>
  </si>
  <si>
    <t>2丁目5-18</t>
  </si>
  <si>
    <t>23AI0130</t>
  </si>
  <si>
    <t>２７８６</t>
  </si>
  <si>
    <t>23CF0001</t>
  </si>
  <si>
    <t>小泉町</t>
  </si>
  <si>
    <t>54-11</t>
  </si>
  <si>
    <t>扇一</t>
  </si>
  <si>
    <t>23AE0035</t>
  </si>
  <si>
    <t>279</t>
  </si>
  <si>
    <t>chito</t>
  </si>
  <si>
    <t>157-1</t>
  </si>
  <si>
    <t>HANAハイツ１F　101</t>
  </si>
  <si>
    <t>23CA0092</t>
  </si>
  <si>
    <t>呉羽観光　株式会社</t>
  </si>
  <si>
    <t>三熊</t>
  </si>
  <si>
    <t>１９の２</t>
  </si>
  <si>
    <t>呉羽カントリークラブ　くれは亭</t>
  </si>
  <si>
    <t>23AD0033</t>
  </si>
  <si>
    <t>呉羽カントリークラブ　萩亭</t>
  </si>
  <si>
    <t>23AJ0070</t>
  </si>
  <si>
    <t>呉羽カントリークラブ　柿亭</t>
  </si>
  <si>
    <t>23AJ0071</t>
  </si>
  <si>
    <t>呉羽カントリークラブ　藤亭</t>
  </si>
  <si>
    <t>23AJ0072</t>
  </si>
  <si>
    <t>呉羽カントリークラブ　杉亭</t>
  </si>
  <si>
    <t>23AJ0073</t>
  </si>
  <si>
    <t>吟鷺</t>
  </si>
  <si>
    <t>23AI0132</t>
  </si>
  <si>
    <t>三丁目5番地14</t>
  </si>
  <si>
    <t>SYMPOSIUM</t>
  </si>
  <si>
    <t>23AA0119</t>
  </si>
  <si>
    <t>23CA0098</t>
  </si>
  <si>
    <t>大喜21</t>
  </si>
  <si>
    <t>23AD0034</t>
  </si>
  <si>
    <t>ＦＲＵＩＴ　ＳＷＥＥＴＳ　ＣｈｏｕＣｈｏｕ</t>
  </si>
  <si>
    <t>１－１－１</t>
  </si>
  <si>
    <t>Ｗｅｓｔｉｎビル１Ｆ</t>
  </si>
  <si>
    <t>23CA0120</t>
  </si>
  <si>
    <t>有限会社　庄右衛門</t>
  </si>
  <si>
    <t>三丁目4番12号</t>
  </si>
  <si>
    <t>庄右衛門　元祖　関野屋</t>
  </si>
  <si>
    <t>三丁目4-12</t>
  </si>
  <si>
    <t>23AE0036</t>
  </si>
  <si>
    <t>旬風　粋華</t>
  </si>
  <si>
    <t>669-1</t>
  </si>
  <si>
    <t>23AG0014</t>
  </si>
  <si>
    <t>御座候</t>
  </si>
  <si>
    <t>23AI0134</t>
  </si>
  <si>
    <t>株式会社アット・ハンド山本</t>
  </si>
  <si>
    <t>1丁目13の25</t>
  </si>
  <si>
    <t>麦畑</t>
  </si>
  <si>
    <t>1丁目1-47</t>
  </si>
  <si>
    <t>イワタビル1F</t>
  </si>
  <si>
    <t>23AI0141</t>
  </si>
  <si>
    <t>吉田鮮魚店</t>
  </si>
  <si>
    <t>２４９０－２</t>
  </si>
  <si>
    <t>22AE0035</t>
  </si>
  <si>
    <t>22BD0034</t>
  </si>
  <si>
    <t>girls Sugar</t>
  </si>
  <si>
    <t>1丁目4-19</t>
  </si>
  <si>
    <t>リセス総曲輪２F3号</t>
  </si>
  <si>
    <t>23AI0178</t>
  </si>
  <si>
    <t>蕎麦屋　少兵衛</t>
  </si>
  <si>
    <t>2744</t>
  </si>
  <si>
    <t>23AD0035</t>
  </si>
  <si>
    <t>有限会社アンティアンティ</t>
  </si>
  <si>
    <t>　2F</t>
  </si>
  <si>
    <t>23CI0002</t>
  </si>
  <si>
    <t>３－７－３３</t>
  </si>
  <si>
    <t>イタリア料理　ｆａｃｃｉａ</t>
  </si>
  <si>
    <t>23AA0113</t>
  </si>
  <si>
    <t>新だち</t>
  </si>
  <si>
    <t>996</t>
  </si>
  <si>
    <t>　２F</t>
  </si>
  <si>
    <t>23AN0024</t>
  </si>
  <si>
    <t>楽山</t>
  </si>
  <si>
    <t>23AI0138</t>
  </si>
  <si>
    <t>有限会社　ファーム・ファーム</t>
  </si>
  <si>
    <t>１４４</t>
  </si>
  <si>
    <t>くるが</t>
  </si>
  <si>
    <t>３５５－１</t>
  </si>
  <si>
    <t>23AA0114</t>
  </si>
  <si>
    <t>1918</t>
  </si>
  <si>
    <t>青ちゃん工房</t>
  </si>
  <si>
    <t>23CC0018</t>
  </si>
  <si>
    <t>2794</t>
  </si>
  <si>
    <t>magie poudre</t>
  </si>
  <si>
    <t>23CA0095</t>
  </si>
  <si>
    <t>合同会社ＦＡＢ</t>
  </si>
  <si>
    <t>1-1-17</t>
  </si>
  <si>
    <t>ほっともっと不二越店</t>
  </si>
  <si>
    <t>23AE0039</t>
  </si>
  <si>
    <t>台湾料理　昇龍</t>
  </si>
  <si>
    <t>41-5</t>
  </si>
  <si>
    <t>イオンタウン上飯野</t>
  </si>
  <si>
    <t>23AB0009</t>
  </si>
  <si>
    <t>越中桜町　船酔い</t>
  </si>
  <si>
    <t>1-2-16　１F</t>
  </si>
  <si>
    <t>24AI0015</t>
  </si>
  <si>
    <t>２４１－３</t>
  </si>
  <si>
    <t>石黒商店</t>
  </si>
  <si>
    <t>23CA0096</t>
  </si>
  <si>
    <t>３４－５</t>
  </si>
  <si>
    <t>ｎｏｗｈｅｒｅ</t>
  </si>
  <si>
    <t>23AA0118</t>
  </si>
  <si>
    <t>勝江旅館</t>
  </si>
  <si>
    <t>23AF0013</t>
  </si>
  <si>
    <t>居酒屋　くに</t>
  </si>
  <si>
    <t>23AI0149</t>
  </si>
  <si>
    <t>２０６</t>
  </si>
  <si>
    <t>23AJ0078</t>
  </si>
  <si>
    <t>ＢＥＡＮＳ</t>
  </si>
  <si>
    <t>23AJ0079</t>
  </si>
  <si>
    <t>カフェ＆ワッフル　Blauw－ブラウ－</t>
  </si>
  <si>
    <t>646-1</t>
  </si>
  <si>
    <t>23AJ0080</t>
  </si>
  <si>
    <t>一般財団法人　富山勤労総合福祉センター</t>
  </si>
  <si>
    <t>4103番地1</t>
  </si>
  <si>
    <t>喫茶　梨花</t>
  </si>
  <si>
    <t>23AJ0081</t>
  </si>
  <si>
    <t>呉羽ハイツ</t>
  </si>
  <si>
    <t>料理</t>
  </si>
  <si>
    <t>23AF0014</t>
  </si>
  <si>
    <t>とやま自遊館</t>
  </si>
  <si>
    <t>9番1号</t>
  </si>
  <si>
    <t>24AA0064</t>
  </si>
  <si>
    <t>有限会社　丸善製パン</t>
  </si>
  <si>
    <t>48-2</t>
  </si>
  <si>
    <t>23CA0099</t>
  </si>
  <si>
    <t>セブンーイレブン　富山八尾井田店</t>
  </si>
  <si>
    <t>5516-1</t>
  </si>
  <si>
    <t>23AN0025</t>
  </si>
  <si>
    <t>セブン‐イレブン富山月岡６丁目店</t>
  </si>
  <si>
    <t>７１１－２</t>
  </si>
  <si>
    <t>23AN0014</t>
  </si>
  <si>
    <t>株式会社　柿安本店</t>
  </si>
  <si>
    <t>三重県</t>
  </si>
  <si>
    <t>桑名市</t>
  </si>
  <si>
    <t>吉之丸</t>
  </si>
  <si>
    <t>柿安ダイニング　富山大和店</t>
  </si>
  <si>
    <t>富山大和百貨店Ｂ１Ｆ</t>
  </si>
  <si>
    <t>23AK0023</t>
  </si>
  <si>
    <t>柿安精肉店　富山大和店</t>
  </si>
  <si>
    <t>23BF0018</t>
  </si>
  <si>
    <t>12324</t>
  </si>
  <si>
    <t>Ａ．Ｙ．Ｃ　cafe</t>
  </si>
  <si>
    <t>23AE0040</t>
  </si>
  <si>
    <t>23CA0100</t>
  </si>
  <si>
    <t>３－６－２４</t>
  </si>
  <si>
    <t>中華蕎麦　はし本</t>
  </si>
  <si>
    <t>23AD0036</t>
  </si>
  <si>
    <t>ＷＩＬＤ　ＳＩＤＥ</t>
  </si>
  <si>
    <t>１－１－８</t>
  </si>
  <si>
    <t>まさごビル１階</t>
  </si>
  <si>
    <t>23AI0142</t>
  </si>
  <si>
    <t>1414</t>
  </si>
  <si>
    <t>ロッジ・プータロ</t>
  </si>
  <si>
    <t>23AF0015</t>
  </si>
  <si>
    <t>株式会社　SAI</t>
  </si>
  <si>
    <t>イルゴッチ</t>
  </si>
  <si>
    <t>23AA0121</t>
  </si>
  <si>
    <t>株式会社　KARVAN</t>
  </si>
  <si>
    <t>2-3-22　中教院モルティ</t>
  </si>
  <si>
    <t>KARVAN</t>
  </si>
  <si>
    <t>2-3-22</t>
  </si>
  <si>
    <t>中教院モルティ１F</t>
  </si>
  <si>
    <t>23CA0101</t>
  </si>
  <si>
    <t>八尾町下新町</t>
  </si>
  <si>
    <t>1431</t>
  </si>
  <si>
    <t>寿司一</t>
  </si>
  <si>
    <t>23AE0041</t>
  </si>
  <si>
    <t>621-9</t>
  </si>
  <si>
    <t>居酒屋　焼肉　あづま</t>
  </si>
  <si>
    <t>23AI0144</t>
  </si>
  <si>
    <t>2932-6</t>
  </si>
  <si>
    <t>楠亭</t>
  </si>
  <si>
    <t>23AI0145</t>
  </si>
  <si>
    <t>１丁目６番４号</t>
  </si>
  <si>
    <t>五万石フードサービス</t>
  </si>
  <si>
    <t>1-2-8</t>
  </si>
  <si>
    <t>23AE0043</t>
  </si>
  <si>
    <t>茶曼²</t>
  </si>
  <si>
    <t>山田鍋谷</t>
  </si>
  <si>
    <t>1253-2</t>
  </si>
  <si>
    <t>23CA0103</t>
  </si>
  <si>
    <t>有限会社　ベル</t>
  </si>
  <si>
    <t>23CA0102</t>
  </si>
  <si>
    <t>Bar 招福</t>
  </si>
  <si>
    <t>1丁目4-10</t>
  </si>
  <si>
    <t>23AI0151</t>
  </si>
  <si>
    <t>株式会社　藤岡園</t>
  </si>
  <si>
    <t>黒河</t>
  </si>
  <si>
    <t>3235</t>
  </si>
  <si>
    <t>藤岡園</t>
  </si>
  <si>
    <t>ファボーレ内</t>
  </si>
  <si>
    <t>23AJ0083</t>
  </si>
  <si>
    <t>23AA0122</t>
  </si>
  <si>
    <t>１５３－３</t>
  </si>
  <si>
    <t>飯森鮮魚店</t>
  </si>
  <si>
    <t>23AE0044</t>
  </si>
  <si>
    <t>23BD0017</t>
  </si>
  <si>
    <t>３７９－１０</t>
  </si>
  <si>
    <t>すずろ</t>
  </si>
  <si>
    <t>23AI0146</t>
  </si>
  <si>
    <t>五十嶋商事有限会社</t>
  </si>
  <si>
    <t>11番地の1</t>
  </si>
  <si>
    <t>ロッジ太郎</t>
  </si>
  <si>
    <t>11番地の１</t>
  </si>
  <si>
    <t>23AF0016</t>
  </si>
  <si>
    <t>スゴ乗越小屋</t>
  </si>
  <si>
    <t>有峰字黒部谷割国有林１４３イ林小班</t>
  </si>
  <si>
    <t>23AF0021</t>
  </si>
  <si>
    <t>高天原山荘</t>
  </si>
  <si>
    <t>有峰字黒部谷割国有林１１２３林小班</t>
  </si>
  <si>
    <t>23AF0022</t>
  </si>
  <si>
    <t>薬師沢小屋</t>
  </si>
  <si>
    <t>有峰字黒部谷割国有林１１４い林小班</t>
  </si>
  <si>
    <t>23AF0023</t>
  </si>
  <si>
    <t>ルチルス</t>
  </si>
  <si>
    <t>14番6</t>
  </si>
  <si>
    <t>サンナインプラザビル301号</t>
  </si>
  <si>
    <t>23AI0200</t>
  </si>
  <si>
    <t>トマチサンドイッチ店</t>
  </si>
  <si>
    <t>23AE0046</t>
  </si>
  <si>
    <t>17-29</t>
  </si>
  <si>
    <t>じゅんこごはん</t>
  </si>
  <si>
    <t>23AE0049</t>
  </si>
  <si>
    <t>立山国際ホテル　株式会社</t>
  </si>
  <si>
    <t>立山国際ホテル　桂　四季</t>
  </si>
  <si>
    <t>23AG0016</t>
  </si>
  <si>
    <t>本郷</t>
  </si>
  <si>
    <t>2234-1</t>
  </si>
  <si>
    <t>Bistro　ふらいぱん</t>
  </si>
  <si>
    <t>23AA0124</t>
  </si>
  <si>
    <t>23CA0107</t>
  </si>
  <si>
    <t>らぁ麺　朝軒</t>
  </si>
  <si>
    <t>室町通り</t>
  </si>
  <si>
    <t>1-1-20</t>
  </si>
  <si>
    <t>23AD0038</t>
  </si>
  <si>
    <t>147</t>
  </si>
  <si>
    <t>のざき工房</t>
  </si>
  <si>
    <t>23CA0108</t>
  </si>
  <si>
    <t>23CC0020</t>
  </si>
  <si>
    <t>235-6</t>
  </si>
  <si>
    <t>旬魚菜じろう</t>
  </si>
  <si>
    <t>23AI0148</t>
  </si>
  <si>
    <t>アイデアン　株式会社</t>
  </si>
  <si>
    <t>1556</t>
  </si>
  <si>
    <t>きときと寿司　婦中有沢店</t>
  </si>
  <si>
    <t>112-1</t>
  </si>
  <si>
    <t>23AC0009</t>
  </si>
  <si>
    <t>きときと寿し　飯野店</t>
  </si>
  <si>
    <t>24AC0002</t>
  </si>
  <si>
    <t>萬寿</t>
  </si>
  <si>
    <t>2丁目1-17　T10ビル301</t>
  </si>
  <si>
    <t>23AI0152</t>
  </si>
  <si>
    <t>2378</t>
  </si>
  <si>
    <t>喫茶　四季</t>
  </si>
  <si>
    <t>23AJ0085</t>
  </si>
  <si>
    <t>Montagna</t>
  </si>
  <si>
    <t>オレンジビル２F-C</t>
  </si>
  <si>
    <t>20AI0125</t>
  </si>
  <si>
    <t>23CD0007</t>
  </si>
  <si>
    <t>1st SERVICE 株式会社</t>
  </si>
  <si>
    <t>東流杉</t>
  </si>
  <si>
    <t>160-1</t>
  </si>
  <si>
    <t>Da Friends AMAYOT YOKOCHO</t>
  </si>
  <si>
    <t>3丁目2-15</t>
  </si>
  <si>
    <t>あまよっと横丁内コンテナ201</t>
  </si>
  <si>
    <t>23AI0166</t>
  </si>
  <si>
    <t>株式会社　大間</t>
  </si>
  <si>
    <t>457-9</t>
  </si>
  <si>
    <t>ばらずし　アピタ富山東店</t>
  </si>
  <si>
    <t>三丁目8-38</t>
  </si>
  <si>
    <t>アピタ富山東店内</t>
  </si>
  <si>
    <t>23AE0047</t>
  </si>
  <si>
    <t>酒場　信</t>
  </si>
  <si>
    <t>1丁目4-50</t>
  </si>
  <si>
    <t>23AI0150</t>
  </si>
  <si>
    <t>ラーメンギョウザ　大龍</t>
  </si>
  <si>
    <t>767</t>
  </si>
  <si>
    <t>23AB0010</t>
  </si>
  <si>
    <t>インドダイニングバー　シャルマ</t>
  </si>
  <si>
    <t>185-1C</t>
  </si>
  <si>
    <t>レジデンス蘭1F</t>
  </si>
  <si>
    <t>23AI0172</t>
  </si>
  <si>
    <t>北陸ミート　株式会社</t>
  </si>
  <si>
    <t>２７１５－１３</t>
  </si>
  <si>
    <t>23CC0021</t>
  </si>
  <si>
    <t>喫茶マリオ</t>
  </si>
  <si>
    <t>７１６２－１</t>
  </si>
  <si>
    <t>23AA0126</t>
  </si>
  <si>
    <t>有限会社　池多ミート</t>
  </si>
  <si>
    <t>２－１－１０</t>
  </si>
  <si>
    <t>１６３３</t>
  </si>
  <si>
    <t>23AK0022</t>
  </si>
  <si>
    <t>23BF0017</t>
  </si>
  <si>
    <t>103</t>
  </si>
  <si>
    <t>水橋屋</t>
  </si>
  <si>
    <t>23AE0048</t>
  </si>
  <si>
    <t>23BD0019</t>
  </si>
  <si>
    <t>紅花（べにばな）</t>
  </si>
  <si>
    <t>1-4-5</t>
  </si>
  <si>
    <t>山崎ビル１F</t>
  </si>
  <si>
    <t>23AI0202</t>
  </si>
  <si>
    <t>KAKI’ｓ kitchen BASSA</t>
  </si>
  <si>
    <t>4-4-3</t>
  </si>
  <si>
    <t>高戸ビル１F</t>
  </si>
  <si>
    <t>23AA0127</t>
  </si>
  <si>
    <t>いち縁</t>
  </si>
  <si>
    <t>１丁目４ー４</t>
  </si>
  <si>
    <t>グリーンタウンビル２－Ｃ</t>
  </si>
  <si>
    <t>23AI0175</t>
  </si>
  <si>
    <t>旬膳　す雅の</t>
  </si>
  <si>
    <t>五福新町</t>
  </si>
  <si>
    <t>5937-14</t>
  </si>
  <si>
    <t>23AI0153</t>
  </si>
  <si>
    <t>ＬＵＣＫＹ</t>
  </si>
  <si>
    <t>9番4号</t>
  </si>
  <si>
    <t>桜木町タウンビルＣ棟202号室</t>
  </si>
  <si>
    <t>23AI0173</t>
  </si>
  <si>
    <t>株式会社ビーアイ</t>
  </si>
  <si>
    <t>144-20</t>
  </si>
  <si>
    <t>ノムノム</t>
  </si>
  <si>
    <t>スタービル2F</t>
  </si>
  <si>
    <t>23AA0143</t>
  </si>
  <si>
    <t>24CC0004</t>
  </si>
  <si>
    <t>酒処・食べ処　たか</t>
  </si>
  <si>
    <t>７２４－１</t>
  </si>
  <si>
    <t>斉藤ビル１Ｆ</t>
  </si>
  <si>
    <t>23AI0156</t>
  </si>
  <si>
    <t>塩苅食堂</t>
  </si>
  <si>
    <t>1丁目5-15</t>
  </si>
  <si>
    <t>23AA0129</t>
  </si>
  <si>
    <t>株式会社デリーズ</t>
  </si>
  <si>
    <t>広小路</t>
  </si>
  <si>
    <t>５番２２</t>
  </si>
  <si>
    <t>インド料理　デリー山室店</t>
  </si>
  <si>
    <t>３９１－３</t>
  </si>
  <si>
    <t>23AA0130</t>
  </si>
  <si>
    <t>インド料理　デリー根塚店</t>
  </si>
  <si>
    <t>１丁目９－４５</t>
  </si>
  <si>
    <t>23AA0131</t>
  </si>
  <si>
    <t>ＳＨ合同会社</t>
  </si>
  <si>
    <t>一丁目２番２０号　桜木町センタービル８Ｆ</t>
  </si>
  <si>
    <t>ＣＬＵＢ　ＬＵＸＩＳ</t>
  </si>
  <si>
    <t>一丁目２番２０号</t>
  </si>
  <si>
    <t>桜木町センタービル８Ｆ</t>
  </si>
  <si>
    <t>23AH0008</t>
  </si>
  <si>
    <t>株式会社えん</t>
  </si>
  <si>
    <t>二丁目１４番４３－１</t>
  </si>
  <si>
    <t>ＣＬＵＢ　ＳＡＬＯＮ</t>
  </si>
  <si>
    <t>桜木町ビル２Ｆ</t>
  </si>
  <si>
    <t>23AH0009</t>
  </si>
  <si>
    <t>Lounge GARDEN</t>
  </si>
  <si>
    <t>１丁目９－６</t>
  </si>
  <si>
    <t>加田ビル１階</t>
  </si>
  <si>
    <t>23AI0199</t>
  </si>
  <si>
    <t>株式会社　サルーン</t>
  </si>
  <si>
    <t>1-4-12</t>
  </si>
  <si>
    <t>石焼ステーキ贅　富山西店</t>
  </si>
  <si>
    <t>栃谷</t>
  </si>
  <si>
    <t>412-2</t>
  </si>
  <si>
    <t>23AA0135</t>
  </si>
  <si>
    <t>拾花里株式会社</t>
  </si>
  <si>
    <t>大河物産</t>
  </si>
  <si>
    <t>23CC0031</t>
  </si>
  <si>
    <t>コンフォルターブル</t>
  </si>
  <si>
    <t>23AI0161</t>
  </si>
  <si>
    <t>れすとはうす　みのり</t>
  </si>
  <si>
    <t>23AA0136</t>
  </si>
  <si>
    <t>スナック和歌</t>
  </si>
  <si>
    <t>２－１８</t>
  </si>
  <si>
    <t>余西ビル１階１号店</t>
  </si>
  <si>
    <t>23AI0157</t>
  </si>
  <si>
    <t>大長谷ハンターズジビエ</t>
  </si>
  <si>
    <t>八尾町中島</t>
  </si>
  <si>
    <t>23EA0001</t>
  </si>
  <si>
    <t>拓味フーズ株式会社</t>
  </si>
  <si>
    <t>23CC0022</t>
  </si>
  <si>
    <t>伊酒屋　アット</t>
  </si>
  <si>
    <t>１丁目４番７号</t>
  </si>
  <si>
    <t>かめやビル２Ｆ</t>
  </si>
  <si>
    <t>23AI0158</t>
  </si>
  <si>
    <t>一品料理　龍庵</t>
  </si>
  <si>
    <t>606-1</t>
  </si>
  <si>
    <t>23AI0159</t>
  </si>
  <si>
    <t>ル　ジャルダン　ドゥ　サン</t>
  </si>
  <si>
    <t>６－２３－１Ｆ</t>
  </si>
  <si>
    <t>パークサイド白銀</t>
  </si>
  <si>
    <t>23AA0134</t>
  </si>
  <si>
    <t>風花ふたたび</t>
  </si>
  <si>
    <t>打出ビル２Ｆ</t>
  </si>
  <si>
    <t>23AI0164</t>
  </si>
  <si>
    <t>１９５</t>
  </si>
  <si>
    <t>寺島清月堂</t>
  </si>
  <si>
    <t>23CA0111</t>
  </si>
  <si>
    <t>株式会社　たつや</t>
  </si>
  <si>
    <t>３８７番地４</t>
  </si>
  <si>
    <t>博多長浜ラーメン　たつや</t>
  </si>
  <si>
    <t>23AD0039</t>
  </si>
  <si>
    <t>居酒屋　おろち</t>
  </si>
  <si>
    <t>１９０７－１４</t>
  </si>
  <si>
    <t>23AI0162</t>
  </si>
  <si>
    <t>福々</t>
  </si>
  <si>
    <t>３１７－１５</t>
  </si>
  <si>
    <t>23AI0163</t>
  </si>
  <si>
    <t>有限会社　細川</t>
  </si>
  <si>
    <t>朝日丘</t>
  </si>
  <si>
    <t>1-41</t>
  </si>
  <si>
    <t>氷見牛屋　富山店</t>
  </si>
  <si>
    <t>とやマルシェ内</t>
  </si>
  <si>
    <t>23CC0023</t>
  </si>
  <si>
    <t>クリスタル</t>
  </si>
  <si>
    <t>23AI0168</t>
  </si>
  <si>
    <t>Snack GROW</t>
  </si>
  <si>
    <t>1丁目4-26</t>
  </si>
  <si>
    <t>協同ビル１F</t>
  </si>
  <si>
    <t>23AI0169</t>
  </si>
  <si>
    <t>北日本梱包株式会社</t>
  </si>
  <si>
    <t>４丁目2-78</t>
  </si>
  <si>
    <t>ハナ</t>
  </si>
  <si>
    <t>3丁目3-34</t>
  </si>
  <si>
    <t>23AJ0089</t>
  </si>
  <si>
    <t>株式会社　かづ美</t>
  </si>
  <si>
    <t>中屋二丁目</t>
  </si>
  <si>
    <t>ヴィラ　グランディス　ウェディングリゾート富山</t>
  </si>
  <si>
    <t>5330</t>
  </si>
  <si>
    <t>23AA0138</t>
  </si>
  <si>
    <t>ヴィラ　グランディス　ウェディングリゾート富山　カフェコーナー</t>
  </si>
  <si>
    <t>23AJ0090</t>
  </si>
  <si>
    <t>ｍｉｙａｓｈｉｔａ</t>
  </si>
  <si>
    <t>４－２</t>
  </si>
  <si>
    <t>信開ウエラコート１０３</t>
  </si>
  <si>
    <t>23AI0165</t>
  </si>
  <si>
    <t>愛歩凛</t>
  </si>
  <si>
    <t>フレンドビル３F</t>
  </si>
  <si>
    <t>23AI0170</t>
  </si>
  <si>
    <t>春日温泉観光開発　株式会社</t>
  </si>
  <si>
    <t>９６－１</t>
  </si>
  <si>
    <t>ゆ～とりあ越中</t>
  </si>
  <si>
    <t>春日９６－１</t>
  </si>
  <si>
    <t>23AF0019</t>
  </si>
  <si>
    <t>ゆ～とりあ越中　サルビア</t>
  </si>
  <si>
    <t>23AI0167</t>
  </si>
  <si>
    <t>千歳　小谷</t>
  </si>
  <si>
    <t>１－２－３</t>
  </si>
  <si>
    <t>23AI0171</t>
  </si>
  <si>
    <t>吉風家（きっぷうや）</t>
  </si>
  <si>
    <t>八尾町高熊</t>
  </si>
  <si>
    <t>23AA0142</t>
  </si>
  <si>
    <t>梨の花工房・いわき</t>
  </si>
  <si>
    <t>219</t>
  </si>
  <si>
    <t>23CA0113</t>
  </si>
  <si>
    <t>23CC0024</t>
  </si>
  <si>
    <t>437番地24</t>
  </si>
  <si>
    <t>鬼楽</t>
  </si>
  <si>
    <t>23AA0139</t>
  </si>
  <si>
    <t>有限会社チエリオ</t>
  </si>
  <si>
    <t>総曲輪３丁目６番１５－１８－１号</t>
  </si>
  <si>
    <t>チェリオ</t>
  </si>
  <si>
    <t>3-6-15-18-1</t>
  </si>
  <si>
    <t>23AJ0092</t>
  </si>
  <si>
    <t>４１５－２６</t>
  </si>
  <si>
    <t>金寿司</t>
  </si>
  <si>
    <t>23AC0010</t>
  </si>
  <si>
    <t>株式会社　Ｐｏｎｔｏ</t>
  </si>
  <si>
    <t>１丁目１－７</t>
  </si>
  <si>
    <t>ＧＯＬＦ　ＳＡＬＯＮ　Ｐｏｎｔｏ</t>
  </si>
  <si>
    <t>３－１８　２Ｆ</t>
  </si>
  <si>
    <t>23AI0206</t>
  </si>
  <si>
    <t>株式会社　ノースランド</t>
  </si>
  <si>
    <t>二丁目４番２５号</t>
  </si>
  <si>
    <t>パーティー２</t>
  </si>
  <si>
    <t>23AA0140</t>
  </si>
  <si>
    <t>井波鮮魚店</t>
  </si>
  <si>
    <t>スーパーマルナミ内</t>
  </si>
  <si>
    <t>23BD0020</t>
  </si>
  <si>
    <t>８区３３６３番地</t>
  </si>
  <si>
    <t>とんとん亭</t>
  </si>
  <si>
    <t>23AD0040</t>
  </si>
  <si>
    <t>2-5-9</t>
  </si>
  <si>
    <t>珈琲舎　サイホン</t>
  </si>
  <si>
    <t>23AJ0093</t>
  </si>
  <si>
    <t>ぎょうざ屋くまぞう</t>
  </si>
  <si>
    <t>ボルファートとやま</t>
  </si>
  <si>
    <t>23AA0147</t>
  </si>
  <si>
    <t>有限会社　寿し処　佐々木</t>
  </si>
  <si>
    <t>１９－３１</t>
  </si>
  <si>
    <t>寿し処　佐々木</t>
  </si>
  <si>
    <t>１－６－１１</t>
  </si>
  <si>
    <t>Ｋｅｌｌｙビル１Ｆ</t>
  </si>
  <si>
    <t>23AC0011</t>
  </si>
  <si>
    <t>Ｈｉｄｄｅｎ　Ｂａｓｅ</t>
  </si>
  <si>
    <t>２８６</t>
  </si>
  <si>
    <t>23AI0212</t>
  </si>
  <si>
    <t>居酒屋キッチン　PONPOKO</t>
  </si>
  <si>
    <t>322-5</t>
  </si>
  <si>
    <t>23AJ0094</t>
  </si>
  <si>
    <t>サロン・ド・ソントール</t>
  </si>
  <si>
    <t>ツインビル１Ｆ</t>
  </si>
  <si>
    <t>23AI0176</t>
  </si>
  <si>
    <t>株式会社ロデオインターナショナル</t>
  </si>
  <si>
    <t>2-2-12</t>
  </si>
  <si>
    <t>フランジパニ　総曲輪店</t>
  </si>
  <si>
    <t>23AI0177</t>
  </si>
  <si>
    <t>ジャッキー国際貿易　株式会社</t>
  </si>
  <si>
    <t>上海亭ジャッキー屋台村</t>
  </si>
  <si>
    <t>23AB0011</t>
  </si>
  <si>
    <t>Ｄｉｎｉｎｇ　なっちゃん家</t>
  </si>
  <si>
    <t>２丁目７５－２</t>
  </si>
  <si>
    <t>23AI0193</t>
  </si>
  <si>
    <t>年輪</t>
  </si>
  <si>
    <t>１－４－３０</t>
  </si>
  <si>
    <t>23AI0179</t>
  </si>
  <si>
    <t>光陽興産　株式会社</t>
  </si>
  <si>
    <t>Nagaoka　Sakumo</t>
  </si>
  <si>
    <t>1丁目3番8号</t>
  </si>
  <si>
    <t>23AI0183</t>
  </si>
  <si>
    <t>MERCURY</t>
  </si>
  <si>
    <t xml:space="preserve"> 17番街ビル201</t>
  </si>
  <si>
    <t>23AH0011</t>
  </si>
  <si>
    <t>ほほえみ</t>
  </si>
  <si>
    <t>桜木プラザビル地下1階</t>
  </si>
  <si>
    <t>23AI0180</t>
  </si>
  <si>
    <t>株式会社　プログレ</t>
  </si>
  <si>
    <t>１－８－２　サンクィーンビル１０１</t>
  </si>
  <si>
    <t>燈花</t>
  </si>
  <si>
    <t>１－８－２</t>
  </si>
  <si>
    <t>サンクィーンビル１０１</t>
  </si>
  <si>
    <t>23AI0182</t>
  </si>
  <si>
    <t>３８８０－１</t>
  </si>
  <si>
    <t>鮮魚　仕出　おかやま</t>
  </si>
  <si>
    <t>23AE0051</t>
  </si>
  <si>
    <t>23BD0021</t>
  </si>
  <si>
    <t>ハートホール</t>
  </si>
  <si>
    <t>５７８</t>
  </si>
  <si>
    <t>23AH0010</t>
  </si>
  <si>
    <t>５８番地</t>
  </si>
  <si>
    <t>コーヒーショップ　アイリス</t>
  </si>
  <si>
    <t>23AJ0096</t>
  </si>
  <si>
    <t>3666-10</t>
  </si>
  <si>
    <t>kitchen&amp;bar　洋</t>
  </si>
  <si>
    <t>23AI0181</t>
  </si>
  <si>
    <t>特定非営利活動法人　お米食堂</t>
  </si>
  <si>
    <t>中新川郡舟橋村</t>
  </si>
  <si>
    <t>海老江</t>
  </si>
  <si>
    <t>B＆B奥田1F</t>
  </si>
  <si>
    <t>23CA0117</t>
  </si>
  <si>
    <t>23CC0025</t>
  </si>
  <si>
    <t>有限会社　十々八</t>
  </si>
  <si>
    <t>8-25</t>
  </si>
  <si>
    <t>十々八</t>
  </si>
  <si>
    <t>23AG0017</t>
  </si>
  <si>
    <t>CUORE（クオーレ）</t>
  </si>
  <si>
    <t>ゴソー第2ビル1F</t>
  </si>
  <si>
    <t>23AA0144</t>
  </si>
  <si>
    <t>23CA0116</t>
  </si>
  <si>
    <t>株式会社　ワイ・エス・ビー観光</t>
  </si>
  <si>
    <t>御旅屋町</t>
  </si>
  <si>
    <t>６７－４</t>
  </si>
  <si>
    <t>クラブ司</t>
  </si>
  <si>
    <t>１－４－２９</t>
  </si>
  <si>
    <t>ＹＳＢ総曲輪１Ｆ</t>
  </si>
  <si>
    <t>23AH0012</t>
  </si>
  <si>
    <t>クラブ司ＶＩＰ</t>
  </si>
  <si>
    <t>ＹＳＢ総曲輪２Ｆ</t>
  </si>
  <si>
    <t>23AH0013</t>
  </si>
  <si>
    <t>MASALA MASTER</t>
  </si>
  <si>
    <t>７７９９－１</t>
  </si>
  <si>
    <t>23AA0145</t>
  </si>
  <si>
    <t>才川鮮魚店</t>
  </si>
  <si>
    <t>23BD0022</t>
  </si>
  <si>
    <t>6927-49</t>
  </si>
  <si>
    <t>酒菜　絵里</t>
  </si>
  <si>
    <t>23AI0184</t>
  </si>
  <si>
    <t>株式会社　エメラルドフードサービス</t>
  </si>
  <si>
    <t>３６５番地</t>
  </si>
  <si>
    <t>モスバーガー　富山羽根店</t>
  </si>
  <si>
    <t>９７６</t>
  </si>
  <si>
    <t>23AJ0097</t>
  </si>
  <si>
    <t>翔輝株式会社</t>
  </si>
  <si>
    <t>赤穂市</t>
  </si>
  <si>
    <t>高野</t>
  </si>
  <si>
    <t>1186-53</t>
  </si>
  <si>
    <t>台湾料理　興龍</t>
  </si>
  <si>
    <t>3248-1</t>
  </si>
  <si>
    <t>23AB0012</t>
  </si>
  <si>
    <t>１１－３</t>
  </si>
  <si>
    <t>里の湯　雷鳥</t>
  </si>
  <si>
    <t>23AF0020</t>
  </si>
  <si>
    <t>姉妹</t>
  </si>
  <si>
    <t>ビッグアベニュー８６　１Ｆ</t>
  </si>
  <si>
    <t>23AI0185</t>
  </si>
  <si>
    <t>和風料理　山美</t>
  </si>
  <si>
    <t>172-4</t>
  </si>
  <si>
    <t>23AG0018</t>
  </si>
  <si>
    <t>欧風酒場　バルヴィアーレ</t>
  </si>
  <si>
    <t>新桜町ビル1F</t>
  </si>
  <si>
    <t>23AI0188</t>
  </si>
  <si>
    <t>なおみん家</t>
  </si>
  <si>
    <t>１丁目６－１０</t>
  </si>
  <si>
    <t>ダイヤモンドビルⅡ１Ｆ</t>
  </si>
  <si>
    <t>23AI0189</t>
  </si>
  <si>
    <t>うさぎとトラ</t>
  </si>
  <si>
    <t>2丁目3-2</t>
  </si>
  <si>
    <t>メリー荒町ビル2F</t>
  </si>
  <si>
    <t>23AI0190</t>
  </si>
  <si>
    <t>BAR KNIGHT IN NIGHT</t>
  </si>
  <si>
    <t>３－２－６</t>
  </si>
  <si>
    <t>イケダビルＢ１</t>
  </si>
  <si>
    <t>23AI0192</t>
  </si>
  <si>
    <t>スナック　Yu＆Ke</t>
  </si>
  <si>
    <t>1丁目6-11</t>
  </si>
  <si>
    <t>ケリービル1F</t>
  </si>
  <si>
    <t>23AI0191</t>
  </si>
  <si>
    <t>セルシオ</t>
  </si>
  <si>
    <t>1-4-23</t>
  </si>
  <si>
    <t>山崎ビル1F</t>
  </si>
  <si>
    <t>23AI0194</t>
  </si>
  <si>
    <t>有限会社　ぱんだ・ぱんだ</t>
  </si>
  <si>
    <t>２９０－２</t>
  </si>
  <si>
    <t>23CA0118</t>
  </si>
  <si>
    <t>茉莉花</t>
  </si>
  <si>
    <t>23AI0195</t>
  </si>
  <si>
    <t>アダマス</t>
  </si>
  <si>
    <t>１丁目４－２３</t>
  </si>
  <si>
    <t>山崎ビル２Ｆ</t>
  </si>
  <si>
    <t>23AI0197</t>
  </si>
  <si>
    <t>ナイトロビー　ル・モンド</t>
  </si>
  <si>
    <t>フレンドビル2F</t>
  </si>
  <si>
    <t>23AI0196</t>
  </si>
  <si>
    <t>ＦＣＬ　株式会社</t>
  </si>
  <si>
    <t>桜町２丁目１－１　アミューズ新桜ビル２Ｆ</t>
  </si>
  <si>
    <t>Ｒｉｎ　串焼き酒場</t>
  </si>
  <si>
    <t>桜町２丁目１－１</t>
  </si>
  <si>
    <t>アミューズ新桜ビル２Ｆ</t>
  </si>
  <si>
    <t>23AI0207</t>
  </si>
  <si>
    <t>株式会社ちゃんぷる</t>
  </si>
  <si>
    <t>沖縄料理の店　ちゃんぷる</t>
  </si>
  <si>
    <t>23AI0198</t>
  </si>
  <si>
    <t>まつざわ</t>
  </si>
  <si>
    <t>1-3-12</t>
  </si>
  <si>
    <t>23AI0201</t>
  </si>
  <si>
    <t>ローソン　大沢野下大久保店</t>
  </si>
  <si>
    <t>１０７３－２</t>
  </si>
  <si>
    <t>23AN0028</t>
  </si>
  <si>
    <t>久遠</t>
  </si>
  <si>
    <t>1-9-2</t>
  </si>
  <si>
    <t>やま基ビル 1F</t>
  </si>
  <si>
    <t>23AI0203</t>
  </si>
  <si>
    <t>紫乃</t>
  </si>
  <si>
    <t>10-10-7</t>
  </si>
  <si>
    <t>柿沢ビル1F</t>
  </si>
  <si>
    <t>23AI0204</t>
  </si>
  <si>
    <t>Ｃｌｉｍａｔ（クリマ）</t>
  </si>
  <si>
    <t>７－１２</t>
  </si>
  <si>
    <t>千龍ビル１Ｆ</t>
  </si>
  <si>
    <t>23AI0205</t>
  </si>
  <si>
    <t>彩</t>
  </si>
  <si>
    <t>タウン東洋1FD</t>
  </si>
  <si>
    <t>23AI0208</t>
  </si>
  <si>
    <t>4604-6</t>
  </si>
  <si>
    <t>おおきに</t>
  </si>
  <si>
    <t>24AA0007</t>
  </si>
  <si>
    <t>ｍａ　ごはん</t>
  </si>
  <si>
    <t>４丁目４－３</t>
  </si>
  <si>
    <t>総曲輪レガートスクエア　ギャザリングスペース</t>
  </si>
  <si>
    <t>23CC0027</t>
  </si>
  <si>
    <t>ASIAN CLUB　美ら</t>
  </si>
  <si>
    <t>ミカド第2ビル1F2F</t>
  </si>
  <si>
    <t>23AH0014</t>
  </si>
  <si>
    <t>有限会社　四季彩</t>
  </si>
  <si>
    <t>2-8-24</t>
  </si>
  <si>
    <t>日本料理　四季彩</t>
  </si>
  <si>
    <t>23AG0019</t>
  </si>
  <si>
    <t>23CC0026</t>
  </si>
  <si>
    <t>3475-4</t>
  </si>
  <si>
    <t>モブラーカフェ</t>
  </si>
  <si>
    <t>23AJ0101</t>
  </si>
  <si>
    <t>Vivid</t>
  </si>
  <si>
    <t>4番12号</t>
  </si>
  <si>
    <t>タウン東洋ビル2F AB</t>
  </si>
  <si>
    <t>23AI0209</t>
  </si>
  <si>
    <t>のむとこ</t>
  </si>
  <si>
    <t>24AI0101</t>
  </si>
  <si>
    <t>23AA0148</t>
  </si>
  <si>
    <t>寿和楽の長三郎</t>
  </si>
  <si>
    <t>76-3</t>
  </si>
  <si>
    <t>23CT0005</t>
  </si>
  <si>
    <t>株式会社　ファインミール</t>
  </si>
  <si>
    <t>4丁目16番1号</t>
  </si>
  <si>
    <t>大和富山店　社員食堂</t>
  </si>
  <si>
    <t>6F</t>
  </si>
  <si>
    <t>23AA0149</t>
  </si>
  <si>
    <t>特定非営利活動法人　ＣＣＳ</t>
  </si>
  <si>
    <t>１６３２番地</t>
  </si>
  <si>
    <t>ふじのきこども食堂</t>
  </si>
  <si>
    <t>23AA0151</t>
  </si>
  <si>
    <t>BAKERS823(山形800す2613)</t>
  </si>
  <si>
    <t>23AM0036</t>
  </si>
  <si>
    <t>G－クレフ</t>
  </si>
  <si>
    <t>松本第一ビル2階－A</t>
  </si>
  <si>
    <t>23AI0213</t>
  </si>
  <si>
    <t>学校法人　青池学園</t>
  </si>
  <si>
    <t>三方郡美浜町</t>
  </si>
  <si>
    <t>大薮</t>
  </si>
  <si>
    <t>7-24-2</t>
  </si>
  <si>
    <t>学校法人 青池学園 富山校(Restaurant Aoike)</t>
  </si>
  <si>
    <t>23AA0152</t>
  </si>
  <si>
    <t>23CA0123</t>
  </si>
  <si>
    <t>株式会社　友夢尊</t>
  </si>
  <si>
    <t>1丁目5番６号　三愛第2ビル４F</t>
  </si>
  <si>
    <t>シャドークリーク</t>
  </si>
  <si>
    <t>1丁目5番６号</t>
  </si>
  <si>
    <t>三愛第2ビル４F　401</t>
  </si>
  <si>
    <t>23AH0015</t>
  </si>
  <si>
    <t>セブンイレブン　富山地角店</t>
  </si>
  <si>
    <t>婦中町地角３９４</t>
  </si>
  <si>
    <t>23AN0029</t>
  </si>
  <si>
    <t>CHERRY</t>
  </si>
  <si>
    <t>千歳ビル2-D</t>
  </si>
  <si>
    <t>23AI0215</t>
  </si>
  <si>
    <t>株式会社　be カンパニー</t>
  </si>
  <si>
    <t>2-3-4</t>
  </si>
  <si>
    <t>美乃鮨</t>
  </si>
  <si>
    <t>23AC0013</t>
  </si>
  <si>
    <t>八尾町内名</t>
  </si>
  <si>
    <t>大長谷交流センター</t>
  </si>
  <si>
    <t>88</t>
  </si>
  <si>
    <t>23AD0043</t>
  </si>
  <si>
    <t>スナック　らいん</t>
  </si>
  <si>
    <t>サンシャインビル 1F</t>
  </si>
  <si>
    <t>23AI0217</t>
  </si>
  <si>
    <t>ムーンリバー</t>
  </si>
  <si>
    <t>第一三愛ビル1F</t>
  </si>
  <si>
    <t>23AI0216</t>
  </si>
  <si>
    <t>株式会社Ｓｙｍｐａ</t>
  </si>
  <si>
    <t>高柳</t>
  </si>
  <si>
    <t>２丁目８１０</t>
  </si>
  <si>
    <t>cafe 38</t>
  </si>
  <si>
    <t>２丁目４番地２</t>
  </si>
  <si>
    <t>23CA0122</t>
  </si>
  <si>
    <t>３４６</t>
  </si>
  <si>
    <t>熊本餅店</t>
  </si>
  <si>
    <t>23CA0125</t>
  </si>
  <si>
    <t>江戸家サ</t>
  </si>
  <si>
    <t>５区１２３０－１</t>
  </si>
  <si>
    <t>23AI0220</t>
  </si>
  <si>
    <t>有限会社越澤</t>
  </si>
  <si>
    <t>１５７８－２９</t>
  </si>
  <si>
    <t>大阪王将　富山五福店</t>
  </si>
  <si>
    <t>２３２５－１</t>
  </si>
  <si>
    <t>23AB0013</t>
  </si>
  <si>
    <t>セブンーイレブン富山本郷西部店</t>
  </si>
  <si>
    <t>１４－１</t>
  </si>
  <si>
    <t>23AN0030</t>
  </si>
  <si>
    <t>有限会社　会乃風</t>
  </si>
  <si>
    <t>3-13-10</t>
  </si>
  <si>
    <t>会乃風（あいのかぜ）</t>
  </si>
  <si>
    <t>2-4-14</t>
  </si>
  <si>
    <t>23AI0222</t>
  </si>
  <si>
    <t>ＭＯＲＴ企画　株式会社</t>
  </si>
  <si>
    <t>１１－１　稲垣ビルＢ１Ｆ</t>
  </si>
  <si>
    <t>ＨＥＡＲＴ　ＢＥＡＴ</t>
  </si>
  <si>
    <t>１１－１</t>
  </si>
  <si>
    <t>稲垣ビルＢ１Ｆ</t>
  </si>
  <si>
    <t>23AI0221</t>
  </si>
  <si>
    <t>株式会社ｆａｖｙ</t>
  </si>
  <si>
    <t>西新宿６丁目１６番６号</t>
  </si>
  <si>
    <t>富山きときと横丁</t>
  </si>
  <si>
    <t>23AI0257</t>
  </si>
  <si>
    <t>逢う瀬</t>
  </si>
  <si>
    <t>プレイハウスビル　１F</t>
  </si>
  <si>
    <t>23AI0223</t>
  </si>
  <si>
    <t>ＮＰＯ法人　ＰＣＴＯＯＬ</t>
  </si>
  <si>
    <t>山見</t>
  </si>
  <si>
    <t>１７１４</t>
  </si>
  <si>
    <t>１８０－６</t>
  </si>
  <si>
    <t>23AJ0102</t>
  </si>
  <si>
    <t>八尾町角間</t>
  </si>
  <si>
    <t>403-5</t>
  </si>
  <si>
    <t>伊丹漬物</t>
  </si>
  <si>
    <t>23CA0127</t>
  </si>
  <si>
    <t>23CT0006</t>
  </si>
  <si>
    <t>NEOCLASSIC</t>
  </si>
  <si>
    <t>国際ビル1F</t>
  </si>
  <si>
    <t>23AI0225</t>
  </si>
  <si>
    <t>シャンテ・メール</t>
  </si>
  <si>
    <t>レストタウンビル　1F</t>
  </si>
  <si>
    <t>23AI0226</t>
  </si>
  <si>
    <t>1-3-7</t>
  </si>
  <si>
    <t>村上工務所</t>
  </si>
  <si>
    <t>23AJ0104</t>
  </si>
  <si>
    <t>株式会社　ｅｙｅｓ</t>
  </si>
  <si>
    <t>５８番地２　ラパン町村Ⅱ２０５</t>
  </si>
  <si>
    <t>Girl's lounge ANeLa</t>
  </si>
  <si>
    <t>１丁目１－５</t>
  </si>
  <si>
    <t>サンバードビル１階</t>
  </si>
  <si>
    <t>23AI0241</t>
  </si>
  <si>
    <t>桜花</t>
  </si>
  <si>
    <t>2-8-6</t>
  </si>
  <si>
    <t>8番館ビル１F</t>
  </si>
  <si>
    <t>23AI0227</t>
  </si>
  <si>
    <t>株式会社　翔和産業</t>
  </si>
  <si>
    <t>駅西新町</t>
  </si>
  <si>
    <t>1-26-22-1</t>
  </si>
  <si>
    <t>炭火焼鳥・惣菜　翔和</t>
  </si>
  <si>
    <t>１番２３１号</t>
  </si>
  <si>
    <t>23AK0024</t>
  </si>
  <si>
    <t>富山餃子　翔和軒</t>
  </si>
  <si>
    <t>とやマルシェのれん横丁207</t>
  </si>
  <si>
    <t>24AA0046</t>
  </si>
  <si>
    <t>有限会社　ワイズサポート</t>
  </si>
  <si>
    <t>総曲輪1-8-1　チェリーポートビル1Ｆ</t>
  </si>
  <si>
    <t>オステリア佐藤</t>
  </si>
  <si>
    <t>本町3-28</t>
  </si>
  <si>
    <t>Ｔ2ビル2Ｆ</t>
  </si>
  <si>
    <t>23AA0159</t>
  </si>
  <si>
    <t>風来館</t>
  </si>
  <si>
    <t>第一KSビル2F</t>
  </si>
  <si>
    <t>23AI0228</t>
  </si>
  <si>
    <t>ぼーっと</t>
  </si>
  <si>
    <t>3000-11</t>
  </si>
  <si>
    <t>　１F</t>
  </si>
  <si>
    <t>23AJ0103</t>
  </si>
  <si>
    <t>Lien</t>
  </si>
  <si>
    <t>平和ビル1階</t>
  </si>
  <si>
    <t>23AI0229</t>
  </si>
  <si>
    <t>ほっかほっか亭　森店</t>
  </si>
  <si>
    <t>3-11-45</t>
  </si>
  <si>
    <t>フォレスト21　1階</t>
  </si>
  <si>
    <t>23AE0053</t>
  </si>
  <si>
    <t>株式会社　イチエイ</t>
  </si>
  <si>
    <t>376-3</t>
  </si>
  <si>
    <t>はとほる</t>
  </si>
  <si>
    <t>316-6</t>
  </si>
  <si>
    <t>23AJ0108</t>
  </si>
  <si>
    <t>4-3-11</t>
  </si>
  <si>
    <t>イト、オカシ。（富山800す6376）</t>
  </si>
  <si>
    <t>23AM0037</t>
  </si>
  <si>
    <t>嘉利</t>
  </si>
  <si>
    <t>サンナインプラザビル 1F 103</t>
  </si>
  <si>
    <t>23AI0230</t>
  </si>
  <si>
    <t>株式会社リボンフーズ</t>
  </si>
  <si>
    <t>ラ・トゥールビル２F</t>
  </si>
  <si>
    <t>23AI0231</t>
  </si>
  <si>
    <t>23BD0023</t>
  </si>
  <si>
    <t>漁師寿司　由（よし）</t>
  </si>
  <si>
    <t>マリエとやま１F</t>
  </si>
  <si>
    <t>23AC0015</t>
  </si>
  <si>
    <t>花より魚</t>
  </si>
  <si>
    <t>二丁目1-4</t>
  </si>
  <si>
    <t>23AC0016</t>
  </si>
  <si>
    <t>漁師酒場　吉（きち）</t>
  </si>
  <si>
    <t>23AA0156</t>
  </si>
  <si>
    <t>おばんざい　かえる</t>
  </si>
  <si>
    <t>ティファニービル 1F</t>
  </si>
  <si>
    <t>23AI0232</t>
  </si>
  <si>
    <t>ビーフ館</t>
  </si>
  <si>
    <t>1-1-6</t>
  </si>
  <si>
    <t>23AI0233</t>
  </si>
  <si>
    <t>卯月</t>
  </si>
  <si>
    <t>第2サンナインプラザ2F</t>
  </si>
  <si>
    <t>23AI0234</t>
  </si>
  <si>
    <t>炉ばた焼　浜っ子</t>
  </si>
  <si>
    <t>6-8</t>
  </si>
  <si>
    <t>桜木町ビル 1F</t>
  </si>
  <si>
    <t>23AI0236</t>
  </si>
  <si>
    <t>Night in うらら</t>
  </si>
  <si>
    <t>平和ビル 2F</t>
  </si>
  <si>
    <t>23AI0235</t>
  </si>
  <si>
    <t>株式会社　いっこまっこ</t>
  </si>
  <si>
    <t>１丁目７番７号　梅原ビル１階</t>
  </si>
  <si>
    <t>酒場　いっこまっこ</t>
  </si>
  <si>
    <t>１丁目１番７号</t>
  </si>
  <si>
    <t>梅原ビル１階</t>
  </si>
  <si>
    <t>23AI0237</t>
  </si>
  <si>
    <t>かあかのらぼ　はちみつごはん</t>
  </si>
  <si>
    <t>241-1</t>
  </si>
  <si>
    <t>23CA0128</t>
  </si>
  <si>
    <t>福饅（富山480た25）</t>
  </si>
  <si>
    <t>23AM0038</t>
  </si>
  <si>
    <t>ぴよ</t>
  </si>
  <si>
    <t>ヴィガビル 1F</t>
  </si>
  <si>
    <t>23AI0238</t>
  </si>
  <si>
    <t>大和総業　株式会社</t>
  </si>
  <si>
    <t>38　大重亭ビル3階</t>
  </si>
  <si>
    <t>ランタン</t>
  </si>
  <si>
    <t>1丁目1-62　１F</t>
  </si>
  <si>
    <t>24AA0081</t>
  </si>
  <si>
    <t>ナラーバー</t>
  </si>
  <si>
    <t>ビッグアベニュービル 2F</t>
  </si>
  <si>
    <t>23AI0239</t>
  </si>
  <si>
    <t>タイ料理　喃楽</t>
  </si>
  <si>
    <t xml:space="preserve">6-21  </t>
  </si>
  <si>
    <t>桜木町ビル　1F</t>
  </si>
  <si>
    <t>23AA0155</t>
  </si>
  <si>
    <t>たま氣</t>
  </si>
  <si>
    <t>23AI0240</t>
  </si>
  <si>
    <t>yam</t>
  </si>
  <si>
    <t>1丁目4-8</t>
  </si>
  <si>
    <t>yunite TSU-2 2F</t>
  </si>
  <si>
    <t>24AI0021</t>
  </si>
  <si>
    <t>株式会社　オフィス・ラリエ</t>
  </si>
  <si>
    <t>10番20号</t>
  </si>
  <si>
    <t>喫茶　稲垣</t>
  </si>
  <si>
    <t>10-20</t>
  </si>
  <si>
    <t>23AJ0105</t>
  </si>
  <si>
    <t>SIXTH OR THIRD COFFEE STAND</t>
  </si>
  <si>
    <t>2-7-12</t>
  </si>
  <si>
    <t>23AJ0106</t>
  </si>
  <si>
    <t>ドミノス（富山800す4187）</t>
  </si>
  <si>
    <t>24AM0009</t>
  </si>
  <si>
    <t>ギャザリングスペースＢＡＲ</t>
  </si>
  <si>
    <t>総曲輪レガートスクエア内</t>
  </si>
  <si>
    <t>23CC0030</t>
  </si>
  <si>
    <t>割烹　小川</t>
  </si>
  <si>
    <t>2-4-7</t>
  </si>
  <si>
    <t>新富ビル2F</t>
  </si>
  <si>
    <t>24AG0007</t>
  </si>
  <si>
    <t>23CH0007</t>
  </si>
  <si>
    <t>大和富山店地下１階</t>
  </si>
  <si>
    <t>23AJ0107</t>
  </si>
  <si>
    <t>Petit</t>
  </si>
  <si>
    <t>桜木町レストタウン　1F</t>
  </si>
  <si>
    <t>23AI0242</t>
  </si>
  <si>
    <t>YOU CAN（岐阜800そ6183）</t>
  </si>
  <si>
    <t>23AM0039</t>
  </si>
  <si>
    <t>オールナイト</t>
  </si>
  <si>
    <t>ミカド第2ビル１F</t>
  </si>
  <si>
    <t>23AI0243</t>
  </si>
  <si>
    <t>総曲輪2丁目</t>
  </si>
  <si>
    <t>5番3</t>
  </si>
  <si>
    <t>欧風料理　ビア＆バー　独乙屋俱楽部</t>
  </si>
  <si>
    <t>23AI0244</t>
  </si>
  <si>
    <t>Number Nine</t>
  </si>
  <si>
    <t>アイエムビル 3F</t>
  </si>
  <si>
    <t>23AI0246</t>
  </si>
  <si>
    <t>Yuzunoki合同会社</t>
  </si>
  <si>
    <t>102森家土蔵群2番</t>
  </si>
  <si>
    <t>カーヴ・ユノキ</t>
  </si>
  <si>
    <t>102</t>
  </si>
  <si>
    <t>森家土蔵群2番</t>
  </si>
  <si>
    <t>23AA0157</t>
  </si>
  <si>
    <t>蜃気楼</t>
  </si>
  <si>
    <t>6-17　1F</t>
  </si>
  <si>
    <t>23AI0247</t>
  </si>
  <si>
    <t>喫茶室　明るい部屋</t>
  </si>
  <si>
    <t>婦中町田屋</t>
  </si>
  <si>
    <t>1395</t>
  </si>
  <si>
    <t>23AJ0110</t>
  </si>
  <si>
    <t>Ptif 株式会社</t>
  </si>
  <si>
    <t>北青山１丁目</t>
  </si>
  <si>
    <t>3番3号6階</t>
  </si>
  <si>
    <t>完全個室隠れ家居酒屋富桜/完全個室和食と焼き鳥居酒家囲炉裏</t>
  </si>
  <si>
    <t>2-4-2</t>
  </si>
  <si>
    <t>MELビル2階</t>
  </si>
  <si>
    <t>23AI0258</t>
  </si>
  <si>
    <t>After You</t>
  </si>
  <si>
    <t>日之出ビル２Ｆ</t>
  </si>
  <si>
    <t>23AI0224</t>
  </si>
  <si>
    <t>芝園町</t>
  </si>
  <si>
    <t>小紋</t>
  </si>
  <si>
    <t>23AI0248</t>
  </si>
  <si>
    <t>2-3-6</t>
  </si>
  <si>
    <t>食房　婆娑羅</t>
  </si>
  <si>
    <t>レストタウンビル１Ｆ　110号・109号</t>
  </si>
  <si>
    <t>23AI0249</t>
  </si>
  <si>
    <t>株式会社とんかつ</t>
  </si>
  <si>
    <t>３丁目６番１５－２１号</t>
  </si>
  <si>
    <t>新とんかつ　総曲輪店</t>
  </si>
  <si>
    <t>23AA0160</t>
  </si>
  <si>
    <t>有限会社たにかわや</t>
  </si>
  <si>
    <t>８２－２</t>
  </si>
  <si>
    <t>レストラン　つるぎ</t>
  </si>
  <si>
    <t>北日本新聞本社ビル１０Ｆ</t>
  </si>
  <si>
    <t>23AA0161</t>
  </si>
  <si>
    <t>咲夜</t>
  </si>
  <si>
    <t>１－４－９</t>
  </si>
  <si>
    <t>23AI0250</t>
  </si>
  <si>
    <t>きらめき</t>
  </si>
  <si>
    <t>一丁目４番４号</t>
  </si>
  <si>
    <t>グリーンタウンビル２Ｆ</t>
  </si>
  <si>
    <t>23AI0251</t>
  </si>
  <si>
    <t>BATTERY（バッテリー）</t>
  </si>
  <si>
    <t>ビッグアベニュービルＢ１Ｆ</t>
  </si>
  <si>
    <t>23AI0252</t>
  </si>
  <si>
    <t>有限会社立山室堂山荘</t>
  </si>
  <si>
    <t>芦峅寺</t>
  </si>
  <si>
    <t>奥黒部ヒュッテ</t>
  </si>
  <si>
    <t>大字有峰字黒部谷割国有林109い林小班</t>
  </si>
  <si>
    <t>23AF0024</t>
  </si>
  <si>
    <t>株式会社 Aim High</t>
  </si>
  <si>
    <t>二丁目８番１１号</t>
  </si>
  <si>
    <t>Re:ARise</t>
  </si>
  <si>
    <t>二丁目1-12</t>
  </si>
  <si>
    <t>TSビル4階</t>
  </si>
  <si>
    <t>23AI0253</t>
  </si>
  <si>
    <t>CORE</t>
  </si>
  <si>
    <t>二丁目6-12</t>
  </si>
  <si>
    <t>フクタビル2F</t>
  </si>
  <si>
    <t>23AI0255</t>
  </si>
  <si>
    <t>Hang out</t>
  </si>
  <si>
    <t>二丁目4-22</t>
  </si>
  <si>
    <t>第二KKビル6F</t>
  </si>
  <si>
    <t>23AI0254</t>
  </si>
  <si>
    <t>up hill</t>
  </si>
  <si>
    <t>二丁目8-6</t>
  </si>
  <si>
    <t>8番館ビル1F</t>
  </si>
  <si>
    <t>23AI0256</t>
  </si>
  <si>
    <t>株式会社　ファースト</t>
  </si>
  <si>
    <t>1丁目4番15号</t>
  </si>
  <si>
    <t>桜木町アイエムビル1F</t>
  </si>
  <si>
    <t>23AH0017</t>
  </si>
  <si>
    <t>株式会社アトム</t>
  </si>
  <si>
    <t>みなとみらい二丁目</t>
  </si>
  <si>
    <t>カルビ大将ファボーレ富山店</t>
  </si>
  <si>
    <t>１２３－１</t>
  </si>
  <si>
    <t>22AA0114</t>
  </si>
  <si>
    <t>720-1</t>
  </si>
  <si>
    <t>かつこキッチン</t>
  </si>
  <si>
    <t>23AA0163</t>
  </si>
  <si>
    <t>harem</t>
  </si>
  <si>
    <t>桜木プラザB1-E</t>
  </si>
  <si>
    <t>23AI0262</t>
  </si>
  <si>
    <t>株式会社　朝日丘開発</t>
  </si>
  <si>
    <t>375-1</t>
  </si>
  <si>
    <t>たい焼き　鯛濱</t>
  </si>
  <si>
    <t>23AN0031</t>
  </si>
  <si>
    <t>株式会社　Toranoko</t>
  </si>
  <si>
    <t>2丁目2-1　1階</t>
  </si>
  <si>
    <t>炉端　とらまる</t>
  </si>
  <si>
    <t>23AI0261</t>
  </si>
  <si>
    <t>株式会社　立山山岳　サポートサービス</t>
  </si>
  <si>
    <t>セントラルパークレストラン</t>
  </si>
  <si>
    <t>23AA0162</t>
  </si>
  <si>
    <t>ファーマパック株式会社</t>
  </si>
  <si>
    <t>１６３番地</t>
  </si>
  <si>
    <t>ファーマパック株式会社　大沢野南工場</t>
  </si>
  <si>
    <t>２３６－６</t>
  </si>
  <si>
    <t>23CI0003</t>
  </si>
  <si>
    <t>セントラル地所株式会社</t>
  </si>
  <si>
    <t>2丁目3-5</t>
  </si>
  <si>
    <t>ホテル　トルニ</t>
  </si>
  <si>
    <t>3丁目 10-19</t>
  </si>
  <si>
    <t>23AF0025</t>
  </si>
  <si>
    <t>エルダ</t>
  </si>
  <si>
    <t>2丁目6-4</t>
  </si>
  <si>
    <t>布一ビル1F</t>
  </si>
  <si>
    <t>23AI0264</t>
  </si>
  <si>
    <t>串の家</t>
  </si>
  <si>
    <t>2丁目1-10</t>
  </si>
  <si>
    <t>山本ビル1F</t>
  </si>
  <si>
    <t>24AI0076</t>
  </si>
  <si>
    <t>イビサコルドンブルー</t>
  </si>
  <si>
    <t>内幸ビルC館1F</t>
  </si>
  <si>
    <t>24AI0023</t>
  </si>
  <si>
    <t>月岡町6丁目</t>
  </si>
  <si>
    <t>そうわ</t>
  </si>
  <si>
    <t>23AJ0116</t>
  </si>
  <si>
    <t>BAR 白馬舘</t>
  </si>
  <si>
    <t>ホテルグランテラス富山12F</t>
  </si>
  <si>
    <t>23AI0268</t>
  </si>
  <si>
    <t>Bon Voyage</t>
  </si>
  <si>
    <t>マツモト第1ビル1F</t>
  </si>
  <si>
    <t>23AI0265</t>
  </si>
  <si>
    <t>アールアイ　合同会社</t>
  </si>
  <si>
    <t>Cafe ri-ri</t>
  </si>
  <si>
    <t>23AJ0113</t>
  </si>
  <si>
    <t>食堂ひろ</t>
  </si>
  <si>
    <t>上栄</t>
  </si>
  <si>
    <t>52-4</t>
  </si>
  <si>
    <t>24AA0005</t>
  </si>
  <si>
    <t>株式会社　ファン・プレイス</t>
  </si>
  <si>
    <t>1丁目10-17</t>
  </si>
  <si>
    <t>二代目　赤鍋屋</t>
  </si>
  <si>
    <t>23AI0267</t>
  </si>
  <si>
    <t>ハウオリ</t>
  </si>
  <si>
    <t>４－３－１３</t>
  </si>
  <si>
    <t>ラフォーレ新庄Ⅱ　１F</t>
  </si>
  <si>
    <t>23CA0132</t>
  </si>
  <si>
    <t>お食事処　さち幸</t>
  </si>
  <si>
    <t>三丁目４</t>
  </si>
  <si>
    <t>24AA0001</t>
  </si>
  <si>
    <t>たかみ家</t>
  </si>
  <si>
    <t>300-67</t>
  </si>
  <si>
    <t>23AI0269</t>
  </si>
  <si>
    <t>CLOUD L　株式会社</t>
  </si>
  <si>
    <t>1丁目2番20号桜木町センタービル3F</t>
  </si>
  <si>
    <t>Lounge MILLION</t>
  </si>
  <si>
    <t>桜木町センタービル3F</t>
  </si>
  <si>
    <t>23AI0270</t>
  </si>
  <si>
    <t>株式会社　柿里商店</t>
  </si>
  <si>
    <t>大門</t>
  </si>
  <si>
    <t>264番地2</t>
  </si>
  <si>
    <t>牛100％鶏100％</t>
  </si>
  <si>
    <t>65</t>
  </si>
  <si>
    <t>24AA0006</t>
  </si>
  <si>
    <t>ＩＲＵＭＩ</t>
  </si>
  <si>
    <t>17番街ビル2F　205号室</t>
  </si>
  <si>
    <t>24AI0002</t>
  </si>
  <si>
    <t>舟新</t>
  </si>
  <si>
    <t>MEWSHIP</t>
  </si>
  <si>
    <t>24AI0001</t>
  </si>
  <si>
    <t>RAJA</t>
  </si>
  <si>
    <t>1323-5</t>
  </si>
  <si>
    <t>24AA0003</t>
  </si>
  <si>
    <t>MAY　BE</t>
  </si>
  <si>
    <t>983-2</t>
  </si>
  <si>
    <t>24AI0018</t>
  </si>
  <si>
    <t>5703</t>
  </si>
  <si>
    <t>ＢｉＢｉ．ｔ</t>
  </si>
  <si>
    <t>24CA0001</t>
  </si>
  <si>
    <t>liaison</t>
  </si>
  <si>
    <t>24AN0006</t>
  </si>
  <si>
    <t>24CA0007</t>
  </si>
  <si>
    <t>株式会社　健菜堂</t>
  </si>
  <si>
    <t>15-14</t>
  </si>
  <si>
    <t>324-13</t>
  </si>
  <si>
    <t>24CA0008</t>
  </si>
  <si>
    <t>24CC0003</t>
  </si>
  <si>
    <t>プライベート　Bar S.one</t>
  </si>
  <si>
    <t>サクラギプラザビル　B1-J</t>
  </si>
  <si>
    <t>24AI0003</t>
  </si>
  <si>
    <t>RAKUDA BAKERY</t>
  </si>
  <si>
    <t>1丁目23-23</t>
  </si>
  <si>
    <t>studioA B</t>
  </si>
  <si>
    <t>24CA0003</t>
  </si>
  <si>
    <t>Farmers truck（成田800さ2906）</t>
  </si>
  <si>
    <t>24AM0008</t>
  </si>
  <si>
    <t>ファミリーマート　大山上滝店</t>
  </si>
  <si>
    <t>532-5</t>
  </si>
  <si>
    <t>18AN0061</t>
  </si>
  <si>
    <t>Cucina たんぽぽ</t>
  </si>
  <si>
    <t>1丁目6-22</t>
  </si>
  <si>
    <t>24AA0063</t>
  </si>
  <si>
    <t>PT合同会社</t>
  </si>
  <si>
    <t>3-6-10</t>
  </si>
  <si>
    <t>THUC PHAM VIET PT</t>
  </si>
  <si>
    <t>24AN0001</t>
  </si>
  <si>
    <t>24CA0002</t>
  </si>
  <si>
    <t>cafe rest</t>
  </si>
  <si>
    <t>52</t>
  </si>
  <si>
    <t>24AI0004</t>
  </si>
  <si>
    <t>株式会社　ネオユニバース</t>
  </si>
  <si>
    <t>378-3-1306</t>
  </si>
  <si>
    <t>鰻の成瀬　富山店</t>
  </si>
  <si>
    <t>24AA0028</t>
  </si>
  <si>
    <t>八尾町西葛坂</t>
  </si>
  <si>
    <t>363番地</t>
  </si>
  <si>
    <t>ＥＩちゃん</t>
  </si>
  <si>
    <t>24CT0001</t>
  </si>
  <si>
    <t>LOUNGE　藤山</t>
  </si>
  <si>
    <t>フレンドビル</t>
  </si>
  <si>
    <t>21AI0261</t>
  </si>
  <si>
    <t>BAR ORIGIN</t>
  </si>
  <si>
    <t>1丁目2-20</t>
  </si>
  <si>
    <t>桜木町センタービル305</t>
  </si>
  <si>
    <t>24AI0005</t>
  </si>
  <si>
    <t>セガーワンワン合同会社</t>
  </si>
  <si>
    <t>三丁目1番11号</t>
  </si>
  <si>
    <t>セブンーイレブン富山天正寺店</t>
  </si>
  <si>
    <t>1045</t>
  </si>
  <si>
    <t>24AN0003</t>
  </si>
  <si>
    <t>有限会社　難波</t>
  </si>
  <si>
    <t>34-12</t>
  </si>
  <si>
    <t>鮨　難波</t>
  </si>
  <si>
    <t>24AC0001</t>
  </si>
  <si>
    <t>可否屋</t>
  </si>
  <si>
    <t>1丁目1-28</t>
  </si>
  <si>
    <t>シティハウス西町101</t>
  </si>
  <si>
    <t>24AI0042</t>
  </si>
  <si>
    <t>13-6</t>
  </si>
  <si>
    <t>海老幸　てんてん亭</t>
  </si>
  <si>
    <t>24AG0001</t>
  </si>
  <si>
    <t>464-7</t>
  </si>
  <si>
    <t>ぼてじゃこ　山室店</t>
  </si>
  <si>
    <t>24AN0004</t>
  </si>
  <si>
    <t>124-4</t>
  </si>
  <si>
    <t>Liberal Cafe</t>
  </si>
  <si>
    <t>24AJ0002</t>
  </si>
  <si>
    <t>ステーキバー　マサ</t>
  </si>
  <si>
    <t>24AA0010</t>
  </si>
  <si>
    <t>Naboo</t>
  </si>
  <si>
    <t>4丁目10-9 1F</t>
  </si>
  <si>
    <t>24AJ0030</t>
  </si>
  <si>
    <t>Sup &amp; Rap</t>
  </si>
  <si>
    <t>一丁目1の23</t>
  </si>
  <si>
    <t>24CA0006</t>
  </si>
  <si>
    <t>大喜　根塚店</t>
  </si>
  <si>
    <t>4-2-8</t>
  </si>
  <si>
    <t>24AD0003</t>
  </si>
  <si>
    <t>株式会社　T-SOUL</t>
  </si>
  <si>
    <t>1-9-1</t>
  </si>
  <si>
    <t>富山豚食堂　かつたま</t>
  </si>
  <si>
    <t>24AA0011</t>
  </si>
  <si>
    <t>株式会社Ｒ．Ｃ</t>
  </si>
  <si>
    <t>津島市</t>
  </si>
  <si>
    <t>莪原町神守前</t>
  </si>
  <si>
    <t>５６番地</t>
  </si>
  <si>
    <t>インド料理　バガイチャ</t>
  </si>
  <si>
    <t>24AA0015</t>
  </si>
  <si>
    <t>株式会社　和庵フードワークス</t>
  </si>
  <si>
    <t>一丁目9番地2号</t>
  </si>
  <si>
    <t>あふひ</t>
  </si>
  <si>
    <t>24AA0012</t>
  </si>
  <si>
    <t>有限会社　梨花</t>
  </si>
  <si>
    <t>9番地3</t>
  </si>
  <si>
    <t>中国菜館　梨花</t>
  </si>
  <si>
    <t>24AB0001</t>
  </si>
  <si>
    <t>カラオケ　Some day</t>
  </si>
  <si>
    <t>24AI0026</t>
  </si>
  <si>
    <t>株式会社　寿八</t>
  </si>
  <si>
    <t>能美市</t>
  </si>
  <si>
    <t>湯谷町甲</t>
  </si>
  <si>
    <t>24番地</t>
  </si>
  <si>
    <t>丸源ラーメン　掛尾店</t>
  </si>
  <si>
    <t>掛尾栄町</t>
  </si>
  <si>
    <t>24AD0004</t>
  </si>
  <si>
    <t>ハーベストネクスト　株式会社</t>
  </si>
  <si>
    <t>横浜市保土ケ谷区</t>
  </si>
  <si>
    <t>岩間町</t>
  </si>
  <si>
    <t>二丁目120番地</t>
  </si>
  <si>
    <t>ハーベストネクスト株式会社　宮野小学校店</t>
  </si>
  <si>
    <t>婦中町地角</t>
  </si>
  <si>
    <t>399</t>
  </si>
  <si>
    <t>24AA0056</t>
  </si>
  <si>
    <t>ハーベストネクスト株式会社　新保小学校店</t>
  </si>
  <si>
    <t>888-2</t>
  </si>
  <si>
    <t>24AA0058</t>
  </si>
  <si>
    <t>ハーベストネクスト株式会社　大広田小学校店</t>
  </si>
  <si>
    <t>183番地</t>
  </si>
  <si>
    <t>24AA0057</t>
  </si>
  <si>
    <t>2-3-14</t>
  </si>
  <si>
    <t>喫茶　六曜館</t>
  </si>
  <si>
    <t>24AJ0005</t>
  </si>
  <si>
    <t>社会福祉法人光風会</t>
  </si>
  <si>
    <t>89番地</t>
  </si>
  <si>
    <t>こもれび喫茶</t>
  </si>
  <si>
    <t>24AJ0006</t>
  </si>
  <si>
    <t>株式会社　チームKT</t>
  </si>
  <si>
    <t>713</t>
  </si>
  <si>
    <t>あげたて・サクサク天ぷら　七福</t>
  </si>
  <si>
    <t>134-2</t>
  </si>
  <si>
    <t>24AA0014</t>
  </si>
  <si>
    <t>309-3</t>
  </si>
  <si>
    <t>米原商店</t>
  </si>
  <si>
    <t>24CC0002</t>
  </si>
  <si>
    <t>294-8</t>
  </si>
  <si>
    <t>肴菜家</t>
  </si>
  <si>
    <t>24AI0008</t>
  </si>
  <si>
    <t>ひまわり食堂２</t>
  </si>
  <si>
    <t>1丁目5-18</t>
  </si>
  <si>
    <t>24AA0029</t>
  </si>
  <si>
    <t>渡辺農園</t>
  </si>
  <si>
    <t>24AA0016</t>
  </si>
  <si>
    <t>6丁目253-2</t>
  </si>
  <si>
    <t>ばばーずcafe　やさいの雫</t>
  </si>
  <si>
    <t>24AJ0007</t>
  </si>
  <si>
    <t>株式会社　原農園</t>
  </si>
  <si>
    <t>353-1</t>
  </si>
  <si>
    <t>原農園</t>
  </si>
  <si>
    <t>24CA0010</t>
  </si>
  <si>
    <t>Kissa F</t>
  </si>
  <si>
    <t>24AJ0008</t>
  </si>
  <si>
    <t>蝶々</t>
  </si>
  <si>
    <t>第一三愛ビル3-Ⅰ</t>
  </si>
  <si>
    <t>24AI0016</t>
  </si>
  <si>
    <t>277-1</t>
  </si>
  <si>
    <t>ティエン・コム・ベトナム</t>
  </si>
  <si>
    <t>24AA0017</t>
  </si>
  <si>
    <t>3339</t>
  </si>
  <si>
    <t>鯰温泉</t>
  </si>
  <si>
    <t>23AF0008</t>
  </si>
  <si>
    <t>株式会社　雲外蒼天</t>
  </si>
  <si>
    <t>辻</t>
  </si>
  <si>
    <t>54-1</t>
  </si>
  <si>
    <t>セブンーイレブン　富山水橋辻ヶ堂店</t>
  </si>
  <si>
    <t>2193-1</t>
  </si>
  <si>
    <t>24AN0027</t>
  </si>
  <si>
    <t>株式会社トヤマ・カワウチ</t>
  </si>
  <si>
    <t>黒崎字高木割</t>
  </si>
  <si>
    <t>45番地1</t>
  </si>
  <si>
    <t>字黒崎高木割</t>
  </si>
  <si>
    <t>24EA0001</t>
  </si>
  <si>
    <t>株式会社　ニッポンジーン</t>
  </si>
  <si>
    <t>神田錦町</t>
  </si>
  <si>
    <t>工房</t>
  </si>
  <si>
    <t>1丁目100番地1</t>
  </si>
  <si>
    <t>　1F</t>
  </si>
  <si>
    <t>23CP0002</t>
  </si>
  <si>
    <t>一番町珈琲</t>
  </si>
  <si>
    <t>4-6-8</t>
  </si>
  <si>
    <t>パズル総曲輪1F</t>
  </si>
  <si>
    <t>24AJ0024</t>
  </si>
  <si>
    <t>24CA0027</t>
  </si>
  <si>
    <t>enon</t>
  </si>
  <si>
    <t>グリーンビル2階</t>
  </si>
  <si>
    <t>24AI0010</t>
  </si>
  <si>
    <t>北山製麺</t>
  </si>
  <si>
    <t>21CG0008</t>
  </si>
  <si>
    <t>2-129</t>
  </si>
  <si>
    <t>末弘軒　藤ノ木店</t>
  </si>
  <si>
    <t>24AD0005</t>
  </si>
  <si>
    <t>3-11-9</t>
  </si>
  <si>
    <t>門出　</t>
  </si>
  <si>
    <t>24AI0009</t>
  </si>
  <si>
    <t>大統領</t>
  </si>
  <si>
    <t>24AI0011</t>
  </si>
  <si>
    <t>dormir</t>
  </si>
  <si>
    <t>カルナビル2-A</t>
  </si>
  <si>
    <t>24AI0012</t>
  </si>
  <si>
    <t>かなうみ株式会社</t>
  </si>
  <si>
    <t>山室字浦田割</t>
  </si>
  <si>
    <t>357番16の2</t>
  </si>
  <si>
    <t>アオザイ</t>
  </si>
  <si>
    <t>357-16</t>
  </si>
  <si>
    <t>24AA0024</t>
  </si>
  <si>
    <t>スタイリッシュチャイナ神</t>
  </si>
  <si>
    <t>2丁目2-10</t>
  </si>
  <si>
    <t>24AB0002</t>
  </si>
  <si>
    <t>有限会社　ヒゲ商店</t>
  </si>
  <si>
    <t>かほく市</t>
  </si>
  <si>
    <t>白尾</t>
  </si>
  <si>
    <t>ニ1-1</t>
  </si>
  <si>
    <t>504</t>
  </si>
  <si>
    <t>24BD0001</t>
  </si>
  <si>
    <t>合同会社Guts</t>
  </si>
  <si>
    <t>461-4</t>
  </si>
  <si>
    <t>来来亭　掛尾店</t>
  </si>
  <si>
    <t>24AD0006</t>
  </si>
  <si>
    <t>割烹　むら吉</t>
  </si>
  <si>
    <t>628-3</t>
  </si>
  <si>
    <t>24AG0002</t>
  </si>
  <si>
    <t>nolla cafe</t>
  </si>
  <si>
    <t>345-1</t>
  </si>
  <si>
    <t>１F</t>
  </si>
  <si>
    <t>24AJ0009</t>
  </si>
  <si>
    <t>Kuchi Coffee</t>
  </si>
  <si>
    <t>24CA0011</t>
  </si>
  <si>
    <t>RAMEN SpartanZ</t>
  </si>
  <si>
    <t>24AD0013</t>
  </si>
  <si>
    <t>有限会社城麓</t>
  </si>
  <si>
    <t>ローソン富山上冨居西店</t>
  </si>
  <si>
    <t>24AN0008</t>
  </si>
  <si>
    <t>草島古川</t>
  </si>
  <si>
    <t>6</t>
  </si>
  <si>
    <t>24CS0001</t>
  </si>
  <si>
    <t>有限会社　やしろ館</t>
  </si>
  <si>
    <t>ゲストハウス　村門</t>
  </si>
  <si>
    <t>24AF0002</t>
  </si>
  <si>
    <t>DOG HOUSE</t>
  </si>
  <si>
    <t>タカサンビル1F102</t>
  </si>
  <si>
    <t>24AD0007</t>
  </si>
  <si>
    <t>株式会社　第一興商</t>
  </si>
  <si>
    <t>北品川５丁目</t>
  </si>
  <si>
    <t>ビッグエコー富山店</t>
  </si>
  <si>
    <t>下赤江町1丁目</t>
  </si>
  <si>
    <t>12-63</t>
  </si>
  <si>
    <t>24AJ0010</t>
  </si>
  <si>
    <t>ビッグエコー富山駅前店</t>
  </si>
  <si>
    <t>パティオさくら2F</t>
  </si>
  <si>
    <t>24AI0064</t>
  </si>
  <si>
    <t>楽蔵　富山駅前店</t>
  </si>
  <si>
    <t>24AI0065</t>
  </si>
  <si>
    <t>居酒屋　ひき</t>
  </si>
  <si>
    <t>大江干</t>
  </si>
  <si>
    <t>24AI0014</t>
  </si>
  <si>
    <t>有限会社　ブレドール奥田店</t>
  </si>
  <si>
    <t>二丁目３番１７号芝園町ビル</t>
  </si>
  <si>
    <t>紀文堂製パン</t>
  </si>
  <si>
    <t>二丁目３番１７号</t>
  </si>
  <si>
    <t>芝園町ビル1F</t>
  </si>
  <si>
    <t>24CA0043</t>
  </si>
  <si>
    <t>めしや　MARU</t>
  </si>
  <si>
    <t>24AI0017</t>
  </si>
  <si>
    <t>ナポリの窯　富山蜷川店</t>
  </si>
  <si>
    <t>134-1</t>
  </si>
  <si>
    <t>24AA0026</t>
  </si>
  <si>
    <t>株式会社　オフィスケイ</t>
  </si>
  <si>
    <t>102番地1</t>
  </si>
  <si>
    <t>イタリアントマトカフェジュニア　富山アピア店</t>
  </si>
  <si>
    <t>アピア1階</t>
  </si>
  <si>
    <t>24AJ0011</t>
  </si>
  <si>
    <t>株式会社KSC</t>
  </si>
  <si>
    <t>セブンイレブン富山向新庄５丁目店</t>
  </si>
  <si>
    <t>５丁目１－３</t>
  </si>
  <si>
    <t>24AN0023</t>
  </si>
  <si>
    <t>セブン-イレブン　富山牛島新町店</t>
  </si>
  <si>
    <t>19AN0016</t>
  </si>
  <si>
    <t>楊記合同会社</t>
  </si>
  <si>
    <t>3734番地3</t>
  </si>
  <si>
    <t>楊記食堂</t>
  </si>
  <si>
    <t>24AA0069</t>
  </si>
  <si>
    <t>炭火焼きキッチン　べこ塚はら</t>
  </si>
  <si>
    <t>タカサンビル１F７号テナント</t>
  </si>
  <si>
    <t>24AA0027</t>
  </si>
  <si>
    <t>セブンーイレブン　富山掛尾店</t>
  </si>
  <si>
    <t>354番6</t>
  </si>
  <si>
    <t>24AN0009</t>
  </si>
  <si>
    <t>セブンイレブン　富山赤田北店</t>
  </si>
  <si>
    <t>274-1</t>
  </si>
  <si>
    <t>24AN0015</t>
  </si>
  <si>
    <t>有限会社　シンセイマリン</t>
  </si>
  <si>
    <t>582</t>
  </si>
  <si>
    <t>24CH0002</t>
  </si>
  <si>
    <t>お好みやき食房　ドンドン</t>
  </si>
  <si>
    <t>718-1</t>
  </si>
  <si>
    <t>24AN0010</t>
  </si>
  <si>
    <t>宮本鮮魚店</t>
  </si>
  <si>
    <t>24AE0003</t>
  </si>
  <si>
    <t>24BD0003</t>
  </si>
  <si>
    <t>ケアパートナー株式会社</t>
  </si>
  <si>
    <t>南大井</t>
  </si>
  <si>
    <t>6丁目20番14号</t>
  </si>
  <si>
    <t>ケアパートナー富山</t>
  </si>
  <si>
    <t>1291</t>
  </si>
  <si>
    <t>24AA0030</t>
  </si>
  <si>
    <t>石武鮮魚店</t>
  </si>
  <si>
    <t>藤ノ木</t>
  </si>
  <si>
    <t>2163</t>
  </si>
  <si>
    <t>24BD0004</t>
  </si>
  <si>
    <t>株式会社　Ｅアカデミア</t>
  </si>
  <si>
    <t>宝町1丁目</t>
  </si>
  <si>
    <t>4番15-1001号</t>
  </si>
  <si>
    <t>chill forest</t>
  </si>
  <si>
    <t>あるぺん村新桜町ビル２F</t>
  </si>
  <si>
    <t>24AI0019</t>
  </si>
  <si>
    <t>四季庵</t>
  </si>
  <si>
    <t>3-6-17</t>
  </si>
  <si>
    <t>サクラギ第３ビル１F</t>
  </si>
  <si>
    <t>24AJ0012</t>
  </si>
  <si>
    <t>1924-4</t>
  </si>
  <si>
    <t>スナック喫茶　北空港</t>
  </si>
  <si>
    <t>23AI0133</t>
  </si>
  <si>
    <t>株式会社　扇屋西日本</t>
  </si>
  <si>
    <t>早稲田鶴巻町</t>
  </si>
  <si>
    <t>519</t>
  </si>
  <si>
    <t>やきとりの扇屋 富山天正寺南店</t>
  </si>
  <si>
    <t>59-1</t>
  </si>
  <si>
    <t>24AI0020</t>
  </si>
  <si>
    <t>有限会社　RAIKAS</t>
  </si>
  <si>
    <t>イル・キャンティ・トヤマ</t>
  </si>
  <si>
    <t>24AA0031</t>
  </si>
  <si>
    <t>株式会社やましろ</t>
  </si>
  <si>
    <t>海岸通り</t>
  </si>
  <si>
    <t>ローソン富山アルペンスタジアム前</t>
  </si>
  <si>
    <t>字岡田一番割16-1</t>
  </si>
  <si>
    <t>24AE0020</t>
  </si>
  <si>
    <t>1-1-19</t>
  </si>
  <si>
    <t>Viens ici！</t>
  </si>
  <si>
    <t>24AA0032</t>
  </si>
  <si>
    <t>居酒屋　はな</t>
  </si>
  <si>
    <t>24AI0022</t>
  </si>
  <si>
    <t>有限会社　五衛門</t>
  </si>
  <si>
    <t>207-2</t>
  </si>
  <si>
    <t>五衛門</t>
  </si>
  <si>
    <t>24AD0008</t>
  </si>
  <si>
    <t>4-45</t>
  </si>
  <si>
    <t>食堂　志水</t>
  </si>
  <si>
    <t>24AA0034</t>
  </si>
  <si>
    <t>旭食品株式会社</t>
  </si>
  <si>
    <t>西公文名町</t>
  </si>
  <si>
    <t>6-30</t>
  </si>
  <si>
    <t>24CC0007</t>
  </si>
  <si>
    <t>3-4-6</t>
  </si>
  <si>
    <t>珈琲茶房　瀬里奈</t>
  </si>
  <si>
    <t>24AJ0014</t>
  </si>
  <si>
    <t>959-2</t>
  </si>
  <si>
    <t>テッチの宿</t>
  </si>
  <si>
    <t>24CH0003</t>
  </si>
  <si>
    <t>株式会社　伊東</t>
  </si>
  <si>
    <t>大泉町1丁目</t>
  </si>
  <si>
    <t>かれー屋　伊東</t>
  </si>
  <si>
    <t>24AA0035</t>
  </si>
  <si>
    <t>麺王</t>
  </si>
  <si>
    <t>1-13-16</t>
  </si>
  <si>
    <t>24AD0009</t>
  </si>
  <si>
    <t>Lounge Clair</t>
  </si>
  <si>
    <t>桜木プラザビル1F-A</t>
  </si>
  <si>
    <t>24AI0030</t>
  </si>
  <si>
    <t>イタリア料理　ケンタロウ</t>
  </si>
  <si>
    <t>1-7-2</t>
  </si>
  <si>
    <t>APHビル1F</t>
  </si>
  <si>
    <t>24AA0036</t>
  </si>
  <si>
    <t>198-1</t>
  </si>
  <si>
    <t>居酒屋　冨味</t>
  </si>
  <si>
    <t>24AI0024</t>
  </si>
  <si>
    <t>24CF0001</t>
  </si>
  <si>
    <t>1-4-8</t>
  </si>
  <si>
    <t>御菓子処　嘉藤</t>
  </si>
  <si>
    <t>24CA0014</t>
  </si>
  <si>
    <t>ナチュラル食品工ぼう</t>
  </si>
  <si>
    <t>24CA0013</t>
  </si>
  <si>
    <t>24CC0008</t>
  </si>
  <si>
    <t>ラララベーカリー</t>
  </si>
  <si>
    <t>24CA0016</t>
  </si>
  <si>
    <t>元町</t>
  </si>
  <si>
    <t>1丁目3-19</t>
  </si>
  <si>
    <t>南京千両</t>
  </si>
  <si>
    <t>24AB0003</t>
  </si>
  <si>
    <t>中華美食　好再来</t>
  </si>
  <si>
    <t>80-161</t>
  </si>
  <si>
    <t>24AB0005</t>
  </si>
  <si>
    <t>1-3-15</t>
  </si>
  <si>
    <t>ひがし茶屋</t>
  </si>
  <si>
    <t>24AI0025</t>
  </si>
  <si>
    <t>株式会社ディライフ　グランヒルズ光陽</t>
  </si>
  <si>
    <t>3丁目5-1</t>
  </si>
  <si>
    <t>24AA0061</t>
  </si>
  <si>
    <t>ラーメン　むてっぽう</t>
  </si>
  <si>
    <t>95-1</t>
  </si>
  <si>
    <t>23AD0006</t>
  </si>
  <si>
    <t>月岡町7丁目</t>
  </si>
  <si>
    <t>267</t>
  </si>
  <si>
    <t>神戸屋南店</t>
  </si>
  <si>
    <t>24AK0003</t>
  </si>
  <si>
    <t>24BF0005</t>
  </si>
  <si>
    <t>菓子工房　queue</t>
  </si>
  <si>
    <t>24CA0015</t>
  </si>
  <si>
    <t>茉莉亜茱俱楽部</t>
  </si>
  <si>
    <t>元町2丁目</t>
  </si>
  <si>
    <t>タウンビュー元町１F</t>
  </si>
  <si>
    <t>24AJ0015</t>
  </si>
  <si>
    <t>お好み焼・鉄板焼 Old New</t>
  </si>
  <si>
    <t>富山県中小企業研修センタービル1F</t>
  </si>
  <si>
    <t>24AN0012</t>
  </si>
  <si>
    <t>阪神産業株式会社</t>
  </si>
  <si>
    <t>ホテル　スカイ・ロード</t>
  </si>
  <si>
    <t>24AF0001</t>
  </si>
  <si>
    <t>ローソン　富山荒川店</t>
  </si>
  <si>
    <t>2-7-7</t>
  </si>
  <si>
    <t>24AN0013</t>
  </si>
  <si>
    <t>株式会社丸庄本田</t>
  </si>
  <si>
    <t>割烹　丸庄　本田　清水新館</t>
  </si>
  <si>
    <t>1-3-16</t>
  </si>
  <si>
    <t>24AG0003</t>
  </si>
  <si>
    <t>Shas</t>
  </si>
  <si>
    <t>2丁目6-8</t>
  </si>
  <si>
    <t>1階（B）</t>
  </si>
  <si>
    <t>24AI0027</t>
  </si>
  <si>
    <t>53-7</t>
  </si>
  <si>
    <t>喫茶＆スナック カンナ、石松</t>
  </si>
  <si>
    <t>24AI0028</t>
  </si>
  <si>
    <t>株式会社プラチナコンシェルジュ</t>
  </si>
  <si>
    <t>砂漠に咲く花</t>
  </si>
  <si>
    <t>24AJ0018</t>
  </si>
  <si>
    <t>Boulangerie Carboné</t>
  </si>
  <si>
    <t>285 テナント③</t>
  </si>
  <si>
    <t>24CA0038</t>
  </si>
  <si>
    <t>株式会社プラムテック</t>
  </si>
  <si>
    <t>337-12</t>
  </si>
  <si>
    <t>右膝のひととき。</t>
  </si>
  <si>
    <t>24AJ0023</t>
  </si>
  <si>
    <t>24CA0024</t>
  </si>
  <si>
    <t>株式会社　魚正</t>
  </si>
  <si>
    <t>1-9-31</t>
  </si>
  <si>
    <t>24BD0005</t>
  </si>
  <si>
    <t>合同会社　ショコラ</t>
  </si>
  <si>
    <t>石屋</t>
  </si>
  <si>
    <t>221</t>
  </si>
  <si>
    <t>胡風居</t>
  </si>
  <si>
    <t>201</t>
  </si>
  <si>
    <t>24AJ0016</t>
  </si>
  <si>
    <t>株式会社　Ogihara</t>
  </si>
  <si>
    <t>412-5</t>
  </si>
  <si>
    <t>食いしん坊　探検隊</t>
  </si>
  <si>
    <t>24AA0062</t>
  </si>
  <si>
    <t>2-3-7</t>
  </si>
  <si>
    <t>寺下鮮魚店</t>
  </si>
  <si>
    <t>24BD0006</t>
  </si>
  <si>
    <t>Hommieees</t>
  </si>
  <si>
    <t>桜木プラザビルB1階E号室</t>
  </si>
  <si>
    <t>24AI0033</t>
  </si>
  <si>
    <t>株式会社シェフ・カンパニー</t>
  </si>
  <si>
    <t>岐阜市</t>
  </si>
  <si>
    <t>領下</t>
  </si>
  <si>
    <t>6-83</t>
  </si>
  <si>
    <t>かんすいこうえんレディースクリニックのシェフ・カンパニー調理係</t>
  </si>
  <si>
    <t>24AA0040</t>
  </si>
  <si>
    <t>食事処　雄琴</t>
  </si>
  <si>
    <t>24AA0041</t>
  </si>
  <si>
    <t>金剛化学　株式会社</t>
  </si>
  <si>
    <t>3番地</t>
  </si>
  <si>
    <t>金剛化学株式会社　本社工場</t>
  </si>
  <si>
    <t>24CK0002</t>
  </si>
  <si>
    <t>412</t>
  </si>
  <si>
    <t>風月</t>
  </si>
  <si>
    <t>24AN0016</t>
  </si>
  <si>
    <t>居酒屋　たけ</t>
  </si>
  <si>
    <t>2区282</t>
  </si>
  <si>
    <t>24AI0031</t>
  </si>
  <si>
    <t>カラオケスタジオ　愛歌夢</t>
  </si>
  <si>
    <t>6-563</t>
  </si>
  <si>
    <t>24AI0032</t>
  </si>
  <si>
    <t>T&amp;T Waffle ～petite cadeau～</t>
  </si>
  <si>
    <t>秋吉40-9</t>
  </si>
  <si>
    <t>コーポ秋吉1F</t>
  </si>
  <si>
    <t>24CA0017</t>
  </si>
  <si>
    <t>有限会社　日本料理　山﨑</t>
  </si>
  <si>
    <t>1-18-9</t>
  </si>
  <si>
    <t>日本料理　山崎</t>
  </si>
  <si>
    <t>24AG0004</t>
  </si>
  <si>
    <t>24BD0007</t>
  </si>
  <si>
    <t>24CC0009</t>
  </si>
  <si>
    <t>ラーメン富公</t>
  </si>
  <si>
    <t>24AB0004</t>
  </si>
  <si>
    <t>ジーエスサービス　株式会社</t>
  </si>
  <si>
    <t>サーティワンアイスクリーム　アピタ富山東店</t>
  </si>
  <si>
    <t>24AJ0017</t>
  </si>
  <si>
    <t>くれ～ぷ mikazuki</t>
  </si>
  <si>
    <t>大町14-1</t>
  </si>
  <si>
    <t>24AN0017</t>
  </si>
  <si>
    <t>トミーバックス</t>
  </si>
  <si>
    <t>桜木プラザビルB1F</t>
  </si>
  <si>
    <t>24AI0034</t>
  </si>
  <si>
    <t>9の18</t>
  </si>
  <si>
    <t>グリル　不二軒</t>
  </si>
  <si>
    <t>24AA0045</t>
  </si>
  <si>
    <t>BAR SECOND</t>
  </si>
  <si>
    <t>3-2-16</t>
  </si>
  <si>
    <t>あまよっと横丁内</t>
  </si>
  <si>
    <t>24AI0038</t>
  </si>
  <si>
    <t>有限会社　ブランブルー</t>
  </si>
  <si>
    <t>上村木</t>
  </si>
  <si>
    <t>2-2-21</t>
  </si>
  <si>
    <t>HOME　kitchen</t>
  </si>
  <si>
    <t>24AJ0019</t>
  </si>
  <si>
    <t>炭火串焼　雅楽多</t>
  </si>
  <si>
    <t>24AI0035</t>
  </si>
  <si>
    <t>ティルーム　サン</t>
  </si>
  <si>
    <t>3-3-9</t>
  </si>
  <si>
    <t>ラフィネ東町１F</t>
  </si>
  <si>
    <t>24AJ0020</t>
  </si>
  <si>
    <t>荏原</t>
  </si>
  <si>
    <t>236</t>
  </si>
  <si>
    <t>森豆富店</t>
  </si>
  <si>
    <t>24CE0001</t>
  </si>
  <si>
    <t>687番地</t>
  </si>
  <si>
    <t>韓国料理　ソウル</t>
  </si>
  <si>
    <t>24AA0060</t>
  </si>
  <si>
    <t>だいだい（富山800す6323）</t>
  </si>
  <si>
    <t>24AM0006</t>
  </si>
  <si>
    <t>株式会社　栄輝</t>
  </si>
  <si>
    <t>名古屋市熱田区</t>
  </si>
  <si>
    <t>玉の井町</t>
  </si>
  <si>
    <t>1番1号ライオンズマンション熱田神宮公園603号</t>
  </si>
  <si>
    <t>食藝軒</t>
  </si>
  <si>
    <t>5丁目</t>
  </si>
  <si>
    <t>8番地の1</t>
  </si>
  <si>
    <t>24AI0037</t>
  </si>
  <si>
    <t>株式会社　CANVARS</t>
  </si>
  <si>
    <t>新田塚2丁目</t>
  </si>
  <si>
    <t>25-20</t>
  </si>
  <si>
    <t>VICTORIA FOREST　（ヴィクトリア フォレスト）</t>
  </si>
  <si>
    <t>157-4-1</t>
  </si>
  <si>
    <t>24AA0074</t>
  </si>
  <si>
    <t>TUMUGU不動産 株式会社</t>
  </si>
  <si>
    <t>南田町2丁目</t>
  </si>
  <si>
    <t>6番23号Lian 103号室</t>
  </si>
  <si>
    <t>ポニー</t>
  </si>
  <si>
    <t>レジデンス牛島</t>
  </si>
  <si>
    <t>24AJ0022</t>
  </si>
  <si>
    <t>有限会社　ぼてじゃこ</t>
  </si>
  <si>
    <t>八幡町</t>
  </si>
  <si>
    <t>2丁目9番45</t>
  </si>
  <si>
    <t>ぼてじゃこ　熊野店</t>
  </si>
  <si>
    <t>字柳原割222-1</t>
  </si>
  <si>
    <t>24AN0018</t>
  </si>
  <si>
    <t>5-9</t>
  </si>
  <si>
    <t>レストラン　シェ・フジイ</t>
  </si>
  <si>
    <t>24AA0048</t>
  </si>
  <si>
    <t>上布目</t>
  </si>
  <si>
    <t>265-2</t>
  </si>
  <si>
    <t>ベーカリーショップ　ひでしんち</t>
  </si>
  <si>
    <t>24CA0028</t>
  </si>
  <si>
    <t>3-11-37</t>
  </si>
  <si>
    <t>お食事処　なかだ</t>
  </si>
  <si>
    <t>24AI0039</t>
  </si>
  <si>
    <t>つき乃カフェ</t>
  </si>
  <si>
    <t>216-1</t>
  </si>
  <si>
    <t>24AI0040</t>
  </si>
  <si>
    <t>株式会社　エヌ・アイ・ティ</t>
  </si>
  <si>
    <t>ENER</t>
  </si>
  <si>
    <t>桜木町レストタウンビル2F</t>
  </si>
  <si>
    <t>23AH0016</t>
  </si>
  <si>
    <t>菓子司　林昌堂</t>
  </si>
  <si>
    <t>42-3</t>
  </si>
  <si>
    <t>24CA0022</t>
  </si>
  <si>
    <t>名月堂餅店</t>
  </si>
  <si>
    <t>三丁目5-33</t>
  </si>
  <si>
    <t>24AJ0034</t>
  </si>
  <si>
    <t>二丁目５－１３</t>
  </si>
  <si>
    <t>24CA0047</t>
  </si>
  <si>
    <t>aruna coffee（富山480た1856）</t>
  </si>
  <si>
    <t>24AM0007</t>
  </si>
  <si>
    <t>有限会社　北糧米よし</t>
  </si>
  <si>
    <t>522-2-704</t>
  </si>
  <si>
    <t>米よし　経堂店</t>
  </si>
  <si>
    <t>1-251</t>
  </si>
  <si>
    <t>アルビス経堂店内</t>
  </si>
  <si>
    <t>24CA0023</t>
  </si>
  <si>
    <t>社会福祉法人　フォーレスト八尾会</t>
  </si>
  <si>
    <t>５３－３</t>
  </si>
  <si>
    <t>おわらの里</t>
  </si>
  <si>
    <t>24CC0012</t>
  </si>
  <si>
    <t>La beryl</t>
  </si>
  <si>
    <t>第一三愛ビル３階</t>
  </si>
  <si>
    <t>24AI0048</t>
  </si>
  <si>
    <t>スナックあい</t>
  </si>
  <si>
    <t>233-4</t>
  </si>
  <si>
    <t>24AI0043</t>
  </si>
  <si>
    <t>株式会社　パン・オーレ</t>
  </si>
  <si>
    <t>61-1</t>
  </si>
  <si>
    <t>スペイン石窯パン工房　パン・オーレ掛尾店</t>
  </si>
  <si>
    <t>24CA0025</t>
  </si>
  <si>
    <t>56-1</t>
  </si>
  <si>
    <t>豆十月</t>
  </si>
  <si>
    <t>24AE0009</t>
  </si>
  <si>
    <t>新庄町　縁</t>
  </si>
  <si>
    <t>1-2-15</t>
  </si>
  <si>
    <t>24AG0005</t>
  </si>
  <si>
    <t>20CE0005</t>
  </si>
  <si>
    <t>24CC0013</t>
  </si>
  <si>
    <t>1-5-26</t>
  </si>
  <si>
    <t>チャンピオンカレー　富山新庄店</t>
  </si>
  <si>
    <t>24AA0053</t>
  </si>
  <si>
    <t>アパホテル　株式会社</t>
  </si>
  <si>
    <t>3-2-3</t>
  </si>
  <si>
    <t>Lounge 碧 (Ao)</t>
  </si>
  <si>
    <t>24AA0054</t>
  </si>
  <si>
    <t>Terry's Bar</t>
  </si>
  <si>
    <t>小杉ビル2F</t>
  </si>
  <si>
    <t>24AI0044</t>
  </si>
  <si>
    <t>司や</t>
  </si>
  <si>
    <t>3-6-1</t>
  </si>
  <si>
    <t>24AD0012</t>
  </si>
  <si>
    <t>ぶる～☆すぷりんぐ</t>
  </si>
  <si>
    <t>東田地方町２丁目</t>
  </si>
  <si>
    <t>24AA0055</t>
  </si>
  <si>
    <t>ピザハウス　ふうらいぼう</t>
  </si>
  <si>
    <t>2丁目5-2</t>
  </si>
  <si>
    <t>俳優座ビル内</t>
  </si>
  <si>
    <t>24AI0045</t>
  </si>
  <si>
    <t>たべ処　一粋</t>
  </si>
  <si>
    <t>2-6-3</t>
  </si>
  <si>
    <t>24AI0046</t>
  </si>
  <si>
    <t>ST.Maria（リトルベルサイユ）</t>
  </si>
  <si>
    <t>1-7-7</t>
  </si>
  <si>
    <t>大泉イーストビル 1F</t>
  </si>
  <si>
    <t>24AJ0025</t>
  </si>
  <si>
    <t>24CA0029</t>
  </si>
  <si>
    <t>酒場　綺雅　kica</t>
  </si>
  <si>
    <t>24AI0047</t>
  </si>
  <si>
    <t>ちゃぶ有</t>
  </si>
  <si>
    <t>2-5-14</t>
  </si>
  <si>
    <t>24AA0059</t>
  </si>
  <si>
    <t>3-7-9</t>
  </si>
  <si>
    <t>ヤマカワ　大泉店</t>
  </si>
  <si>
    <t>24AN0022</t>
  </si>
  <si>
    <t>ビジネス富屋旅館</t>
  </si>
  <si>
    <t>24AF0004</t>
  </si>
  <si>
    <t>1丁目5番地5号</t>
  </si>
  <si>
    <t>常葉</t>
  </si>
  <si>
    <t>24AG0006</t>
  </si>
  <si>
    <t>1-2-29</t>
  </si>
  <si>
    <t>歩寿司</t>
  </si>
  <si>
    <t>24AC0003</t>
  </si>
  <si>
    <t>1区246</t>
  </si>
  <si>
    <t>むらさき屋</t>
  </si>
  <si>
    <t>24CT0003</t>
  </si>
  <si>
    <t>ミクト株式会社</t>
  </si>
  <si>
    <t>2丁目24-15</t>
  </si>
  <si>
    <t>Coffee Beans ＋ Cafe MicT</t>
  </si>
  <si>
    <t>24AJ0026</t>
  </si>
  <si>
    <t>24CA0030</t>
  </si>
  <si>
    <t>1丁目6番17号</t>
  </si>
  <si>
    <t>軽食喫茶　茶話</t>
  </si>
  <si>
    <t>24AJ0027</t>
  </si>
  <si>
    <t>源莱中華料理店</t>
  </si>
  <si>
    <t>54-3</t>
  </si>
  <si>
    <t>24AB0008</t>
  </si>
  <si>
    <t>2-19-7</t>
  </si>
  <si>
    <t>ant CAKE AND BAKE STAND</t>
  </si>
  <si>
    <t>24CA0031</t>
  </si>
  <si>
    <t>3-1-31</t>
  </si>
  <si>
    <t>PainAllier(パンアリエ)</t>
  </si>
  <si>
    <t>24CA0032</t>
  </si>
  <si>
    <t>田舎模様</t>
  </si>
  <si>
    <t>2-1-16　1F</t>
  </si>
  <si>
    <t>24AI0050</t>
  </si>
  <si>
    <t>AROUSE</t>
  </si>
  <si>
    <t>田中ビル1F</t>
  </si>
  <si>
    <t>24AI0058</t>
  </si>
  <si>
    <t>合同会社　VE-GA</t>
  </si>
  <si>
    <t>2670-1</t>
  </si>
  <si>
    <t>club VEGA</t>
  </si>
  <si>
    <t>フィフティーンハウス３階</t>
  </si>
  <si>
    <t>22AH0007</t>
  </si>
  <si>
    <t>テイカ製薬株式会社</t>
  </si>
  <si>
    <t>丹霞堂　富山駅前店</t>
  </si>
  <si>
    <t>2-2-11</t>
  </si>
  <si>
    <t>24AJ0028</t>
  </si>
  <si>
    <t>ローソン富山上赤江町店</t>
  </si>
  <si>
    <t>1丁目16-43</t>
  </si>
  <si>
    <t>24AN0024</t>
  </si>
  <si>
    <t>株式会社プレナス</t>
  </si>
  <si>
    <t>一丁目19番21号</t>
  </si>
  <si>
    <t>やよい軒　富山山室店</t>
  </si>
  <si>
    <t>24AA0038</t>
  </si>
  <si>
    <t>ほっともっと　富山奥田町店</t>
  </si>
  <si>
    <t>13-13</t>
  </si>
  <si>
    <t>24AE0016</t>
  </si>
  <si>
    <t>ゆず小町</t>
  </si>
  <si>
    <t>1丁目2番50号2階</t>
  </si>
  <si>
    <t>24AI0052</t>
  </si>
  <si>
    <t>ricomama dolce</t>
  </si>
  <si>
    <t>24CA0033</t>
  </si>
  <si>
    <t>合同会社　A-Plus</t>
  </si>
  <si>
    <t>A＋</t>
  </si>
  <si>
    <t>ザ・ロイヤルビル 3F</t>
  </si>
  <si>
    <t>22AI0146</t>
  </si>
  <si>
    <t>30-16</t>
  </si>
  <si>
    <t>松一寿し</t>
  </si>
  <si>
    <t>24AC0004</t>
  </si>
  <si>
    <t>LEAD UP</t>
  </si>
  <si>
    <t>二丁目1番12</t>
  </si>
  <si>
    <t>TSビル3階</t>
  </si>
  <si>
    <t>24AI0066</t>
  </si>
  <si>
    <t>８番らーめん　八尾店</t>
  </si>
  <si>
    <t>583-2</t>
  </si>
  <si>
    <t>22AD0026</t>
  </si>
  <si>
    <t>中部フーズ株式会社</t>
  </si>
  <si>
    <t>バロー清水町店</t>
  </si>
  <si>
    <t>8-1-3</t>
  </si>
  <si>
    <t>24AK0004</t>
  </si>
  <si>
    <t>24BF0008</t>
  </si>
  <si>
    <t>24BD0010</t>
  </si>
  <si>
    <t>和風スナック　とんちんかん</t>
  </si>
  <si>
    <t>ジェイズテナント3号</t>
  </si>
  <si>
    <t>24AI0055</t>
  </si>
  <si>
    <t>スナック　おほーつく</t>
  </si>
  <si>
    <t>1-5-8　2F</t>
  </si>
  <si>
    <t>24AI0059</t>
  </si>
  <si>
    <t>株式会社　ケアプラス</t>
  </si>
  <si>
    <t>今江町は</t>
  </si>
  <si>
    <t>65番地2</t>
  </si>
  <si>
    <t>希望の郷</t>
  </si>
  <si>
    <t>1585-1</t>
  </si>
  <si>
    <t>24AA0065</t>
  </si>
  <si>
    <t>BOSCO 株式会社</t>
  </si>
  <si>
    <t>2-2-10</t>
  </si>
  <si>
    <t>博多ラーメンばたやん駅前店</t>
  </si>
  <si>
    <t>24AD0015</t>
  </si>
  <si>
    <t>カラオケバー　マカロニサラダ</t>
  </si>
  <si>
    <t>14-3</t>
  </si>
  <si>
    <t>第2桜ビル201</t>
  </si>
  <si>
    <t>24AI0069</t>
  </si>
  <si>
    <t>POT　STILL</t>
  </si>
  <si>
    <t>2-3-27</t>
  </si>
  <si>
    <t>開ビル2F</t>
  </si>
  <si>
    <t>24AI0056</t>
  </si>
  <si>
    <t>だるま寿司</t>
  </si>
  <si>
    <t>ボルファートとやま1F</t>
  </si>
  <si>
    <t>24AC0005</t>
  </si>
  <si>
    <t>Allure</t>
  </si>
  <si>
    <t>一丁目3-12</t>
  </si>
  <si>
    <t>AIビル3F</t>
  </si>
  <si>
    <t>24AI0057</t>
  </si>
  <si>
    <t>居酒屋　舞子</t>
  </si>
  <si>
    <t>2丁目3-26</t>
  </si>
  <si>
    <t>24AI0054</t>
  </si>
  <si>
    <t>ラ・ドーム</t>
  </si>
  <si>
    <t>３の２４</t>
  </si>
  <si>
    <t>24AI0060</t>
  </si>
  <si>
    <t>株式会社　nittsu</t>
  </si>
  <si>
    <t>大阪市西成区</t>
  </si>
  <si>
    <t>太子</t>
  </si>
  <si>
    <t>1-7-13</t>
  </si>
  <si>
    <t>NEW SAI GON</t>
  </si>
  <si>
    <t>24AA0067</t>
  </si>
  <si>
    <t>旬の蔵　げん</t>
  </si>
  <si>
    <t>24AI0061</t>
  </si>
  <si>
    <t>酒房　しのぶ</t>
  </si>
  <si>
    <t>1-2-50</t>
  </si>
  <si>
    <t>24AI0062</t>
  </si>
  <si>
    <t>株式会社　トゥエルヴ</t>
  </si>
  <si>
    <t>2丁目4-15</t>
  </si>
  <si>
    <t>医療・健康宅食のデリサンテ</t>
  </si>
  <si>
    <t>24AE0011</t>
  </si>
  <si>
    <t>maruco crepe（富山830さ1313）</t>
  </si>
  <si>
    <t>24AM0012</t>
  </si>
  <si>
    <t>株式会社　ジャッカル</t>
  </si>
  <si>
    <t>910番地2</t>
  </si>
  <si>
    <t>亀山ベビーカステラ社中（富山８００る２７６）</t>
  </si>
  <si>
    <t>24AM0010</t>
  </si>
  <si>
    <t>亀山ベビーカステラ社中（富山８００す３９８５）</t>
  </si>
  <si>
    <t>24AM0011</t>
  </si>
  <si>
    <t>T@op@i（タオパイ）</t>
  </si>
  <si>
    <t>富山グリーンビル1F</t>
  </si>
  <si>
    <t>24AH0001</t>
  </si>
  <si>
    <t>呑み処 せんか</t>
  </si>
  <si>
    <t>2丁目5-1</t>
  </si>
  <si>
    <t>俳優座ビルB1F</t>
  </si>
  <si>
    <t>24AI0072</t>
  </si>
  <si>
    <t>葵商事株式会社</t>
  </si>
  <si>
    <t>髙田食糧株式会社　おにぎり加工所</t>
  </si>
  <si>
    <t>2-3-15</t>
  </si>
  <si>
    <t>24AE0013</t>
  </si>
  <si>
    <t>セブン-イレブン富山上飯野店</t>
  </si>
  <si>
    <t>上飯野字前田</t>
  </si>
  <si>
    <t>34-3</t>
  </si>
  <si>
    <t>24AN0025</t>
  </si>
  <si>
    <t>酒肆　真酒亭</t>
  </si>
  <si>
    <t>桜町2-6-20　福澤ビル二階</t>
  </si>
  <si>
    <t>24AI0067</t>
  </si>
  <si>
    <t>越中の台所　きのか</t>
  </si>
  <si>
    <t>1-5-11</t>
  </si>
  <si>
    <t>タカラビル2階</t>
  </si>
  <si>
    <t>24AI0080</t>
  </si>
  <si>
    <t>海のめぐみ　粋鱗</t>
  </si>
  <si>
    <t>3番23号　1階</t>
  </si>
  <si>
    <t>24AI0068</t>
  </si>
  <si>
    <t>ひぐら志</t>
  </si>
  <si>
    <t>福澤ライオンビル2F E号室</t>
  </si>
  <si>
    <t>24AI0070</t>
  </si>
  <si>
    <t>株式会社オリノ</t>
  </si>
  <si>
    <t>中野区</t>
  </si>
  <si>
    <t>東中野</t>
  </si>
  <si>
    <t>3-1-20</t>
  </si>
  <si>
    <t>串カツ田中　富山駅前店</t>
  </si>
  <si>
    <t>パティオさくら　1F</t>
  </si>
  <si>
    <t>24AA0066</t>
  </si>
  <si>
    <t>株式会社ダイニング</t>
  </si>
  <si>
    <t>大和田</t>
  </si>
  <si>
    <t>1丁目1505</t>
  </si>
  <si>
    <t>きはち屋　富山駅前店</t>
  </si>
  <si>
    <t>1丁目4-20</t>
  </si>
  <si>
    <t>パティオさくら1F</t>
  </si>
  <si>
    <t>24AI0071</t>
  </si>
  <si>
    <t>ABSOLU</t>
  </si>
  <si>
    <t>桜木プラザビル地下1階F室</t>
  </si>
  <si>
    <t>24AI0074</t>
  </si>
  <si>
    <t>夜桜</t>
  </si>
  <si>
    <t>桜町2丁目</t>
  </si>
  <si>
    <t>エスティ５ビル１F</t>
  </si>
  <si>
    <t>24AI0073</t>
  </si>
  <si>
    <t>旬彩つち田</t>
  </si>
  <si>
    <t>ジェイズテナント２号</t>
  </si>
  <si>
    <t>24AI0075</t>
  </si>
  <si>
    <t>たべ処　ちゃぼん</t>
  </si>
  <si>
    <t>24AA0070</t>
  </si>
  <si>
    <t>KIARA</t>
  </si>
  <si>
    <t>2丁目1-12-7</t>
  </si>
  <si>
    <t>24AI0077</t>
  </si>
  <si>
    <t>1334-12</t>
  </si>
  <si>
    <t>Baked cakeしのはら</t>
  </si>
  <si>
    <t>24CA0035</t>
  </si>
  <si>
    <t>柳町4丁目</t>
  </si>
  <si>
    <t>4番18号</t>
  </si>
  <si>
    <t>吉崎鮮魚店</t>
  </si>
  <si>
    <t>24AE0015</t>
  </si>
  <si>
    <t>24BD0012</t>
  </si>
  <si>
    <t>PENNY BLACK</t>
  </si>
  <si>
    <t>1-4-28</t>
  </si>
  <si>
    <t>朱實ビル1Ｆ</t>
  </si>
  <si>
    <t>24AI0088</t>
  </si>
  <si>
    <t>日幸海産株式会社</t>
  </si>
  <si>
    <t>24CH0004</t>
  </si>
  <si>
    <t>歩寿司分家</t>
  </si>
  <si>
    <t>小杉ビル1F</t>
  </si>
  <si>
    <t>24AC0006</t>
  </si>
  <si>
    <t>バクハウス</t>
  </si>
  <si>
    <t>1-384</t>
  </si>
  <si>
    <t>24AA0078</t>
  </si>
  <si>
    <t>24BF0009</t>
  </si>
  <si>
    <t>谷中草庵</t>
  </si>
  <si>
    <t>24AA0077</t>
  </si>
  <si>
    <t>SHIROKUMA INN Bed &amp; Breakfast</t>
  </si>
  <si>
    <t>24AA0072</t>
  </si>
  <si>
    <t>2-9-26</t>
  </si>
  <si>
    <t>大野菓子店</t>
  </si>
  <si>
    <t>24CA0036</t>
  </si>
  <si>
    <t>KOYOMI</t>
  </si>
  <si>
    <t>ザ・ロイヤルビル１F</t>
  </si>
  <si>
    <t>24AI0093</t>
  </si>
  <si>
    <t>MIROKU</t>
  </si>
  <si>
    <t>24AI0092</t>
  </si>
  <si>
    <t>日の出</t>
  </si>
  <si>
    <t>24AA0079</t>
  </si>
  <si>
    <t>生野屋</t>
  </si>
  <si>
    <t>24CA0040</t>
  </si>
  <si>
    <t>N</t>
  </si>
  <si>
    <t>フレンドビル2-B</t>
  </si>
  <si>
    <t>24AI0094</t>
  </si>
  <si>
    <t>株式会社西日本ビッグボーイ</t>
  </si>
  <si>
    <t>ビッグボーイ富山田中店</t>
  </si>
  <si>
    <t>4丁目14-52</t>
  </si>
  <si>
    <t>24AA0050</t>
  </si>
  <si>
    <t>B&amp;G</t>
  </si>
  <si>
    <t>1-8-6</t>
  </si>
  <si>
    <t>クリスタルビル　5F</t>
  </si>
  <si>
    <t>24AI0083</t>
  </si>
  <si>
    <t>Nuts</t>
  </si>
  <si>
    <t>8-31</t>
  </si>
  <si>
    <t>桜木町ビッグアベニュー86ビル2階北側G号室</t>
  </si>
  <si>
    <t>24AI0082</t>
  </si>
  <si>
    <t>pokapoka</t>
  </si>
  <si>
    <t>24CA0041</t>
  </si>
  <si>
    <t>株式会社　DAISUKE SUN</t>
  </si>
  <si>
    <t>伊那市</t>
  </si>
  <si>
    <t>上の原</t>
  </si>
  <si>
    <t>7141-3</t>
  </si>
  <si>
    <t xml:space="preserve">移動販売車　Natural Flatt (松本８００す６８２１） </t>
  </si>
  <si>
    <t>蜷川４５９－１</t>
  </si>
  <si>
    <t>24AM0013</t>
  </si>
  <si>
    <t>小林薬品　株式会社</t>
  </si>
  <si>
    <t>217番1</t>
  </si>
  <si>
    <t>雨と雪</t>
  </si>
  <si>
    <t>24AA0083</t>
  </si>
  <si>
    <t>食堂　ときわ</t>
  </si>
  <si>
    <t>24AA0088</t>
  </si>
  <si>
    <t>ENISHING</t>
  </si>
  <si>
    <t>中央通り2丁目</t>
  </si>
  <si>
    <t>中教院モルティー１F テナントA</t>
  </si>
  <si>
    <t>24AJ0031</t>
  </si>
  <si>
    <t>base-cafe watsuki</t>
  </si>
  <si>
    <t>岩木新</t>
  </si>
  <si>
    <t>271</t>
  </si>
  <si>
    <t>24AI0036</t>
  </si>
  <si>
    <t>１丁目10-7</t>
  </si>
  <si>
    <t>中川鮮魚店</t>
  </si>
  <si>
    <t>24CC0014</t>
  </si>
  <si>
    <t>有限会社　ラ・アンサンブル</t>
  </si>
  <si>
    <t>BAMBOU　CHAMP</t>
  </si>
  <si>
    <t>ラ・アンサンブル３　２F</t>
  </si>
  <si>
    <t>24AI0098</t>
  </si>
  <si>
    <t>ローソン富山環状上飯野店</t>
  </si>
  <si>
    <t>24AN0028</t>
  </si>
  <si>
    <t>食事酔房ひえん</t>
  </si>
  <si>
    <t>1-6-14</t>
  </si>
  <si>
    <t>桜町ビル２F</t>
  </si>
  <si>
    <t>24AI0086</t>
  </si>
  <si>
    <t>2丁目5番3号　俳優座ビル地下</t>
  </si>
  <si>
    <t>大衆割烹　潮</t>
  </si>
  <si>
    <t>24AI0087</t>
  </si>
  <si>
    <t>株式会社立山グリーンサービス</t>
  </si>
  <si>
    <t>下新西町１番３５号</t>
  </si>
  <si>
    <t>Bloom Note</t>
  </si>
  <si>
    <t>布目西</t>
  </si>
  <si>
    <t>275-1</t>
  </si>
  <si>
    <t>24AJ0033</t>
  </si>
  <si>
    <t>24CA0046</t>
  </si>
  <si>
    <t>居酒屋ダイニング　めだか</t>
  </si>
  <si>
    <t>2丁目1-15</t>
  </si>
  <si>
    <t>夜光城ビル１F</t>
  </si>
  <si>
    <t>24AI0089</t>
  </si>
  <si>
    <t>株式会社　エー・ピーカンパニー</t>
  </si>
  <si>
    <t>高輪</t>
  </si>
  <si>
    <t>三丁目25番23号　京急第2ビル1F</t>
  </si>
  <si>
    <t>鹿児島県霧島市塚田農場　富山駅前店</t>
  </si>
  <si>
    <t>陽光堂ビル1階</t>
  </si>
  <si>
    <t>24AI0090</t>
  </si>
  <si>
    <t>有限会社　丸高寿し</t>
  </si>
  <si>
    <t>24AE0017</t>
  </si>
  <si>
    <t>焼肉ホルモン信長</t>
  </si>
  <si>
    <t>24AE0018</t>
  </si>
  <si>
    <t>スナックシルビア</t>
  </si>
  <si>
    <t>2丁目4-22</t>
  </si>
  <si>
    <t>第二KKビルB1階</t>
  </si>
  <si>
    <t>24AI0091</t>
  </si>
  <si>
    <t>172</t>
  </si>
  <si>
    <t>かねます食品</t>
  </si>
  <si>
    <t>24CT0004</t>
  </si>
  <si>
    <t>ジェリーズ　フードトラック店（富山100せ3812）</t>
  </si>
  <si>
    <t>24AM0014</t>
  </si>
  <si>
    <t>すなっく花簾</t>
  </si>
  <si>
    <t>2丁目6の20</t>
  </si>
  <si>
    <t>福沢ビル1F</t>
  </si>
  <si>
    <t>24AI0095</t>
  </si>
  <si>
    <t>酒処　ほのか</t>
  </si>
  <si>
    <t>92-15</t>
  </si>
  <si>
    <t>24AI0096</t>
  </si>
  <si>
    <t>日合水産株式会社</t>
  </si>
  <si>
    <t>76番地</t>
  </si>
  <si>
    <t>24BD0016</t>
  </si>
  <si>
    <t>62-1</t>
  </si>
  <si>
    <t>天よし</t>
  </si>
  <si>
    <t>24AA0080</t>
  </si>
  <si>
    <t>チムニー　株式会社</t>
  </si>
  <si>
    <t>墨田区</t>
  </si>
  <si>
    <t>両国3丁目</t>
  </si>
  <si>
    <t>22-6 雷電ビル6F,7F,8F</t>
  </si>
  <si>
    <t>肉豆腐とレモンサワー 大衆食堂 安べゑ 富山駅前店</t>
  </si>
  <si>
    <t>4号20番</t>
  </si>
  <si>
    <t>24AI0097</t>
  </si>
  <si>
    <t>肴・酒・歌　きょう</t>
  </si>
  <si>
    <t>オレンジビル１F</t>
  </si>
  <si>
    <t>24AI0099</t>
  </si>
  <si>
    <t>2-8-27</t>
  </si>
  <si>
    <t>東京亭 城川原店</t>
  </si>
  <si>
    <t>24AD0016</t>
  </si>
  <si>
    <t>富山地鉄ホテル株式会社</t>
  </si>
  <si>
    <t>１丁目１番１号</t>
  </si>
  <si>
    <t>アルシェフ</t>
  </si>
  <si>
    <t>１丁目１番１号　電鉄富山駅ビル11F</t>
  </si>
  <si>
    <t>24AA0084</t>
  </si>
  <si>
    <t>ラガール</t>
  </si>
  <si>
    <t>電鉄富山駅ビル２F</t>
  </si>
  <si>
    <t>24AA0085</t>
  </si>
  <si>
    <t>ラーメン 一心</t>
  </si>
  <si>
    <t>1-1-36</t>
  </si>
  <si>
    <t>24AD0017</t>
  </si>
  <si>
    <t>ローソン　富山上冨居店</t>
  </si>
  <si>
    <t>23AE0023</t>
  </si>
  <si>
    <t>株式会社オーシャン</t>
  </si>
  <si>
    <t>下関町</t>
  </si>
  <si>
    <t>クラブ　ピース</t>
  </si>
  <si>
    <t>１－４－６</t>
  </si>
  <si>
    <t>24AH0002</t>
  </si>
  <si>
    <t>シラホフーズ株式会社</t>
  </si>
  <si>
    <t>468-1</t>
  </si>
  <si>
    <t>24AE0019</t>
  </si>
  <si>
    <t>24BD0015</t>
  </si>
  <si>
    <t>24CC0015</t>
  </si>
  <si>
    <t>1-13-21</t>
  </si>
  <si>
    <t>石田鮮魚店</t>
  </si>
  <si>
    <t>24BD0018</t>
  </si>
  <si>
    <t>ひね和か</t>
  </si>
  <si>
    <t>24AI0102</t>
  </si>
  <si>
    <t>アンバーハウス　Chic</t>
  </si>
  <si>
    <t>福沢ビル2F</t>
  </si>
  <si>
    <t>24AI0104</t>
  </si>
  <si>
    <t>株式会社ガネーシャ</t>
  </si>
  <si>
    <t>1丁目4番７号</t>
  </si>
  <si>
    <t>居酒屋ヨリミチ</t>
  </si>
  <si>
    <t>３丁目2-16</t>
  </si>
  <si>
    <t>24AI0105</t>
  </si>
  <si>
    <t>株式会社　B-blle</t>
  </si>
  <si>
    <t>一丁目6番27号</t>
  </si>
  <si>
    <t>鈴丸</t>
  </si>
  <si>
    <t>内幸ビルA館　2F</t>
  </si>
  <si>
    <t>23AI0260</t>
  </si>
  <si>
    <t>岩瀬鮮魚店</t>
  </si>
  <si>
    <t>24BD0014</t>
  </si>
  <si>
    <t>天笑屋/ホバーズ（石川130さ5995）</t>
  </si>
  <si>
    <t>24AM0015</t>
  </si>
  <si>
    <t>BATTLE WOLF</t>
  </si>
  <si>
    <t>2-2-23</t>
  </si>
  <si>
    <t>木村ビル2F</t>
  </si>
  <si>
    <t>24AI0108</t>
  </si>
  <si>
    <t>株式会社富山エクセルホテル東急</t>
  </si>
  <si>
    <t>1丁目2-3</t>
  </si>
  <si>
    <t>リコモンテ（Ricco　Monte）</t>
  </si>
  <si>
    <t>24AA0086</t>
  </si>
  <si>
    <t>レモンハウスエンタプライズ有限会社</t>
  </si>
  <si>
    <t>2-5-18</t>
  </si>
  <si>
    <t>寿し割烹　夢八</t>
  </si>
  <si>
    <t>24AC0009</t>
  </si>
  <si>
    <t>株式会社　A-STYLE</t>
  </si>
  <si>
    <t>1-4-20 パティオさくら２F</t>
  </si>
  <si>
    <t>ガッツリ　えびすこ</t>
  </si>
  <si>
    <t>パティオさくら２F</t>
  </si>
  <si>
    <t>24AD0019</t>
  </si>
  <si>
    <t>宝屋（富山100せ1099）</t>
  </si>
  <si>
    <t>24AM0016</t>
  </si>
  <si>
    <t>DKC313</t>
  </si>
  <si>
    <t>24AM0017</t>
  </si>
  <si>
    <t>Idool</t>
  </si>
  <si>
    <t>桜木プラザ　１F</t>
  </si>
  <si>
    <t>24AI0112</t>
  </si>
  <si>
    <t>やるまいけ　らっきょう作り会</t>
  </si>
  <si>
    <t>1199</t>
  </si>
  <si>
    <t>24CT0005</t>
  </si>
  <si>
    <t>Loving</t>
  </si>
  <si>
    <t>西村ビル2F</t>
  </si>
  <si>
    <t>24AI0109</t>
  </si>
  <si>
    <t>ステーキ　すず屋</t>
  </si>
  <si>
    <t>豊田</t>
  </si>
  <si>
    <t>460-3</t>
  </si>
  <si>
    <t>24AA0087</t>
  </si>
  <si>
    <t>2162-9</t>
  </si>
  <si>
    <t>森　昆布〆専門店</t>
  </si>
  <si>
    <t>24BD0017</t>
  </si>
  <si>
    <t>24CC0017</t>
  </si>
  <si>
    <t>クレープREVEL（富山100せ3339）</t>
  </si>
  <si>
    <t>24AM0019</t>
  </si>
  <si>
    <t>麺研いわき</t>
  </si>
  <si>
    <t>24CG0002</t>
  </si>
  <si>
    <t>居酒屋　艶次郎</t>
  </si>
  <si>
    <t>2-1-14</t>
  </si>
  <si>
    <t>夜光城ビル　2F</t>
  </si>
  <si>
    <t>24AI0111</t>
  </si>
  <si>
    <t>大衆割烹　あら川</t>
  </si>
  <si>
    <t>2丁目2-22</t>
  </si>
  <si>
    <t>24AG0008</t>
  </si>
  <si>
    <t>ラフ</t>
  </si>
  <si>
    <t>2丁目6-20</t>
  </si>
  <si>
    <t>福澤ライオンビル1F</t>
  </si>
  <si>
    <t>24AI0115</t>
  </si>
  <si>
    <t>株式会社　小杉カントリークラブ</t>
  </si>
  <si>
    <t>浄土寺</t>
  </si>
  <si>
    <t>１番地</t>
  </si>
  <si>
    <t>アイザック足湯公園カフェ</t>
  </si>
  <si>
    <t>一丁目１－２</t>
  </si>
  <si>
    <t>24AJ0036</t>
  </si>
  <si>
    <t>居酒屋金剛</t>
  </si>
  <si>
    <t>一丁目１－３　</t>
  </si>
  <si>
    <t>α１ビル１F</t>
  </si>
  <si>
    <t>24AI0116</t>
  </si>
  <si>
    <t>株式会社グラニーレ</t>
  </si>
  <si>
    <t>１７９番地３</t>
  </si>
  <si>
    <t>クノップ　マルート店</t>
  </si>
  <si>
    <t>1番231号　</t>
  </si>
  <si>
    <t>JR富山駅ビル　MAROOT　1F</t>
  </si>
  <si>
    <t>22AJ0021</t>
  </si>
  <si>
    <t>Bar　篝燈</t>
  </si>
  <si>
    <t>富山駅前第1ビル</t>
  </si>
  <si>
    <t>21AI0265</t>
  </si>
  <si>
    <t>施設名</t>
    <rPh sb="0" eb="3">
      <t>シセツメイ</t>
    </rPh>
    <phoneticPr fontId="1"/>
  </si>
  <si>
    <t>施設住所</t>
    <rPh sb="0" eb="4">
      <t>シセツジュウショ</t>
    </rPh>
    <phoneticPr fontId="1"/>
  </si>
  <si>
    <t>営業者名</t>
    <rPh sb="0" eb="4">
      <t>エイギョウシャメイ</t>
    </rPh>
    <phoneticPr fontId="1"/>
  </si>
  <si>
    <t>営業者住所</t>
    <rPh sb="0" eb="3">
      <t>エイギョウシャ</t>
    </rPh>
    <rPh sb="3" eb="5">
      <t>ジュウショ</t>
    </rPh>
    <phoneticPr fontId="1"/>
  </si>
  <si>
    <t>業種</t>
    <phoneticPr fontId="1"/>
  </si>
  <si>
    <t>細分類</t>
    <phoneticPr fontId="1"/>
  </si>
  <si>
    <t>施設名</t>
    <rPh sb="0" eb="2">
      <t>シセツ</t>
    </rPh>
    <rPh sb="2" eb="3">
      <t>メイ</t>
    </rPh>
    <phoneticPr fontId="1"/>
  </si>
  <si>
    <t>施設住所</t>
    <rPh sb="0" eb="2">
      <t>シセツ</t>
    </rPh>
    <rPh sb="2" eb="4">
      <t>ジュウショ</t>
    </rPh>
    <phoneticPr fontId="1"/>
  </si>
  <si>
    <t>営業者名</t>
    <rPh sb="0" eb="3">
      <t>エイギョウシャ</t>
    </rPh>
    <rPh sb="3" eb="4">
      <t>メイ</t>
    </rPh>
    <phoneticPr fontId="1"/>
  </si>
  <si>
    <t>営業住所</t>
    <rPh sb="0" eb="2">
      <t>エイギョウ</t>
    </rPh>
    <rPh sb="2" eb="4">
      <t>ジュウショ</t>
    </rPh>
    <phoneticPr fontId="1"/>
  </si>
  <si>
    <t>許可番号</t>
    <phoneticPr fontId="1"/>
  </si>
  <si>
    <t>初回許可年月日</t>
    <rPh sb="0" eb="2">
      <t>ショカイ</t>
    </rPh>
    <rPh sb="2" eb="4">
      <t>キョカ</t>
    </rPh>
    <phoneticPr fontId="1"/>
  </si>
  <si>
    <t>許可満了日</t>
    <rPh sb="0" eb="2">
      <t>キョカ</t>
    </rPh>
    <rPh sb="2" eb="4">
      <t>マンリョウ</t>
    </rPh>
    <rPh sb="4" eb="5">
      <t>ビ</t>
    </rPh>
    <phoneticPr fontId="1"/>
  </si>
  <si>
    <t>アイスクリーム類製造業</t>
  </si>
  <si>
    <t>社会福祉法人　富山ふなん会</t>
  </si>
  <si>
    <t>富山市石屋２３７</t>
  </si>
  <si>
    <t>富山県富山市石屋２３７</t>
  </si>
  <si>
    <t>19CD0005</t>
  </si>
  <si>
    <t>山川東分店</t>
  </si>
  <si>
    <t>富山市緑町一丁目４－８</t>
  </si>
  <si>
    <t>21CD0003</t>
  </si>
  <si>
    <t>（株）フルールリブラン　南本店</t>
  </si>
  <si>
    <t>富山市黒瀬北町１－３－３</t>
  </si>
  <si>
    <t>株式会社　フルールリブラン</t>
  </si>
  <si>
    <t>富山市上飯野１－１</t>
  </si>
  <si>
    <t>19CD0001</t>
  </si>
  <si>
    <t>青山茶舗</t>
  </si>
  <si>
    <t>富山市城北町２１－６</t>
  </si>
  <si>
    <t>20CD0003</t>
  </si>
  <si>
    <t>ビギン</t>
  </si>
  <si>
    <t>富山市五福１１４３－１</t>
  </si>
  <si>
    <t>株式会社　五福興産</t>
  </si>
  <si>
    <t>20CD0009</t>
  </si>
  <si>
    <t>ココナッツ　アイランド　富山県中央植物園店</t>
  </si>
  <si>
    <t>富山市婦中町上轡田４２</t>
  </si>
  <si>
    <t>富山県中央植物園中央ホール前</t>
  </si>
  <si>
    <t>18CD0005</t>
  </si>
  <si>
    <t>味のたこよし</t>
  </si>
  <si>
    <t>富山市水橋中村町７１</t>
  </si>
  <si>
    <t>18CD0002</t>
  </si>
  <si>
    <t>林林サービスエリア</t>
  </si>
  <si>
    <t>富山市片掛３－５</t>
  </si>
  <si>
    <t>有限会社　ほそいりトエンティワン</t>
  </si>
  <si>
    <t>19CD0014</t>
  </si>
  <si>
    <t>いも屋</t>
  </si>
  <si>
    <t>富山市豊田町一丁目９－２５</t>
  </si>
  <si>
    <t>有限会社　エスオーエス</t>
  </si>
  <si>
    <t>射水市庄西町１－１３－２０</t>
  </si>
  <si>
    <t>19CD0007</t>
  </si>
  <si>
    <t>ＬＡ　ＭＡＩＳＯＮ　ＤＥ　ＪＵＮ</t>
  </si>
  <si>
    <t>富山市経堂４－２－１０</t>
  </si>
  <si>
    <t>有限会社　アンティム</t>
  </si>
  <si>
    <t>富山県富山市山室７６－９</t>
  </si>
  <si>
    <t>19CD0006</t>
  </si>
  <si>
    <t>マクドナルド　富山空港通り店</t>
  </si>
  <si>
    <t>富山市布瀬町南２－１０－２</t>
  </si>
  <si>
    <t>株式会社　アップライト</t>
  </si>
  <si>
    <t>富山県富山市堀川町４２５－３</t>
  </si>
  <si>
    <t>19CD0002</t>
  </si>
  <si>
    <t>マクドナルド　フューチャーシティファボーレ店</t>
  </si>
  <si>
    <t>富山市婦中町下轡田１６５－１</t>
  </si>
  <si>
    <t>19CD0010</t>
  </si>
  <si>
    <t>あおばの里　ほほえみ館</t>
  </si>
  <si>
    <t>富山市婦中町羽根９４０－１</t>
  </si>
  <si>
    <t>富山市八尾町福島４７１－１</t>
  </si>
  <si>
    <t>20CD0008</t>
  </si>
  <si>
    <t>Ｖｏｃｅ（ヴォーチェ）</t>
  </si>
  <si>
    <t>富山市下奥井一丁目２１－２０</t>
  </si>
  <si>
    <t>株式会社　ブルードリーム</t>
  </si>
  <si>
    <t>富山県富山市下新町３３－２７</t>
  </si>
  <si>
    <t>21CD0006</t>
  </si>
  <si>
    <t>株式会社富山環境整備　下吉川事業所</t>
  </si>
  <si>
    <t>富山市婦中町下吉川５１７</t>
  </si>
  <si>
    <t>株式会社　富山環境整備</t>
  </si>
  <si>
    <t>富山県富山市婦中町吉谷３－３</t>
  </si>
  <si>
    <t>18CD0003</t>
  </si>
  <si>
    <t>マクドナルド　下赤江店</t>
  </si>
  <si>
    <t>富山市下赤江町１－２９－１</t>
  </si>
  <si>
    <t>18CD0006</t>
  </si>
  <si>
    <t>ありがとう　南富山</t>
  </si>
  <si>
    <t>富山市大町２区２８７</t>
  </si>
  <si>
    <t>伊井ビル１階</t>
  </si>
  <si>
    <t>19CD0008</t>
  </si>
  <si>
    <t>富山市総曲輪三丁目３－１６</t>
  </si>
  <si>
    <t>富山県富山市大手町６－１４</t>
  </si>
  <si>
    <t>19CD0009</t>
  </si>
  <si>
    <t>マクドナルド　４１号大沢野店</t>
  </si>
  <si>
    <t>富山市上大久保１３５９－１</t>
  </si>
  <si>
    <t>19CD0011</t>
  </si>
  <si>
    <t>北海道うまいもの館</t>
  </si>
  <si>
    <t>ファボーレ１Ｆ</t>
  </si>
  <si>
    <t>北海道フードフロンティア　株式会社</t>
  </si>
  <si>
    <t>北海道札幌市中央区大通東１－２　北海道電力株式会社内</t>
  </si>
  <si>
    <t>19CD0013</t>
  </si>
  <si>
    <t>ケンコウダイニング号（富山４８０す５９７９）</t>
  </si>
  <si>
    <t>株式会社　建工ホールディングス</t>
  </si>
  <si>
    <t>富山県滑川市安田２００－８</t>
  </si>
  <si>
    <t>19CD0015</t>
  </si>
  <si>
    <t>富山市上袋１００－６８</t>
  </si>
  <si>
    <t>アピタ富山１Ｆ</t>
  </si>
  <si>
    <t>富山県射水市黒河３２３５</t>
  </si>
  <si>
    <t>20CD0001</t>
  </si>
  <si>
    <t>富山市東岩瀬村１</t>
  </si>
  <si>
    <t>富山県富山市小西１７０</t>
  </si>
  <si>
    <t>20CD0002</t>
  </si>
  <si>
    <t>マクドナルド富山駅店</t>
  </si>
  <si>
    <t>富山市明輪町１―７０</t>
  </si>
  <si>
    <t>きときと市場とやマルシェイーツｄｅミーツＷ１０２区画</t>
  </si>
  <si>
    <t>20CD0004</t>
  </si>
  <si>
    <t>ＢＵＺＺＣＡＦＥ</t>
  </si>
  <si>
    <t>富山市桜町二丁目４－４</t>
  </si>
  <si>
    <t>富山センタービル１Ｆ</t>
  </si>
  <si>
    <t>合同会社　ＳＴＡＲＳＪＡＰＡＮ</t>
  </si>
  <si>
    <t>富山県富山市犬島新町１－４－１５</t>
  </si>
  <si>
    <t>20CD0005</t>
  </si>
  <si>
    <t>シクルテリア　バニラバニラ</t>
  </si>
  <si>
    <t>富山市藤木１７３８</t>
  </si>
  <si>
    <t>有限会社　バニラバニラ</t>
  </si>
  <si>
    <t>富山県富山市藤木１７３８</t>
  </si>
  <si>
    <t>20CD0007</t>
  </si>
  <si>
    <t>アルパカ舎</t>
  </si>
  <si>
    <t>富山市婦中町下坂倉１－２３</t>
  </si>
  <si>
    <t>20CD0011</t>
  </si>
  <si>
    <t>高級食パン専門店　恋が愛に変わるとき</t>
  </si>
  <si>
    <t>富山市総曲輪三丁目６－１５－１６</t>
  </si>
  <si>
    <t>有限会社　ビバウト</t>
  </si>
  <si>
    <t>愛知県一宮市水落町１３番地４</t>
  </si>
  <si>
    <t>21CD0001</t>
  </si>
  <si>
    <t>富山市塩３０１１番</t>
  </si>
  <si>
    <t>富山県富山市塩３０１１番</t>
  </si>
  <si>
    <t>21CD0002</t>
  </si>
  <si>
    <t>富山市黒瀬北町一丁目８－７</t>
  </si>
  <si>
    <t>富山県富山市黒瀬北町１－８－７</t>
  </si>
  <si>
    <t>21CD0004</t>
  </si>
  <si>
    <t>あん類製造業</t>
  </si>
  <si>
    <t>（株）七越</t>
  </si>
  <si>
    <t>富山市中央通り二丁目３－２０</t>
  </si>
  <si>
    <t>富山市中央通り２－３－２０</t>
  </si>
  <si>
    <t>20CN0003</t>
  </si>
  <si>
    <t>御料理　ふじ居</t>
  </si>
  <si>
    <t>富山市東岩瀬町９３</t>
  </si>
  <si>
    <t>20CN0001</t>
  </si>
  <si>
    <t>かん詰又はびん詰食品製造業</t>
  </si>
  <si>
    <t>大沢野特産加工グループ</t>
  </si>
  <si>
    <t>富山市南野田８３</t>
  </si>
  <si>
    <t>19CQ0001</t>
  </si>
  <si>
    <t>富山市八尾町下笹原６９０－１</t>
  </si>
  <si>
    <t>18CQ0001</t>
  </si>
  <si>
    <t>そうざい製造業</t>
  </si>
  <si>
    <t>（有）駅前ラーメン　ひげ</t>
  </si>
  <si>
    <t>富山市西宮２１５</t>
  </si>
  <si>
    <t>有限会社　駅前ラーメン　ひげ</t>
  </si>
  <si>
    <t>富山県富山市東岩瀬町４６３</t>
  </si>
  <si>
    <t>21CC0005</t>
  </si>
  <si>
    <t>富山市水橋畠等２９７</t>
  </si>
  <si>
    <t>かね七　株式会社</t>
  </si>
  <si>
    <t>19CC0010</t>
  </si>
  <si>
    <t>水井食品株式会社</t>
  </si>
  <si>
    <t>水井食品　株式会社</t>
  </si>
  <si>
    <t>20CC0015</t>
  </si>
  <si>
    <t>日幸海産　株式会社</t>
  </si>
  <si>
    <t>富山市岩瀬諏訪町７６</t>
  </si>
  <si>
    <t>18CC0010</t>
  </si>
  <si>
    <t>有限会社　西田</t>
  </si>
  <si>
    <t>富山市辰巳町２－２－２</t>
  </si>
  <si>
    <t>富山市辰巳町２－５－２１</t>
  </si>
  <si>
    <t>19CC0021</t>
  </si>
  <si>
    <t>（株）トミイチフーズ　本社工場</t>
  </si>
  <si>
    <t>富山市水橋金尾新１４０－１６</t>
  </si>
  <si>
    <t>富山県富山市水橋金尾新１４０－１６</t>
  </si>
  <si>
    <t>21CC0007</t>
  </si>
  <si>
    <t>日合水産（株）</t>
  </si>
  <si>
    <t>日合水産　株式会社</t>
  </si>
  <si>
    <t>17CC0008</t>
  </si>
  <si>
    <t>社会福祉法人めひの野園　ウォーム・ワークやぶなみ</t>
  </si>
  <si>
    <t>富山市西金屋字高山８３６３－２</t>
  </si>
  <si>
    <t>富山市西金屋字高山６６８２</t>
  </si>
  <si>
    <t>19CC0025</t>
  </si>
  <si>
    <t>有限会社　水橋や</t>
  </si>
  <si>
    <t>富山市新園町９０</t>
  </si>
  <si>
    <t>20CC0007</t>
  </si>
  <si>
    <t>富山市水橋中村４６８－１</t>
  </si>
  <si>
    <t>シラホフーズ　株式会社</t>
  </si>
  <si>
    <t>18CC0011</t>
  </si>
  <si>
    <t>フルタフーズ株式会社　本社工場</t>
  </si>
  <si>
    <t>富山市西二俣３３５</t>
  </si>
  <si>
    <t>フルタフーズ　株式会社</t>
  </si>
  <si>
    <t>18CC0022</t>
  </si>
  <si>
    <t>株式会社　北陸フレッシュフーズ</t>
  </si>
  <si>
    <t>富山市清水元町４－８</t>
  </si>
  <si>
    <t>19CC0003</t>
  </si>
  <si>
    <t>株式会社梅かま</t>
  </si>
  <si>
    <t>富山市水橋肘崎４８２－８</t>
  </si>
  <si>
    <t>株式会社　梅かま</t>
  </si>
  <si>
    <t>富山県富山市水橋肘崎４８２－８</t>
  </si>
  <si>
    <t>20CC0011</t>
  </si>
  <si>
    <t>農事組合法人　味彩おおやま</t>
  </si>
  <si>
    <t>富山市田畠４２</t>
  </si>
  <si>
    <t>19CC0024</t>
  </si>
  <si>
    <t>ひまわり工房</t>
  </si>
  <si>
    <t>富山市婦中町成子１３７</t>
  </si>
  <si>
    <t>20CC0019</t>
  </si>
  <si>
    <t>千里山荘　料理工房</t>
  </si>
  <si>
    <t>富山市婦中町千里５８６６</t>
  </si>
  <si>
    <t>株式会社　千里山荘</t>
  </si>
  <si>
    <t>富山県富山市婦中町千里５８６６</t>
  </si>
  <si>
    <t>18CC0018</t>
  </si>
  <si>
    <t>富山市岩瀬赤田町１２－１１</t>
  </si>
  <si>
    <t>富山県富山市岩瀬赤田町１２－１１</t>
  </si>
  <si>
    <t>19CC0011</t>
  </si>
  <si>
    <t>株式会社　蔵川商店</t>
  </si>
  <si>
    <t>富山市水橋辻ケ堂字今川２６７９－１</t>
  </si>
  <si>
    <t>富山市水橋荒町２４２－１</t>
  </si>
  <si>
    <t>18CC0012</t>
  </si>
  <si>
    <t>（株）サンショウ　食品センター</t>
  </si>
  <si>
    <t>富山市新根塚町３－１－９</t>
  </si>
  <si>
    <t>株式会社　サンショウ</t>
  </si>
  <si>
    <t>富山市新根塚町３－２－２</t>
  </si>
  <si>
    <t>19CC0005</t>
  </si>
  <si>
    <t>富山市黒瀬１９４－２１</t>
  </si>
  <si>
    <t>19CC0001</t>
  </si>
  <si>
    <t>18CC0016</t>
  </si>
  <si>
    <t>富山市新庄北町１１－２６</t>
  </si>
  <si>
    <t>富山県富山市新庄北町１１－２６</t>
  </si>
  <si>
    <t>21CC0003</t>
  </si>
  <si>
    <t>有限会社　なかや</t>
  </si>
  <si>
    <t>富山市婦中町下吉川５２９</t>
  </si>
  <si>
    <t>19CC0017</t>
  </si>
  <si>
    <t>フルタフーズ株式会社　秋ケ島工場</t>
  </si>
  <si>
    <t>富山市秋ケ島２６０</t>
  </si>
  <si>
    <t>20CC0005</t>
  </si>
  <si>
    <t>ＦＵＮ　ＦＡＲＭ　のづみ野</t>
  </si>
  <si>
    <t>富山市八尾町西川倉２３－１</t>
  </si>
  <si>
    <t>富山市八尾町西川倉２３ー１</t>
  </si>
  <si>
    <t>19CC0020</t>
  </si>
  <si>
    <t>ほそいり山彩工房　ひまわり</t>
  </si>
  <si>
    <t>富山市楡原１２７７</t>
  </si>
  <si>
    <t>19CC0022</t>
  </si>
  <si>
    <t>ＡＧＲＩひばり</t>
  </si>
  <si>
    <t>富山市八尾町福島５８１</t>
  </si>
  <si>
    <t>20CC0021</t>
  </si>
  <si>
    <t>リバーリトリート雅樂倶　</t>
  </si>
  <si>
    <t>富山市長走５６－２</t>
  </si>
  <si>
    <t>株式会社　アイザック・オール</t>
  </si>
  <si>
    <t>富山県富山市山本字重治ヶ市２２</t>
  </si>
  <si>
    <t>18CC0019</t>
  </si>
  <si>
    <t>おかず屋　たかた</t>
  </si>
  <si>
    <t>富山市呉羽町３９１８－５８</t>
  </si>
  <si>
    <t>18CC0021</t>
  </si>
  <si>
    <t>ビー　＆　ベッチ</t>
  </si>
  <si>
    <t>富山市下大久保２２１－５</t>
  </si>
  <si>
    <t>19CC0026</t>
  </si>
  <si>
    <t>まきの味工房</t>
  </si>
  <si>
    <t>富山市花木５３８</t>
  </si>
  <si>
    <t>19CC0027</t>
  </si>
  <si>
    <t>フルタフーズ株式会社　萩原工場</t>
  </si>
  <si>
    <t>富山市萩原２４８－１</t>
  </si>
  <si>
    <t>20CC0006</t>
  </si>
  <si>
    <t>グランマルシェタケダ　株式会社</t>
  </si>
  <si>
    <t>富山市問屋町一丁目２－６４</t>
  </si>
  <si>
    <t>富山県富山市問屋町１－２－６４</t>
  </si>
  <si>
    <t>20CC0010</t>
  </si>
  <si>
    <t>神戸屋　神明店</t>
  </si>
  <si>
    <t>富山市羽根５－３</t>
  </si>
  <si>
    <t>19CC0023</t>
  </si>
  <si>
    <t>まるたかや　豊田店</t>
  </si>
  <si>
    <t>富山市豊田町二丁目１２０－１</t>
  </si>
  <si>
    <t>株式会社　まるたかや</t>
  </si>
  <si>
    <t>富山県富山市新庄町１－９－５９</t>
  </si>
  <si>
    <t>20CC0014</t>
  </si>
  <si>
    <t>富山市婦中町東山１８４</t>
  </si>
  <si>
    <t>19CC0018</t>
  </si>
  <si>
    <t>（株）富冷　第二加工場</t>
  </si>
  <si>
    <t>21CC0002</t>
  </si>
  <si>
    <t>（株）清水そばそば峠</t>
  </si>
  <si>
    <t>富山市山田清水１０－１５</t>
  </si>
  <si>
    <t>株式会社　清水そばそば峠</t>
  </si>
  <si>
    <t>富山県富山市山田清水１６８３</t>
  </si>
  <si>
    <t>20CC0018</t>
  </si>
  <si>
    <t>富山市四方北窪１３６３－２</t>
  </si>
  <si>
    <t>第一フーズ　株式会社</t>
  </si>
  <si>
    <t>富山県射水市沖塚原２４２</t>
  </si>
  <si>
    <t>17CC0018</t>
  </si>
  <si>
    <t>森昆布〆専門店</t>
  </si>
  <si>
    <t>富山市水橋辻ケ堂２１６２－９</t>
  </si>
  <si>
    <t>18CC0003</t>
  </si>
  <si>
    <t>アルム農園</t>
  </si>
  <si>
    <t>富山市藤木１８０７－１</t>
  </si>
  <si>
    <t>18CC0008</t>
  </si>
  <si>
    <t>富山市下熊野４６３</t>
  </si>
  <si>
    <t>18CC0014</t>
  </si>
  <si>
    <t>株式会社　五十嵐商店</t>
  </si>
  <si>
    <t>富山市金山新２３８－５</t>
  </si>
  <si>
    <t>富山県富山市金山新２３８</t>
  </si>
  <si>
    <t>18CC0015</t>
  </si>
  <si>
    <t>餃子のまーちゃん</t>
  </si>
  <si>
    <t>富山市婦中町西本郷７２－１</t>
  </si>
  <si>
    <t>18CC0017</t>
  </si>
  <si>
    <t>旭食品（株）金屋工場</t>
  </si>
  <si>
    <t>富山市金屋字前久保２７１５－２６</t>
  </si>
  <si>
    <t>旭食品　株式会社</t>
  </si>
  <si>
    <t>富山市西公文名町６－３０</t>
  </si>
  <si>
    <t>18CC0023</t>
  </si>
  <si>
    <t>千里山荘　食彩館</t>
  </si>
  <si>
    <t>19CC0006</t>
  </si>
  <si>
    <t>越中名代の店　みよちゃんの　おもち</t>
  </si>
  <si>
    <t>富山市浜黒崎１３５０</t>
  </si>
  <si>
    <t>若葉農業　合同会社</t>
  </si>
  <si>
    <t>富山県富山市浜黒崎１３５０</t>
  </si>
  <si>
    <t>19CC0008</t>
  </si>
  <si>
    <t>美和食額</t>
  </si>
  <si>
    <t>富山市総曲輪３－２－２７</t>
  </si>
  <si>
    <t>株式会社　額</t>
  </si>
  <si>
    <t>富山県富山市総曲輪３－２－２７</t>
  </si>
  <si>
    <t>19CC0009</t>
  </si>
  <si>
    <t>イワタケ食品株式会社　ミサト工場</t>
  </si>
  <si>
    <t>富山市水橋開発１１９－５</t>
  </si>
  <si>
    <t>イワタケ食品　株式会社</t>
  </si>
  <si>
    <t>富山県富山市水橋辻ケ堂２６７９－２５</t>
  </si>
  <si>
    <t>19CC0013</t>
  </si>
  <si>
    <t>グローバルミート</t>
  </si>
  <si>
    <t>富山市清水元町３－４</t>
  </si>
  <si>
    <t>19CC0014</t>
  </si>
  <si>
    <t>吉黒食品</t>
  </si>
  <si>
    <t>富山市五福９区４１６２－５</t>
  </si>
  <si>
    <t>19CC0015</t>
  </si>
  <si>
    <t>手づくり工房　風の薫り</t>
  </si>
  <si>
    <t>19CC0016</t>
  </si>
  <si>
    <t>富山市寺島５９９</t>
  </si>
  <si>
    <t>19CC0029</t>
  </si>
  <si>
    <t>うちくるＬＡＢＯ</t>
  </si>
  <si>
    <t>富山市西野新４７</t>
  </si>
  <si>
    <t>株式会社　うちくるＬＡＢＯ</t>
  </si>
  <si>
    <t>富山県富山市黒崎３３８－１</t>
  </si>
  <si>
    <t>20CC0001</t>
  </si>
  <si>
    <t>ゆうぼくとん</t>
  </si>
  <si>
    <t>富山市四ツ葉町２０－２２</t>
  </si>
  <si>
    <t>20CC0002</t>
  </si>
  <si>
    <t>ＣＩＢＯ</t>
  </si>
  <si>
    <t>富山市星井町１－４－２</t>
  </si>
  <si>
    <t>Ｈ．Ｓ．Ｂ．Ｔビル１Ｆ</t>
  </si>
  <si>
    <t>合同会社　ＣＩＢＯ</t>
  </si>
  <si>
    <t>富山県富山市大泉本町２－４－１５</t>
  </si>
  <si>
    <t>20CC0003</t>
  </si>
  <si>
    <t>四方蒲鉾　株式会社</t>
  </si>
  <si>
    <t>富山市四方６２６</t>
  </si>
  <si>
    <t>20CC0008</t>
  </si>
  <si>
    <t>笑福</t>
  </si>
  <si>
    <t>富山市下タ林７６―５</t>
  </si>
  <si>
    <t>冨久屋　株式会社</t>
  </si>
  <si>
    <t>富山県富山市白銀町７－７　２Ｆ</t>
  </si>
  <si>
    <t>20CC0012</t>
  </si>
  <si>
    <t>20CC0013</t>
  </si>
  <si>
    <t>海と畑と僕</t>
  </si>
  <si>
    <t>富山市太田口通り一丁目１－８</t>
  </si>
  <si>
    <t>20CC0016</t>
  </si>
  <si>
    <t>ＴＯＭ’Ｓ　ＤＩＰＳ</t>
  </si>
  <si>
    <t>富山市米田すずかけ台</t>
  </si>
  <si>
    <t>20CC0022</t>
  </si>
  <si>
    <t>富山の彩　かさ桜亭</t>
  </si>
  <si>
    <t>富山市桜町一丁目６－１８</t>
  </si>
  <si>
    <t>20CC0023</t>
  </si>
  <si>
    <t>富山市総曲輪一丁目８－３</t>
  </si>
  <si>
    <t>きよた旅館１Ｆ</t>
  </si>
  <si>
    <t>20CC0024</t>
  </si>
  <si>
    <t>風にふかれて</t>
  </si>
  <si>
    <t>富山市水橋舘町５４４－２</t>
  </si>
  <si>
    <t>20CC0025</t>
  </si>
  <si>
    <t>かすがのキッチン</t>
  </si>
  <si>
    <t>富山市春日１７９－１</t>
  </si>
  <si>
    <t>21CC0004</t>
  </si>
  <si>
    <t>みりん研究ＬＡＢＯ製造場</t>
  </si>
  <si>
    <t>富山市奥田町８－６</t>
  </si>
  <si>
    <t>ガーデンハイツ奥田　１０２</t>
  </si>
  <si>
    <t>21CC0006</t>
  </si>
  <si>
    <t>ソース類製造業</t>
  </si>
  <si>
    <t>株式会社富山環境整備　食品加工施設</t>
  </si>
  <si>
    <t>富山市婦中町吉谷３－３</t>
  </si>
  <si>
    <t>19CR0001</t>
  </si>
  <si>
    <t>みそ製造業</t>
  </si>
  <si>
    <t>高元味噌醸造所</t>
  </si>
  <si>
    <t>富山市水橋堅田９０－１</t>
  </si>
  <si>
    <t>19CF0001</t>
  </si>
  <si>
    <t>大塚味噌醤油醸造元</t>
  </si>
  <si>
    <t>富山市月岡町二丁目１７３</t>
  </si>
  <si>
    <t>21CF0001</t>
  </si>
  <si>
    <t>富山県立中央農業高等学校</t>
  </si>
  <si>
    <t>富山市東福沢２</t>
  </si>
  <si>
    <t>20CF0002</t>
  </si>
  <si>
    <t>水腰商店</t>
  </si>
  <si>
    <t>富山市猪谷９４３</t>
  </si>
  <si>
    <t>有限会社　水腰商店</t>
  </si>
  <si>
    <t>19CF0004</t>
  </si>
  <si>
    <t>18CF0002</t>
  </si>
  <si>
    <t>大田糀店</t>
  </si>
  <si>
    <t>富山市婦中町長沢５１８４</t>
  </si>
  <si>
    <t>20CF0001</t>
  </si>
  <si>
    <t>富山市下大久保２２１ー５</t>
  </si>
  <si>
    <t>19CF0003</t>
  </si>
  <si>
    <t>めん類製造業</t>
  </si>
  <si>
    <t>有限会社 新村製麺</t>
  </si>
  <si>
    <t>富山市稲荷町一丁目４－１３</t>
  </si>
  <si>
    <t>有限会社　新村製麺</t>
  </si>
  <si>
    <t>富山市稲荷町１－４－１３</t>
  </si>
  <si>
    <t>21CG0003</t>
  </si>
  <si>
    <t>ひだ製粉</t>
  </si>
  <si>
    <t>富山市黒崎６１７－１</t>
  </si>
  <si>
    <t>21CG0005</t>
  </si>
  <si>
    <t>有限会社　渡邊製麺</t>
  </si>
  <si>
    <t>富山市岩瀬新川町３７７</t>
  </si>
  <si>
    <t>18CG0002</t>
  </si>
  <si>
    <t>19CG0001</t>
  </si>
  <si>
    <t>富山市稲荷町一丁目４－２８</t>
  </si>
  <si>
    <t>21CG0002</t>
  </si>
  <si>
    <t>有限会社　大上製麺</t>
  </si>
  <si>
    <t>富山市上大久保２１６２</t>
  </si>
  <si>
    <t>18CG0004</t>
  </si>
  <si>
    <t>19CG0005</t>
  </si>
  <si>
    <t>中村製麺（有）</t>
  </si>
  <si>
    <t>富山市婦中町笹倉３３－１</t>
  </si>
  <si>
    <t>中村製麺　有限会社</t>
  </si>
  <si>
    <t>19CG0004</t>
  </si>
  <si>
    <t>麺専門店　アラキ</t>
  </si>
  <si>
    <t>富山市住友町２４－１１</t>
  </si>
  <si>
    <t>19CG0003</t>
  </si>
  <si>
    <t>越前そば　食べ処　ふたすぎ</t>
  </si>
  <si>
    <t>富山市水橋二杉１９１</t>
  </si>
  <si>
    <t>20CG0002</t>
  </si>
  <si>
    <t>ダルマ屋ラーメン</t>
  </si>
  <si>
    <t>富山市北代５３３２</t>
  </si>
  <si>
    <t>18CG0006</t>
  </si>
  <si>
    <t>麺屋　豚道場　ぶた壱</t>
  </si>
  <si>
    <t>富山市新庄町三丁目５－２２</t>
  </si>
  <si>
    <t>株式会社　ウェイ</t>
  </si>
  <si>
    <t>富山県富山市新庄町三丁目５－２２</t>
  </si>
  <si>
    <t>20CG0001</t>
  </si>
  <si>
    <t>オリンバ</t>
  </si>
  <si>
    <t>富山市二口町五丁目１０－２－２</t>
  </si>
  <si>
    <t>株式会社　オリバー</t>
  </si>
  <si>
    <t>富山県富山市二口町三丁目２－１４</t>
  </si>
  <si>
    <t>21CG0001</t>
  </si>
  <si>
    <t>飲食店営業</t>
  </si>
  <si>
    <t>スナックゆめ</t>
  </si>
  <si>
    <t>富山市内幸町３－１</t>
  </si>
  <si>
    <t>エイゼンビル　１Ｆ</t>
  </si>
  <si>
    <t>21AI0083</t>
  </si>
  <si>
    <t>ローソン　富山婦中町店</t>
  </si>
  <si>
    <t>富山市婦中町小長沢２７１６</t>
  </si>
  <si>
    <t>19AN0041</t>
  </si>
  <si>
    <t>アメリカンクラブ</t>
  </si>
  <si>
    <t>富山市今木町６－４</t>
  </si>
  <si>
    <t>18AI0159</t>
  </si>
  <si>
    <t>（有）仕出しセンター町野</t>
  </si>
  <si>
    <t>富山市花木６１０－６</t>
  </si>
  <si>
    <t>18AE0085</t>
  </si>
  <si>
    <t>（有）丸高寿し</t>
  </si>
  <si>
    <t>富山市水橋伊勢領８８</t>
  </si>
  <si>
    <t>18AE0043</t>
  </si>
  <si>
    <t>サウスウィング</t>
  </si>
  <si>
    <t>富山市桜橋通り３－１</t>
  </si>
  <si>
    <t>富山電気ビル１Ｆ</t>
  </si>
  <si>
    <t>18AJ0037</t>
  </si>
  <si>
    <t>ル・ポワソニエ</t>
  </si>
  <si>
    <t>富山市堀端町３－５</t>
  </si>
  <si>
    <t>18AA0140</t>
  </si>
  <si>
    <t>２７２８２　事業所</t>
  </si>
  <si>
    <t>富山市桜橋通り５－１３</t>
  </si>
  <si>
    <t>富山興銀ビル３Ｆ</t>
  </si>
  <si>
    <t>一富士フードサービス　株式会社</t>
  </si>
  <si>
    <t>大阪府大阪市北区梅田三丁目３－２０</t>
  </si>
  <si>
    <t>19AA0181</t>
  </si>
  <si>
    <t>懐石　松や</t>
  </si>
  <si>
    <t>富山市新富町１－５－３</t>
  </si>
  <si>
    <t>有限会社　懐石松や</t>
  </si>
  <si>
    <t>19AF0007</t>
  </si>
  <si>
    <t>鯰第一温泉ふじのや</t>
  </si>
  <si>
    <t>富山市四方荒屋３２３３</t>
  </si>
  <si>
    <t>有限会社　富士乃屋</t>
  </si>
  <si>
    <t>18AF0003</t>
  </si>
  <si>
    <t>中乃屋鮮魚店</t>
  </si>
  <si>
    <t>富山市水橋大町１２</t>
  </si>
  <si>
    <t>19AE0034</t>
  </si>
  <si>
    <t>呉羽カントリークラブ　食堂</t>
  </si>
  <si>
    <t>富山市三熊１９－２</t>
  </si>
  <si>
    <t>19AA0163</t>
  </si>
  <si>
    <t>寿し金</t>
  </si>
  <si>
    <t>富山市西公文名町１－１１</t>
  </si>
  <si>
    <t>19AC0009</t>
  </si>
  <si>
    <t>富山市桜町１－６－４</t>
  </si>
  <si>
    <t>株式会社　五万石</t>
  </si>
  <si>
    <t>19AG0018</t>
  </si>
  <si>
    <t>スナック　和多志</t>
  </si>
  <si>
    <t>富山市桜木町８－２３</t>
  </si>
  <si>
    <t>19AI0271</t>
  </si>
  <si>
    <t>焼肉料理　はやし</t>
  </si>
  <si>
    <t>富山市本町３－３０</t>
  </si>
  <si>
    <t>19AA0150</t>
  </si>
  <si>
    <t>割烹　扇</t>
  </si>
  <si>
    <t>富山市桜木町７－４</t>
  </si>
  <si>
    <t>株式会社　扇</t>
  </si>
  <si>
    <t>19AG0033</t>
  </si>
  <si>
    <t>ファミリーレストラン　三ちゃん</t>
  </si>
  <si>
    <t>富山市呉羽本町６９５１－４</t>
  </si>
  <si>
    <t>18AA0179</t>
  </si>
  <si>
    <t>軽食喫茶ラ・ムー</t>
  </si>
  <si>
    <t>富山市吉作３２６４－７</t>
  </si>
  <si>
    <t>ハイコーポ城山１Ｆ</t>
  </si>
  <si>
    <t>20AJ0063</t>
  </si>
  <si>
    <t>ホテルグランテラス富山　２Ｆ　こし路</t>
  </si>
  <si>
    <t>富山市桜橋通り２－２８</t>
  </si>
  <si>
    <t>ブリーズベイオペレーション３号　株式会社</t>
  </si>
  <si>
    <t>神奈川県横浜市中区花咲町１－２２－２</t>
  </si>
  <si>
    <t>19AA0133</t>
  </si>
  <si>
    <t>ホテルグランテラス富山　１２Ｆ　ルーバン</t>
  </si>
  <si>
    <t>19AA0134</t>
  </si>
  <si>
    <t>ホテルグランテラス富山　４Ｆ</t>
  </si>
  <si>
    <t>19AG0023</t>
  </si>
  <si>
    <t>ホテルグランテラス富山　２Ｆ　福寿林</t>
  </si>
  <si>
    <t>19AB0008</t>
  </si>
  <si>
    <t>ホテルグランテラス富山　３Ｆ</t>
  </si>
  <si>
    <t>19AF0009</t>
  </si>
  <si>
    <t>月の屋堂</t>
  </si>
  <si>
    <t>富山市上飯野１１－７</t>
  </si>
  <si>
    <t>20AE0020</t>
  </si>
  <si>
    <t>富山市泉町二丁目６－１６</t>
  </si>
  <si>
    <t>20AA0062</t>
  </si>
  <si>
    <t>ステーキすず屋</t>
  </si>
  <si>
    <t>富山市豊田４６０－３</t>
  </si>
  <si>
    <t>19AA0087</t>
  </si>
  <si>
    <t>串焼旬菜　楽</t>
  </si>
  <si>
    <t>富山市総曲輪３－２－２１</t>
  </si>
  <si>
    <t>布谷ビル１Ｆ</t>
  </si>
  <si>
    <t>19AI0273</t>
  </si>
  <si>
    <t>富山第一高校食堂</t>
  </si>
  <si>
    <t>富山市向新庄町５－１－５４</t>
  </si>
  <si>
    <t>有限会社　エイアンドエス</t>
  </si>
  <si>
    <t>富山市向新庄５－１－５４</t>
  </si>
  <si>
    <t>20AA0027</t>
  </si>
  <si>
    <t>軽食喫茶　あぷりこっと</t>
  </si>
  <si>
    <t>富山市東岩瀬町３０４</t>
  </si>
  <si>
    <t>19AJ0053</t>
  </si>
  <si>
    <t>洋食屋　めなじぇ～る</t>
  </si>
  <si>
    <t>富山市平吹町４－１４</t>
  </si>
  <si>
    <t>19AA0125</t>
  </si>
  <si>
    <t>カフェ・ド・リブラン</t>
  </si>
  <si>
    <t>富山市栄町２－１－２</t>
  </si>
  <si>
    <t>20AA0028</t>
  </si>
  <si>
    <t>セールス</t>
  </si>
  <si>
    <t>富山市荒川二丁目２５－６０</t>
  </si>
  <si>
    <t>20AJ0032</t>
  </si>
  <si>
    <t>東京亭　城川原店</t>
  </si>
  <si>
    <t>富山市城川原２－８－２７</t>
  </si>
  <si>
    <t>19AD0024</t>
  </si>
  <si>
    <t>つるや本店</t>
  </si>
  <si>
    <t>富山市総曲輪２－８－１５</t>
  </si>
  <si>
    <t>有限会社　三興商事</t>
  </si>
  <si>
    <t>18AD0056</t>
  </si>
  <si>
    <t>栄寿司　小吉</t>
  </si>
  <si>
    <t>富山市山王町１－６</t>
  </si>
  <si>
    <t>19AC0015</t>
  </si>
  <si>
    <t>喫茶　セピア</t>
  </si>
  <si>
    <t>富山市千石町６－２－２８</t>
  </si>
  <si>
    <t>19AJ0070</t>
  </si>
  <si>
    <t>小政鮨</t>
  </si>
  <si>
    <t>富山市室町通り１－３－２１</t>
  </si>
  <si>
    <t>19AC0013</t>
  </si>
  <si>
    <t>コーヒーハウス　道</t>
  </si>
  <si>
    <t>富山市城川原３－３－１</t>
  </si>
  <si>
    <t>19AJ0052</t>
  </si>
  <si>
    <t>ホテル　雪見荘</t>
  </si>
  <si>
    <t>富山市石倉町１－４</t>
  </si>
  <si>
    <t>有限会社　雪見荘</t>
  </si>
  <si>
    <t>20AF0011</t>
  </si>
  <si>
    <t>オークスセレモニーホール　北</t>
  </si>
  <si>
    <t>富山市岩瀬赤田町１７－３</t>
  </si>
  <si>
    <t>オークス　株式会社</t>
  </si>
  <si>
    <t>富山市中島４－２－１４</t>
  </si>
  <si>
    <t>20AG0012</t>
  </si>
  <si>
    <t>株式会社　宝来</t>
  </si>
  <si>
    <t>富山市向新庄町六丁目９－１５</t>
  </si>
  <si>
    <t>富山市向新庄町６－９－１５</t>
  </si>
  <si>
    <t>20AE0028</t>
  </si>
  <si>
    <t>北陸銀行富山丸の内支店食堂</t>
  </si>
  <si>
    <t>富山市丸の内一丁目８－１０</t>
  </si>
  <si>
    <t>富山市上赤江町１－８－１３</t>
  </si>
  <si>
    <t>20AA0162</t>
  </si>
  <si>
    <t>鎌倉</t>
  </si>
  <si>
    <t>富山市桜町二丁目５－６</t>
  </si>
  <si>
    <t>20AI0101</t>
  </si>
  <si>
    <t>スナック真知子</t>
  </si>
  <si>
    <t>富山市桜木町８－２５</t>
  </si>
  <si>
    <t>20AI0251</t>
  </si>
  <si>
    <t>大国や</t>
  </si>
  <si>
    <t>富山市長柄町１－４－１６</t>
  </si>
  <si>
    <t>19AA0142</t>
  </si>
  <si>
    <t>お肉とお魚のよねだ</t>
  </si>
  <si>
    <t>富山市布目２２９６－２</t>
  </si>
  <si>
    <t>19AK0009</t>
  </si>
  <si>
    <t>ちから</t>
  </si>
  <si>
    <t>富山市水橋舘町６４０</t>
  </si>
  <si>
    <t>19AA0108</t>
  </si>
  <si>
    <t>北都ラーメン</t>
  </si>
  <si>
    <t>富山市小中１６１</t>
  </si>
  <si>
    <t>有限会社　野口商事</t>
  </si>
  <si>
    <t>富山市太郎丸西町１－３－２</t>
  </si>
  <si>
    <t>21AB0001</t>
  </si>
  <si>
    <t>珈琲舎　べにや</t>
  </si>
  <si>
    <t>富山市辰巳町１－２－２０</t>
  </si>
  <si>
    <t>19AJ0071</t>
  </si>
  <si>
    <t>東華園</t>
  </si>
  <si>
    <t>富山市清水町３－６－１４</t>
  </si>
  <si>
    <t>20AB0002</t>
  </si>
  <si>
    <t>ホテルシティイン富山</t>
  </si>
  <si>
    <t>富山市西町９－１</t>
  </si>
  <si>
    <t>19AF0016</t>
  </si>
  <si>
    <t>ＨＯＴＥＬ　ＶＩＬＬＡ</t>
  </si>
  <si>
    <t>富山市黒崎５７８</t>
  </si>
  <si>
    <t>株式会社　セラヴィ</t>
  </si>
  <si>
    <t>20AF0001</t>
  </si>
  <si>
    <t>花車</t>
  </si>
  <si>
    <t>富山市本町１０－６</t>
  </si>
  <si>
    <t>19AI0162</t>
  </si>
  <si>
    <t>ウインク</t>
  </si>
  <si>
    <t>富山市辰巳町２－７－１１</t>
  </si>
  <si>
    <t>19AJ0077</t>
  </si>
  <si>
    <t>ホテル　よし原</t>
  </si>
  <si>
    <t>富山市内幸町４－１２</t>
  </si>
  <si>
    <t>株式会社　ホテルよし原</t>
  </si>
  <si>
    <t>20AF0004</t>
  </si>
  <si>
    <t>焼肉　よかろ</t>
  </si>
  <si>
    <t>富山市呉羽町２７９３－１</t>
  </si>
  <si>
    <t>20AI0215</t>
  </si>
  <si>
    <t>洋食　サーロイン</t>
  </si>
  <si>
    <t>富山市奥田町４－５</t>
  </si>
  <si>
    <t>20AA0053</t>
  </si>
  <si>
    <t>ラーメンの万里</t>
  </si>
  <si>
    <t>富山市上冨居一丁目３－６３</t>
  </si>
  <si>
    <t>20AD0017</t>
  </si>
  <si>
    <t>高芳鱒寿し店</t>
  </si>
  <si>
    <t>富山市本町３－２９</t>
  </si>
  <si>
    <t>有限会社　髙芳</t>
  </si>
  <si>
    <t>富山県富山市本町３－２９</t>
  </si>
  <si>
    <t>20AE0051</t>
  </si>
  <si>
    <t>スナック　ブラスバア</t>
  </si>
  <si>
    <t>富山市藤木７０６</t>
  </si>
  <si>
    <t>20AI0014</t>
  </si>
  <si>
    <t>プロローグ</t>
  </si>
  <si>
    <t>富山市清水町８－３－１９</t>
  </si>
  <si>
    <t>20AA0022</t>
  </si>
  <si>
    <t>とんかつや　栃谷</t>
  </si>
  <si>
    <t>富山市栃谷２２６－１</t>
  </si>
  <si>
    <t>19AA0184</t>
  </si>
  <si>
    <t>（株）今井商店</t>
  </si>
  <si>
    <t>富山市石倉町１－３０</t>
  </si>
  <si>
    <t>株式会社　今井商店</t>
  </si>
  <si>
    <t>20AE0046</t>
  </si>
  <si>
    <t>居酒屋　呑</t>
  </si>
  <si>
    <t>富山市月岡町六丁目１３２９</t>
  </si>
  <si>
    <t>20AI0045</t>
  </si>
  <si>
    <t>西洋割烹　分家屋</t>
  </si>
  <si>
    <t>富山市総曲輪２－６－４</t>
  </si>
  <si>
    <t>19AA0222</t>
  </si>
  <si>
    <t>（有）松乃寿司</t>
  </si>
  <si>
    <t>富山市山室１２３－２</t>
  </si>
  <si>
    <t>有限会社　松乃寿司</t>
  </si>
  <si>
    <t>富山県富山市山室１２３－２</t>
  </si>
  <si>
    <t>21AC0004</t>
  </si>
  <si>
    <t>枝正食堂</t>
  </si>
  <si>
    <t>富山市岩瀬池田町８－２</t>
  </si>
  <si>
    <t>21AD0014</t>
  </si>
  <si>
    <t>お多幸</t>
  </si>
  <si>
    <t>富山市総曲輪１－４－３０</t>
  </si>
  <si>
    <t>中屋１ＳＴビル１Ｆ</t>
  </si>
  <si>
    <t>19AI0253</t>
  </si>
  <si>
    <t>喫茶　マドレーヌ</t>
  </si>
  <si>
    <t>富山市今泉３５９－２</t>
  </si>
  <si>
    <t>立山科学工業　株式会社</t>
  </si>
  <si>
    <t>富山市大泉１５８３</t>
  </si>
  <si>
    <t>20AJ0006</t>
  </si>
  <si>
    <t>フォレストホテル</t>
  </si>
  <si>
    <t>富山市黒瀬２０６－１</t>
  </si>
  <si>
    <t>有限会社　フォレスト</t>
  </si>
  <si>
    <t>富山市黒瀬２０６</t>
  </si>
  <si>
    <t>21AF0004</t>
  </si>
  <si>
    <t>総合食品　ふじさわ</t>
  </si>
  <si>
    <t>富山市大町２５</t>
  </si>
  <si>
    <t>21AE0009</t>
  </si>
  <si>
    <t>（株）千歳</t>
  </si>
  <si>
    <t>富山市鵯島２区８８７</t>
  </si>
  <si>
    <t>株式会社　千歳</t>
  </si>
  <si>
    <t>19AE0071</t>
  </si>
  <si>
    <t>（有）川柳</t>
  </si>
  <si>
    <t>富山市東町三丁目４－２</t>
  </si>
  <si>
    <t>有限会社　川柳</t>
  </si>
  <si>
    <t>富山市東町３－４－２</t>
  </si>
  <si>
    <t>20AG0007</t>
  </si>
  <si>
    <t>カフェハウス「ビアンモア」</t>
  </si>
  <si>
    <t>富山市内幸町２－９</t>
  </si>
  <si>
    <t>西村ビル１Ｆ</t>
  </si>
  <si>
    <t>21AI0081</t>
  </si>
  <si>
    <t>和風スナックけい子</t>
  </si>
  <si>
    <t>富山市中央通り三丁目２－１６</t>
  </si>
  <si>
    <t>20AI0180</t>
  </si>
  <si>
    <t>カフェテラス　レイ</t>
  </si>
  <si>
    <t>富山市二俣新町９４</t>
  </si>
  <si>
    <t>20AJ0009</t>
  </si>
  <si>
    <t>喫茶　ミニハウス</t>
  </si>
  <si>
    <t>富山市下飯野３４</t>
  </si>
  <si>
    <t>20AJ0041</t>
  </si>
  <si>
    <t>黒崎鮮魚店</t>
  </si>
  <si>
    <t>富山市安野屋町一丁目８－１</t>
  </si>
  <si>
    <t>20AE0055</t>
  </si>
  <si>
    <t>やきとりの名門　秋吉総曲輪店</t>
  </si>
  <si>
    <t>富山市総曲輪３－３－２５</t>
  </si>
  <si>
    <t>19AI0265</t>
  </si>
  <si>
    <t>田五鮮魚店</t>
  </si>
  <si>
    <t>富山市四方２２</t>
  </si>
  <si>
    <t>20AE0042</t>
  </si>
  <si>
    <t>喫茶ラブリー</t>
  </si>
  <si>
    <t>富山市中川原新町７８－１４８</t>
  </si>
  <si>
    <t>20AJ0002</t>
  </si>
  <si>
    <t>軽食喫茶　メロディー</t>
  </si>
  <si>
    <t>富山市秋吉新町３０－３９</t>
  </si>
  <si>
    <t>20AJ0005</t>
  </si>
  <si>
    <t>20AJ0033</t>
  </si>
  <si>
    <t>軽食＆喫茶　リリヤン</t>
  </si>
  <si>
    <t>富山市太田北区８１－３</t>
  </si>
  <si>
    <t>20AJ0010</t>
  </si>
  <si>
    <t>一風庵</t>
  </si>
  <si>
    <t>富山市布瀬本町６－１</t>
  </si>
  <si>
    <t>20AG0003</t>
  </si>
  <si>
    <t>ジャンボ中平　だいどころ屋</t>
  </si>
  <si>
    <t>富山市松若町１３－３０</t>
  </si>
  <si>
    <t>18AK0012</t>
  </si>
  <si>
    <t>カラオケ喫茶　花林</t>
  </si>
  <si>
    <t>富山市金代３７５</t>
  </si>
  <si>
    <t>20AI0016</t>
  </si>
  <si>
    <t>ぶんご</t>
  </si>
  <si>
    <t>富山市高園町１９－３４</t>
  </si>
  <si>
    <t>21AI0102</t>
  </si>
  <si>
    <t>東莱軒</t>
  </si>
  <si>
    <t>富山市呉羽町２８４５－２</t>
  </si>
  <si>
    <t>20AB0016</t>
  </si>
  <si>
    <t>利休</t>
  </si>
  <si>
    <t>富山市本町８－１</t>
  </si>
  <si>
    <t>20AI0190</t>
  </si>
  <si>
    <t>寿司久</t>
  </si>
  <si>
    <t>富山市桜木町７－２９</t>
  </si>
  <si>
    <t>打出ビル１Ｆ</t>
  </si>
  <si>
    <t>20AC0012</t>
  </si>
  <si>
    <t>居酒屋　謙</t>
  </si>
  <si>
    <t>富山市田畑２４３－４</t>
  </si>
  <si>
    <t>20AI0124</t>
  </si>
  <si>
    <t>料亭　楽園</t>
  </si>
  <si>
    <t>富山市東町二丁目１－２０</t>
  </si>
  <si>
    <t>20AG0004</t>
  </si>
  <si>
    <t>なかの屋</t>
  </si>
  <si>
    <t>富山市田中町五丁目１－１２</t>
  </si>
  <si>
    <t>21AE0018</t>
  </si>
  <si>
    <t>東京亭　清水店</t>
  </si>
  <si>
    <t>富山市清水中町５－９</t>
  </si>
  <si>
    <t>21AD0008</t>
  </si>
  <si>
    <t>とん吉</t>
  </si>
  <si>
    <t>富山市桜町一丁目２－１８</t>
  </si>
  <si>
    <t>20AI0103</t>
  </si>
  <si>
    <t>ＵＣＣカフェメルカード　富山駅前店</t>
  </si>
  <si>
    <t>富山市桜町一丁目２－１</t>
  </si>
  <si>
    <t>20AJ0043</t>
  </si>
  <si>
    <t>スナック　高雄</t>
  </si>
  <si>
    <t>富山市桜町二丁目２－７</t>
  </si>
  <si>
    <t>小杉ビル　２Ｆ</t>
  </si>
  <si>
    <t>21AI0104</t>
  </si>
  <si>
    <t>石沢鮮魚店</t>
  </si>
  <si>
    <t>富山市開発３１４</t>
  </si>
  <si>
    <t>21AE0004</t>
  </si>
  <si>
    <t>ホテル　ケセラセラ</t>
  </si>
  <si>
    <t>富山市大泉中町１２－４</t>
  </si>
  <si>
    <t>富山市緑町２－３－５</t>
  </si>
  <si>
    <t>21AF0009</t>
  </si>
  <si>
    <t>ホテル　ユーアンドユー</t>
  </si>
  <si>
    <t>富山市今泉４６５</t>
  </si>
  <si>
    <t>21AF0008</t>
  </si>
  <si>
    <t>やきとり大吉　富山奥田店</t>
  </si>
  <si>
    <t>富山市奥田双葉町１１－５</t>
  </si>
  <si>
    <t>21AI0038</t>
  </si>
  <si>
    <t>がんこ亭</t>
  </si>
  <si>
    <t>富山市高原本町３</t>
  </si>
  <si>
    <t>21AG0005</t>
  </si>
  <si>
    <t>中華料理　ばんらい亭</t>
  </si>
  <si>
    <t>富山市北代４８０５－１３</t>
  </si>
  <si>
    <t>20AB0013</t>
  </si>
  <si>
    <t>居酒屋だるま</t>
  </si>
  <si>
    <t>富山市新庄北町１８－２４</t>
  </si>
  <si>
    <t>21AI0073</t>
  </si>
  <si>
    <t>喫茶　はせがわ</t>
  </si>
  <si>
    <t>富山市千歳町二丁目６－２</t>
  </si>
  <si>
    <t>20AJ0056</t>
  </si>
  <si>
    <t>すし蔵</t>
  </si>
  <si>
    <t>富山市若竹町三丁目７４－３</t>
  </si>
  <si>
    <t>21AC0002</t>
  </si>
  <si>
    <t>本家かまどや　南富山店</t>
  </si>
  <si>
    <t>富山市大町２区９－２</t>
  </si>
  <si>
    <t>19AE0018</t>
  </si>
  <si>
    <t>三井住友銀行富山支店 シダックス店</t>
  </si>
  <si>
    <t>富山市中央通り１－１－２３</t>
  </si>
  <si>
    <t>シダックスコントラクトフードサービス　株式会社</t>
  </si>
  <si>
    <t>東京都調布市調布ケ丘３－６－３</t>
  </si>
  <si>
    <t>18AA0157</t>
  </si>
  <si>
    <t>富山市蛯町４－６</t>
  </si>
  <si>
    <t>18AB0009</t>
  </si>
  <si>
    <t>有限会社　娘娘</t>
  </si>
  <si>
    <t>富山市太郎丸本町三丁目１－１０</t>
  </si>
  <si>
    <t>富山市東田地方町２－１０－１８</t>
  </si>
  <si>
    <t>21AB0003</t>
  </si>
  <si>
    <t>Ｈｏｔｅｌ ｍｉｎｔ</t>
  </si>
  <si>
    <t>富山市黒崎５６５－１</t>
  </si>
  <si>
    <t>株式会社　アクア</t>
  </si>
  <si>
    <t>富山県富山市黒崎５６５－１</t>
  </si>
  <si>
    <t>21AF0003</t>
  </si>
  <si>
    <t>19AE0074</t>
  </si>
  <si>
    <t>一丁寿し</t>
  </si>
  <si>
    <t>富山市東富山寿町三丁目１９－２１</t>
  </si>
  <si>
    <t>21AC0007</t>
  </si>
  <si>
    <t>株式会社　八百武</t>
  </si>
  <si>
    <t>富山市西中野本町２－２１</t>
  </si>
  <si>
    <t>18AE0069</t>
  </si>
  <si>
    <t>サンユープラザ　あさい</t>
  </si>
  <si>
    <t>富山市古志町３－１－６</t>
  </si>
  <si>
    <t>19AE0031</t>
  </si>
  <si>
    <t>コモン　天下堂</t>
  </si>
  <si>
    <t>富山市岩瀬入船町８２</t>
  </si>
  <si>
    <t>有限会社　天下堂洋品店</t>
  </si>
  <si>
    <t>富山市総曲輪三丁目５－１９</t>
  </si>
  <si>
    <t>21AA0087</t>
  </si>
  <si>
    <t>夢殿</t>
  </si>
  <si>
    <t>富山市桜町一丁目２－２３</t>
  </si>
  <si>
    <t>21AI0078</t>
  </si>
  <si>
    <t>ＭＫ０２７６３事業所</t>
  </si>
  <si>
    <t>富山市中野新町１－２－１０</t>
  </si>
  <si>
    <t>ホクタテビル５Ｆ</t>
  </si>
  <si>
    <t>メーキュー　株式会社</t>
  </si>
  <si>
    <t>名古屋市守山区大字下志段味字池田８１０番地</t>
  </si>
  <si>
    <t>19AA0156</t>
  </si>
  <si>
    <t>味処　おばちゃん</t>
  </si>
  <si>
    <t>富山市太郎丸本町一丁目９－１４</t>
  </si>
  <si>
    <t>21AA0016</t>
  </si>
  <si>
    <t>ホテルプラザ</t>
  </si>
  <si>
    <t>富山市島田２０７</t>
  </si>
  <si>
    <t>有限会社　ホテルプラザ</t>
  </si>
  <si>
    <t>富山県富山市島田２０７</t>
  </si>
  <si>
    <t>21AF0005</t>
  </si>
  <si>
    <t>21AN0004</t>
  </si>
  <si>
    <t>やきとりの名門　秋吉桜町店</t>
  </si>
  <si>
    <t>富山市桜町二丁目１－９</t>
  </si>
  <si>
    <t>ＴＳビル１Ｆ</t>
  </si>
  <si>
    <t>21AI0089</t>
  </si>
  <si>
    <t>ＩＣ・ＨＯＴＥＬ</t>
  </si>
  <si>
    <t>富山市黒崎５２２－１</t>
  </si>
  <si>
    <t>株式会社　日本海ケミカル</t>
  </si>
  <si>
    <t>21AF0006</t>
  </si>
  <si>
    <t>ホテル　フェニックス</t>
  </si>
  <si>
    <t>富山市手屋三丁目１１－４１</t>
  </si>
  <si>
    <t>立山プラザ　株式会社</t>
  </si>
  <si>
    <t>富山県富山市北二ツ屋８６－１</t>
  </si>
  <si>
    <t>21AF0007</t>
  </si>
  <si>
    <t>大将軍　大泉店</t>
  </si>
  <si>
    <t>富山市大泉東町一丁目４－１４</t>
  </si>
  <si>
    <t>コーポ雅１Ｆ</t>
  </si>
  <si>
    <t>富山市大泉東町１－４－７</t>
  </si>
  <si>
    <t>21AA0035</t>
  </si>
  <si>
    <t>ドリアン</t>
  </si>
  <si>
    <t>富山市太田口通り１－５－４</t>
  </si>
  <si>
    <t>19AJ0063</t>
  </si>
  <si>
    <t>喫茶　ドール</t>
  </si>
  <si>
    <t>富山市太田６３－１</t>
  </si>
  <si>
    <t>21AJ0005</t>
  </si>
  <si>
    <t>大江食料品店</t>
  </si>
  <si>
    <t>富山市岩瀬赤田町１３１</t>
  </si>
  <si>
    <t>21AK0004</t>
  </si>
  <si>
    <t>ホテル　祥園</t>
  </si>
  <si>
    <t>富山市桜町１－２－２４</t>
  </si>
  <si>
    <t>株式会社　ホテル祥園</t>
  </si>
  <si>
    <t>19AF0006</t>
  </si>
  <si>
    <t>そば処大吉</t>
  </si>
  <si>
    <t>富山市太郎丸本町３－７－１２</t>
  </si>
  <si>
    <t>19AD0005</t>
  </si>
  <si>
    <t>北陸銀行本店食堂</t>
  </si>
  <si>
    <t>富山市堤町通り１－２－２６</t>
  </si>
  <si>
    <t>19AA0174</t>
  </si>
  <si>
    <t>ホテルパークイン富山「ぱーく屋」</t>
  </si>
  <si>
    <t>富山市桜町二丁目６－７</t>
  </si>
  <si>
    <t>パークイン富山１Ｆ</t>
  </si>
  <si>
    <t>20AA0050</t>
  </si>
  <si>
    <t>きっさ　亜美</t>
  </si>
  <si>
    <t>富山市住吉町一丁目２－７</t>
  </si>
  <si>
    <t>21AJ0021</t>
  </si>
  <si>
    <t>フォックス・コンコン</t>
  </si>
  <si>
    <t>富山市米田町二丁目１２－１６</t>
  </si>
  <si>
    <t>21AJ0027</t>
  </si>
  <si>
    <t>株式会社　せきの屋　本社工場</t>
  </si>
  <si>
    <t>富山市七軒町４－２</t>
  </si>
  <si>
    <t>株式会社　せきの屋</t>
  </si>
  <si>
    <t>富山市七軒町４－１１</t>
  </si>
  <si>
    <t>18AE0066</t>
  </si>
  <si>
    <t>あっぷるぐりむ　呉羽店</t>
  </si>
  <si>
    <t>富山市茶屋町向開５１２－１</t>
  </si>
  <si>
    <t>長野県須坂市大字高梨２９３－１</t>
  </si>
  <si>
    <t>18AA0181</t>
  </si>
  <si>
    <t>文化亭</t>
  </si>
  <si>
    <t>富山市東富山寿町三丁目１４－５０</t>
  </si>
  <si>
    <t>21AA0102</t>
  </si>
  <si>
    <t>白馬館</t>
  </si>
  <si>
    <t>富山市桜町１－３－９</t>
  </si>
  <si>
    <t>ＡＩビル　２Ｆ</t>
  </si>
  <si>
    <t>19AI0052</t>
  </si>
  <si>
    <t>老人保健施設　レインボー食堂</t>
  </si>
  <si>
    <t>富山市水橋新堀１</t>
  </si>
  <si>
    <t>19AA0095</t>
  </si>
  <si>
    <t>やかもち蔵</t>
  </si>
  <si>
    <t>19AE0028</t>
  </si>
  <si>
    <t>センターロード</t>
  </si>
  <si>
    <t>19AI0234</t>
  </si>
  <si>
    <t>富山アイネ　善忠株式会社</t>
  </si>
  <si>
    <t>富山市布瀬町２－１５－２２</t>
  </si>
  <si>
    <t>善忠　株式会社</t>
  </si>
  <si>
    <t>東京都港区六本木７丁目３－１９</t>
  </si>
  <si>
    <t>19AF0011</t>
  </si>
  <si>
    <t>喫茶　にしのみや</t>
  </si>
  <si>
    <t>富山市西宮町７－５４</t>
  </si>
  <si>
    <t>19AJ0057</t>
  </si>
  <si>
    <t>喫茶　チャップリン</t>
  </si>
  <si>
    <t>富山市水橋小出１１０６－１</t>
  </si>
  <si>
    <t>19AJ0056</t>
  </si>
  <si>
    <t>（有）松月</t>
  </si>
  <si>
    <t>富山市岩瀬港町１１６</t>
  </si>
  <si>
    <t>有限会社　松月</t>
  </si>
  <si>
    <t>20AG0013</t>
  </si>
  <si>
    <t>アリカネ</t>
  </si>
  <si>
    <t>富山市水橋市江４７</t>
  </si>
  <si>
    <t>有限会社　アリカネ商事</t>
  </si>
  <si>
    <t>滑川市上小泉１６４４</t>
  </si>
  <si>
    <t>19AE0038</t>
  </si>
  <si>
    <t>（有）魚兼</t>
  </si>
  <si>
    <t>富山市堤町通り１－３－２９</t>
  </si>
  <si>
    <t>有限会社　魚兼</t>
  </si>
  <si>
    <t>19AE0064</t>
  </si>
  <si>
    <t>魚国総本社・２３４２５０</t>
  </si>
  <si>
    <t>富山市上赤江町１－１３－５</t>
  </si>
  <si>
    <t>大阪市中央区道修町１－６－１９</t>
  </si>
  <si>
    <t>19AA0071</t>
  </si>
  <si>
    <t>フードコート　ダック</t>
  </si>
  <si>
    <t>富山市森１－２－１２</t>
  </si>
  <si>
    <t>19AA0103</t>
  </si>
  <si>
    <t>ＰＵＢ　Ｎａｖｉｇａｔｉｏｎ</t>
  </si>
  <si>
    <t>富山市総曲輪１－３－２１</t>
  </si>
  <si>
    <t>19AI0229</t>
  </si>
  <si>
    <t>スナック　ほそか</t>
  </si>
  <si>
    <t>富山市総曲輪１－２－４</t>
  </si>
  <si>
    <t>桜木町センタービル４Ｆ</t>
  </si>
  <si>
    <t>19AI0242</t>
  </si>
  <si>
    <t>薬都</t>
  </si>
  <si>
    <t>富山市堤町通り一丁目３－５</t>
  </si>
  <si>
    <t>株式会社　池田屋安兵衛商店</t>
  </si>
  <si>
    <t>富山県富山市堤町通り１－３－５</t>
  </si>
  <si>
    <t>20AA0103</t>
  </si>
  <si>
    <t>大平洋ランダム（株）内食堂</t>
  </si>
  <si>
    <t>富山市岩瀬赤田町１</t>
  </si>
  <si>
    <t>20AA0072</t>
  </si>
  <si>
    <t>スナック梨花</t>
  </si>
  <si>
    <t>富山市吉作４１０３－１</t>
  </si>
  <si>
    <t>富山県富山市吉作４１０３―１</t>
  </si>
  <si>
    <t>20AI0193</t>
  </si>
  <si>
    <t>めん家</t>
  </si>
  <si>
    <t>富山市新根塚町１－１－６０</t>
  </si>
  <si>
    <t>フィルトゥ１Ｆ</t>
  </si>
  <si>
    <t>19AA0130</t>
  </si>
  <si>
    <t>近谷鮮魚店</t>
  </si>
  <si>
    <t>富山市石坂１９９４</t>
  </si>
  <si>
    <t>19AE0080</t>
  </si>
  <si>
    <t>コットンクラブ</t>
  </si>
  <si>
    <t>富山市桜木町１１－１５</t>
  </si>
  <si>
    <t>ラリエビル１Ｆ</t>
  </si>
  <si>
    <t>19AI0206</t>
  </si>
  <si>
    <t>ちぼり</t>
  </si>
  <si>
    <t>富山市桜木町７－１７</t>
  </si>
  <si>
    <t>ちぼりビル１Ｆ</t>
  </si>
  <si>
    <t>ゼネラル商事　株式会社</t>
  </si>
  <si>
    <t>高岡市下関町１－１８</t>
  </si>
  <si>
    <t>19AH0009</t>
  </si>
  <si>
    <t>サロンドカフェ　カプリチョ</t>
  </si>
  <si>
    <t>富山市永楽町２２－１８</t>
  </si>
  <si>
    <t>松本ビル１Ｆ</t>
  </si>
  <si>
    <t>20AJ0034</t>
  </si>
  <si>
    <t>富山市桜木町９－２</t>
  </si>
  <si>
    <t>19AG0031</t>
  </si>
  <si>
    <t>アッチ</t>
  </si>
  <si>
    <t>富山市山室２７</t>
  </si>
  <si>
    <t>20AJ0012</t>
  </si>
  <si>
    <t>喫茶　のじま</t>
  </si>
  <si>
    <t>富山市石金三丁目１－３</t>
  </si>
  <si>
    <t>20AJ0026</t>
  </si>
  <si>
    <t>若戸や</t>
  </si>
  <si>
    <t>富山市磯部町四丁目３－１１</t>
  </si>
  <si>
    <t>20AI0210</t>
  </si>
  <si>
    <t>パブ茶屋　多美</t>
  </si>
  <si>
    <t>富山市石金一丁目１３－２２</t>
  </si>
  <si>
    <t>20AI0055</t>
  </si>
  <si>
    <t>蛯谷鮮魚店</t>
  </si>
  <si>
    <t>富山市新富町一丁目２－３</t>
  </si>
  <si>
    <t>ＣｉＣビルＢＦ</t>
  </si>
  <si>
    <t>20AK0010</t>
  </si>
  <si>
    <t>（有）パンブティック　ノア</t>
  </si>
  <si>
    <t>富山市神通町３－５－１１</t>
  </si>
  <si>
    <t>有限会社　パンブティック　ノア</t>
  </si>
  <si>
    <t>18AE0064</t>
  </si>
  <si>
    <t>やきとりＳＡＳＡＫＩ</t>
  </si>
  <si>
    <t>富山市呉羽町７０２６－４</t>
  </si>
  <si>
    <t>18AK0017</t>
  </si>
  <si>
    <t>テディベアーズ</t>
  </si>
  <si>
    <t>富山市内幸町２－７</t>
  </si>
  <si>
    <t>新川ビル１Ｆ</t>
  </si>
  <si>
    <t>21AI0072</t>
  </si>
  <si>
    <t>カリカット</t>
  </si>
  <si>
    <t>富山市五福８区３５１２</t>
  </si>
  <si>
    <t>18AA0136</t>
  </si>
  <si>
    <t>四十萬亭</t>
  </si>
  <si>
    <t>富山市蓮町三丁目３－１３</t>
  </si>
  <si>
    <t>21AA0094</t>
  </si>
  <si>
    <t>お好み焼　越路</t>
  </si>
  <si>
    <t>富山市石金二丁目４－１０</t>
  </si>
  <si>
    <t>21AI0043</t>
  </si>
  <si>
    <t>釜めし ふる里</t>
  </si>
  <si>
    <t>富山市新富町一丁目４－１７</t>
  </si>
  <si>
    <t>有限会社　ふじもと</t>
  </si>
  <si>
    <t>21AA0083</t>
  </si>
  <si>
    <t>すき家　富山呉羽</t>
  </si>
  <si>
    <t>富山市本郷東部９－１</t>
  </si>
  <si>
    <t>株式会社　すき家</t>
  </si>
  <si>
    <t>東京都港区港南２－１８－１</t>
  </si>
  <si>
    <t>18AA0145</t>
  </si>
  <si>
    <t>バンブス</t>
  </si>
  <si>
    <t>富山市中央通り１－５－３２</t>
  </si>
  <si>
    <t>19AE0046</t>
  </si>
  <si>
    <t>虎矢</t>
  </si>
  <si>
    <t>富山市新根塚町一丁目４－２０</t>
  </si>
  <si>
    <t>有限会社　祐象コーポレーション</t>
  </si>
  <si>
    <t>富山市中川原３８７－１５</t>
  </si>
  <si>
    <t>21AD0005</t>
  </si>
  <si>
    <t>なか市</t>
  </si>
  <si>
    <t>富山市中野新町２－１－３１</t>
  </si>
  <si>
    <t>18AA0135</t>
  </si>
  <si>
    <t>我家的厨房　Ｂｉｇ５</t>
  </si>
  <si>
    <t>富山市新富町一丁目４－１</t>
  </si>
  <si>
    <t>５１ビル２Ｆ，３Ｆ</t>
  </si>
  <si>
    <t>株式会社　ファイブワン</t>
  </si>
  <si>
    <t>富山県富山市新富町１－４－１（５１ビル）</t>
  </si>
  <si>
    <t>21AB0006</t>
  </si>
  <si>
    <t>谷口鮮魚店</t>
  </si>
  <si>
    <t>富山市安養坊４８０</t>
  </si>
  <si>
    <t>18AE0074</t>
  </si>
  <si>
    <t>特別養護老人ホーム　しらいわ苑</t>
  </si>
  <si>
    <t>富山市水橋新堀１７－１</t>
  </si>
  <si>
    <t>19AA0107</t>
  </si>
  <si>
    <t>ネバーランド</t>
  </si>
  <si>
    <t>富山市中央通り１－１－１２</t>
  </si>
  <si>
    <t>ナカマチビル　２Ｆ</t>
  </si>
  <si>
    <t>有限会社　ピーターパン</t>
  </si>
  <si>
    <t>富山市金山新桜ケ丘６９６－３７</t>
  </si>
  <si>
    <t>19AI0142</t>
  </si>
  <si>
    <t>こしひかりの店　かさま</t>
  </si>
  <si>
    <t>富山市森３－２－１１</t>
  </si>
  <si>
    <t>北の森ショッピングプラザ内</t>
  </si>
  <si>
    <t>有限会社　笠間米穀店</t>
  </si>
  <si>
    <t>富山市東岩瀬町６５４</t>
  </si>
  <si>
    <t>18AD0034</t>
  </si>
  <si>
    <t>マックスバリュ　上飯野店</t>
  </si>
  <si>
    <t>富山市上飯野４１－５</t>
  </si>
  <si>
    <t>マックスバリュ北陸　株式会社</t>
  </si>
  <si>
    <t>石川県金沢市鞍月４－１３３　ＫＣビル８Ｆ</t>
  </si>
  <si>
    <t>20AE0025</t>
  </si>
  <si>
    <t>20AK0007</t>
  </si>
  <si>
    <t>フィッシュはぎわらきときと</t>
  </si>
  <si>
    <t>富山市西長江本町５－３</t>
  </si>
  <si>
    <t>19AE0022</t>
  </si>
  <si>
    <t>（株）サンショウ　新根塚町店</t>
  </si>
  <si>
    <t>富山市新根塚町三丁目２－２</t>
  </si>
  <si>
    <t>20AK0016</t>
  </si>
  <si>
    <t>20AE0054</t>
  </si>
  <si>
    <t>味の笹義</t>
  </si>
  <si>
    <t>富山市小中１６０</t>
  </si>
  <si>
    <t>有限会社　味の笹義</t>
  </si>
  <si>
    <t>20AE0006</t>
  </si>
  <si>
    <t>ガスト　富山高屋敷店</t>
  </si>
  <si>
    <t>富山市高屋敷１区６８５－１</t>
  </si>
  <si>
    <t>株式会社　すかいらーくレストランツ</t>
  </si>
  <si>
    <t>東京都武蔵野市西久保１－２５－８</t>
  </si>
  <si>
    <t>19AA0031</t>
  </si>
  <si>
    <t>魚国総本社・富山２３４１００</t>
  </si>
  <si>
    <t>富山市岩瀬古志町２</t>
  </si>
  <si>
    <t>（株）アライドマテリアル内</t>
  </si>
  <si>
    <t>18AA0090</t>
  </si>
  <si>
    <t>公立学校共済組合高志会館</t>
  </si>
  <si>
    <t>富山市千歳町１－３－１</t>
  </si>
  <si>
    <t>東京都千代田区神田駿河台２－９－５</t>
  </si>
  <si>
    <t>18AF0004</t>
  </si>
  <si>
    <t>19AB0009</t>
  </si>
  <si>
    <t>魚国総本社・２３４３５０</t>
  </si>
  <si>
    <t>富山市東石金町８－２８</t>
  </si>
  <si>
    <t>19AA0067</t>
  </si>
  <si>
    <t>居酒屋つづら</t>
  </si>
  <si>
    <t>富山市黒瀬４８６－５６</t>
  </si>
  <si>
    <t>20AI0033</t>
  </si>
  <si>
    <t>ＭＡＲＩＮＥ　ＢＬＵＥ（マリン　ブルー）</t>
  </si>
  <si>
    <t>富山市四方西岩瀬２５５</t>
  </si>
  <si>
    <t>19AN0038</t>
  </si>
  <si>
    <t>末弘軒</t>
  </si>
  <si>
    <t>富山市総曲輪４－６－９</t>
  </si>
  <si>
    <t>19AA0196</t>
  </si>
  <si>
    <t>串焼き処　蔵人</t>
  </si>
  <si>
    <t>富山市大町４３－６</t>
  </si>
  <si>
    <t>20AI0012</t>
  </si>
  <si>
    <t>レストラン花茶屋</t>
  </si>
  <si>
    <t>富山市新富町一丁目３－３</t>
  </si>
  <si>
    <t>ルートイン富山駅前２Ｆ</t>
  </si>
  <si>
    <t>東京都品川区大井１－３５－３</t>
  </si>
  <si>
    <t>20AA0047</t>
  </si>
  <si>
    <t>富山県庁職員生活協同組合食堂</t>
  </si>
  <si>
    <t>富山市新総曲輪１－７</t>
  </si>
  <si>
    <t>富山県庁内</t>
  </si>
  <si>
    <t>富山県庁職員生活協同組合</t>
  </si>
  <si>
    <t>富山市新総曲輪３－２　県職労会館内</t>
  </si>
  <si>
    <t>19AA0219</t>
  </si>
  <si>
    <t>富山市舟橋北町１－１１</t>
  </si>
  <si>
    <t>富山総合庁舎内</t>
  </si>
  <si>
    <t>富山市新総曲輪３－２</t>
  </si>
  <si>
    <t>19AA0179</t>
  </si>
  <si>
    <t>マクドナルド　呉羽店</t>
  </si>
  <si>
    <t>富山市茶屋町５７０－１</t>
  </si>
  <si>
    <t>20AJ0065</t>
  </si>
  <si>
    <t>カネ美食品（株）アピタ富山東店</t>
  </si>
  <si>
    <t>富山市上冨居三丁目８－３８</t>
  </si>
  <si>
    <t>カネ美食品　株式会社</t>
  </si>
  <si>
    <t>愛知県名古屋市緑区徳重３－１０７</t>
  </si>
  <si>
    <t>20AE0026</t>
  </si>
  <si>
    <t>ミスタードーナツ富山北店</t>
  </si>
  <si>
    <t>アピタ富山東店１Ｆ</t>
  </si>
  <si>
    <t>富山県富山市太郎丸本町１－３－６</t>
  </si>
  <si>
    <t>20AJ0025</t>
  </si>
  <si>
    <t>コーヒーショップ　レドール</t>
  </si>
  <si>
    <t>富山市上冨居３丁目８番３８号</t>
  </si>
  <si>
    <t>アピタ富山東店　１Ｆ</t>
  </si>
  <si>
    <t>20AJ0021</t>
  </si>
  <si>
    <t>（株）かね貞　アピタ富山東店</t>
  </si>
  <si>
    <t>富山市上冨居３１０－１</t>
  </si>
  <si>
    <t>株式会社　かね貞</t>
  </si>
  <si>
    <t>愛知県西加茂郡三好町大字莇生字上永井田４８－２</t>
  </si>
  <si>
    <t>20AK0009</t>
  </si>
  <si>
    <t>サガミ　富山飯野店</t>
  </si>
  <si>
    <t>富山市飯野１３－５</t>
  </si>
  <si>
    <t>サガミレストランツ　株式会社</t>
  </si>
  <si>
    <t>愛知県名古屋市守山区八剣２－１１８</t>
  </si>
  <si>
    <t>20AA0038</t>
  </si>
  <si>
    <t>よい友</t>
  </si>
  <si>
    <t>富山市総曲輪１－４－４</t>
  </si>
  <si>
    <t>グリーンタウンビル１ＦＢ</t>
  </si>
  <si>
    <t>19AI0205</t>
  </si>
  <si>
    <t>焼肉や　よいど</t>
  </si>
  <si>
    <t>富山市西中野町一丁目４－１７</t>
  </si>
  <si>
    <t>20AA0116</t>
  </si>
  <si>
    <t>手打そば　深明</t>
  </si>
  <si>
    <t>富山市新富町二丁目５－１４</t>
  </si>
  <si>
    <t>20AD0019</t>
  </si>
  <si>
    <t>ケンタッキーフライドチキン　アピタ富山東店</t>
  </si>
  <si>
    <t>長野市中御所５－１－１８</t>
  </si>
  <si>
    <t>20AJ0039</t>
  </si>
  <si>
    <t>近代割烹　真野</t>
  </si>
  <si>
    <t>富山市東老田７９５－１</t>
  </si>
  <si>
    <t>有限会社　真野</t>
  </si>
  <si>
    <t>富山市東老田７９４</t>
  </si>
  <si>
    <t>19AG0024</t>
  </si>
  <si>
    <t>ラガ・ジュース</t>
  </si>
  <si>
    <t>富山市総曲輪２－８－３６</t>
  </si>
  <si>
    <t>総曲輪ビル２Ｆ</t>
  </si>
  <si>
    <t>19AI0259</t>
  </si>
  <si>
    <t>スナック　パートⅡ</t>
  </si>
  <si>
    <t>富山市宝町１－７－２３</t>
  </si>
  <si>
    <t>塩田ビル２Ｆ</t>
  </si>
  <si>
    <t>19AI0146</t>
  </si>
  <si>
    <t>スナック　ルージュ</t>
  </si>
  <si>
    <t>富山市総曲輪１－３－１０</t>
  </si>
  <si>
    <t>サンシャインビル３Ｆ</t>
  </si>
  <si>
    <t>19AI0203</t>
  </si>
  <si>
    <t>20AA0148</t>
  </si>
  <si>
    <t>とやま虹の会</t>
  </si>
  <si>
    <t>社会福祉法人　とやま虹の会</t>
  </si>
  <si>
    <t>20AJ0044</t>
  </si>
  <si>
    <t>やきとり大吉　南富山店</t>
  </si>
  <si>
    <t>富山市大町１区中部２５１</t>
  </si>
  <si>
    <t>20AI0017</t>
  </si>
  <si>
    <t>寿司松</t>
  </si>
  <si>
    <t>富山市石金三丁目１－５</t>
  </si>
  <si>
    <t>20AC0008</t>
  </si>
  <si>
    <t>有限会社　まるぜん精肉</t>
  </si>
  <si>
    <t>富山市西中野本町６－６</t>
  </si>
  <si>
    <t>20AK0017</t>
  </si>
  <si>
    <t>居酒屋　大河</t>
  </si>
  <si>
    <t>富山市草島２３１－１</t>
  </si>
  <si>
    <t>21AI0100</t>
  </si>
  <si>
    <t>（有）善座</t>
  </si>
  <si>
    <t>富山市辰巳町２－１－２２</t>
  </si>
  <si>
    <t>有限会社　善座</t>
  </si>
  <si>
    <t>19AI0159</t>
  </si>
  <si>
    <t>ショットバー　リクオル</t>
  </si>
  <si>
    <t>富山市総曲輪１－１－１２</t>
  </si>
  <si>
    <t>桜木町リンカーンホール１Ｆ－Ｂ</t>
  </si>
  <si>
    <t>19AI0207</t>
  </si>
  <si>
    <t>ひよどり亭</t>
  </si>
  <si>
    <t>富山市五福末広町１０８１</t>
  </si>
  <si>
    <t>20AA0145</t>
  </si>
  <si>
    <t>ひよどり</t>
  </si>
  <si>
    <t>20AB0018</t>
  </si>
  <si>
    <t>琉美</t>
  </si>
  <si>
    <t>富山市桜木町７－５</t>
  </si>
  <si>
    <t>ヒフティーンハウス２Ｆ４号室</t>
  </si>
  <si>
    <t>20AI0277</t>
  </si>
  <si>
    <t>印度料理タージ・マハール</t>
  </si>
  <si>
    <t>富山市栃谷１９９－２</t>
  </si>
  <si>
    <t>有限会社　タージ・マハール</t>
  </si>
  <si>
    <t>19AA0172</t>
  </si>
  <si>
    <t>アーティスト</t>
  </si>
  <si>
    <t>富山市中央通り二丁目４－２１</t>
  </si>
  <si>
    <t>中教院ビル　２Ｆ</t>
  </si>
  <si>
    <t>20AI0198</t>
  </si>
  <si>
    <t>ナイトイン　アルジェ</t>
  </si>
  <si>
    <t>富山市総曲輪一丁目６－１０</t>
  </si>
  <si>
    <t>ダイヤモンドⅡ２Ｆ</t>
  </si>
  <si>
    <t>20AI0256</t>
  </si>
  <si>
    <t>富山市岩瀬松原町６２－１</t>
  </si>
  <si>
    <t>18AA0096</t>
  </si>
  <si>
    <t>もくきんど　食＆ぎゃらりー</t>
  </si>
  <si>
    <t>富山市田刈屋３１１－６</t>
  </si>
  <si>
    <t>20AG0021</t>
  </si>
  <si>
    <t>デイサービス　このゆびとーまれ</t>
  </si>
  <si>
    <t>富山市富岡町３５５</t>
  </si>
  <si>
    <t>特定非営利活動法人　デイサービスこのゆびとーまれ</t>
  </si>
  <si>
    <t>21AA0004</t>
  </si>
  <si>
    <t>酒房　ちわ</t>
  </si>
  <si>
    <t>富山市西長江本町６－２０</t>
  </si>
  <si>
    <t>20AI0069</t>
  </si>
  <si>
    <t>カネ美食品（株）富山西町店</t>
  </si>
  <si>
    <t>富山市上本町２－１７</t>
  </si>
  <si>
    <t>18AE0071</t>
  </si>
  <si>
    <t>八十八（やとはち）</t>
  </si>
  <si>
    <t>富山市上飯野新町三丁目１６２</t>
  </si>
  <si>
    <t>有限会社　薬勝</t>
  </si>
  <si>
    <t>中新川郡上市町護摩堂５３５</t>
  </si>
  <si>
    <t>21AG0007</t>
  </si>
  <si>
    <t>under ground Bar BOU</t>
  </si>
  <si>
    <t>富山市桜木町６－８</t>
  </si>
  <si>
    <t>桜木町ビル　Ｂ１Ｆ</t>
  </si>
  <si>
    <t>20AI0274</t>
  </si>
  <si>
    <t>中華料理　清華園</t>
  </si>
  <si>
    <t>富山市新庄町１１－８</t>
  </si>
  <si>
    <t>21AB0005</t>
  </si>
  <si>
    <t>旬菜　無垢里</t>
  </si>
  <si>
    <t>富山市布市７２５－５</t>
  </si>
  <si>
    <t>19AG0005</t>
  </si>
  <si>
    <t>ストリーム</t>
  </si>
  <si>
    <t>富山市総曲輪一丁目２－４</t>
  </si>
  <si>
    <t>桜木町センタービル　６Ｆ</t>
  </si>
  <si>
    <t>20AI0233</t>
  </si>
  <si>
    <t>しゅん家</t>
  </si>
  <si>
    <t>富山市新富町２－２－１５</t>
  </si>
  <si>
    <t>富山市桜町２－１－１７</t>
  </si>
  <si>
    <t>19AG0019</t>
  </si>
  <si>
    <t>焼肉十八</t>
  </si>
  <si>
    <t>富山市辰巳町二丁目５－２１</t>
  </si>
  <si>
    <t>18AA0155</t>
  </si>
  <si>
    <t>ホテル　サフィール</t>
  </si>
  <si>
    <t>富山市黒崎５５０</t>
  </si>
  <si>
    <t>泰成商事　有限会社</t>
  </si>
  <si>
    <t>富山県富山市辰巳町１－３－１７</t>
  </si>
  <si>
    <t>21AF0001</t>
  </si>
  <si>
    <t>介護老人保健施設　みどり苑　食堂</t>
  </si>
  <si>
    <t>富山市秋ケ島１４６－１</t>
  </si>
  <si>
    <t>19AA0011</t>
  </si>
  <si>
    <t>居酒屋　よっちゃん</t>
  </si>
  <si>
    <t>富山市本町４－８</t>
  </si>
  <si>
    <t>18AI0161</t>
  </si>
  <si>
    <t>ぼてじゃこ　豊田店</t>
  </si>
  <si>
    <t>富山市下赤江２－２－１６</t>
  </si>
  <si>
    <t>射水市八幡町２－９－４５</t>
  </si>
  <si>
    <t>19AN0022</t>
  </si>
  <si>
    <t>ベーカリーセンゴク</t>
  </si>
  <si>
    <t>富山市中川原２５６－５</t>
  </si>
  <si>
    <t>19AE0015</t>
  </si>
  <si>
    <t>わらく</t>
  </si>
  <si>
    <t>富山市新富町一丁目１－１</t>
  </si>
  <si>
    <t>ホテルαー１　１Ｆ</t>
  </si>
  <si>
    <t>21AI0091</t>
  </si>
  <si>
    <t>葉多舎</t>
  </si>
  <si>
    <t>富山市四方荒屋２１７２－１</t>
  </si>
  <si>
    <t>21AG0009</t>
  </si>
  <si>
    <t>ガスト　富山開店</t>
  </si>
  <si>
    <t>富山市開２９</t>
  </si>
  <si>
    <t>19AA0008</t>
  </si>
  <si>
    <t>カラオケ館富山掛尾店</t>
  </si>
  <si>
    <t>富山市掛尾栄町３－５</t>
  </si>
  <si>
    <t>シダックス・コミュニティー　株式会社</t>
  </si>
  <si>
    <t>東京都練馬区向山４―１―１</t>
  </si>
  <si>
    <t>20AI0019</t>
  </si>
  <si>
    <t>伽椰琴（カヤグン）</t>
  </si>
  <si>
    <t>19AN0037</t>
  </si>
  <si>
    <t>西町　大喜　富山駅前店</t>
  </si>
  <si>
    <t>富山市新富町１－３－８</t>
  </si>
  <si>
    <t>富山市柳町２－３－９</t>
  </si>
  <si>
    <t>19AD0015</t>
  </si>
  <si>
    <t>富山市城川原１－３８４</t>
  </si>
  <si>
    <t>18AA0082</t>
  </si>
  <si>
    <t>ビアガーデン</t>
  </si>
  <si>
    <t>富山市大手町２－３</t>
  </si>
  <si>
    <t>ＡＮＡクラウンプラザホテル富山５Ｆ</t>
  </si>
  <si>
    <t>株式会社　ホライズン・ホテルズ</t>
  </si>
  <si>
    <t>富山県富山市大手町２－３</t>
  </si>
  <si>
    <t>18AI0213</t>
  </si>
  <si>
    <t>スカイバー「アストラル」</t>
  </si>
  <si>
    <t>ＡＮＡクラウンプラザホテル富山１９Ｆ</t>
  </si>
  <si>
    <t>18AI0212</t>
  </si>
  <si>
    <t>宴会厨房</t>
  </si>
  <si>
    <t>ＡＮＡクラウンプラザホテル富山３Ｆ</t>
  </si>
  <si>
    <t>18AG0015</t>
  </si>
  <si>
    <t>宴会中国調理厨房</t>
  </si>
  <si>
    <t>18AB0015</t>
  </si>
  <si>
    <t>日本料理「雲海」</t>
  </si>
  <si>
    <t>18AA0189</t>
  </si>
  <si>
    <t>ｺｰﾋｰ&amp;ﾚｽﾄﾗﾝ「カフェ・イン・ザ・パーク」</t>
  </si>
  <si>
    <t>ＡＮＡクラウンプラザホテル富山１Ｆ</t>
  </si>
  <si>
    <t>18AJ0066</t>
  </si>
  <si>
    <t>８番らーめん　呉羽本郷店</t>
  </si>
  <si>
    <t>富山市本郷東部１１－２</t>
  </si>
  <si>
    <t>株式会社　ライジング</t>
  </si>
  <si>
    <t>富山県高岡市福岡町福岡新３４０－２</t>
  </si>
  <si>
    <t>18AD0051</t>
  </si>
  <si>
    <t>来ん菜</t>
  </si>
  <si>
    <t>富山市奥田寿町１８－２－１２３</t>
  </si>
  <si>
    <t>20AK0008</t>
  </si>
  <si>
    <t>天米　掛尾店</t>
  </si>
  <si>
    <t>富山市掛尾町３４０－３</t>
  </si>
  <si>
    <t>20AG0005</t>
  </si>
  <si>
    <t>パンドール</t>
  </si>
  <si>
    <t>富山市桜町一丁目６－１１</t>
  </si>
  <si>
    <t>20AE0037</t>
  </si>
  <si>
    <t>魚国総本社・富山２３４１７０</t>
  </si>
  <si>
    <t>富山市梅沢町二丁目１０－５</t>
  </si>
  <si>
    <t>立正幼稚園内</t>
  </si>
  <si>
    <t>20AA0107</t>
  </si>
  <si>
    <t>魚国総本社・富山２３４１０１</t>
  </si>
  <si>
    <t>富山市岩瀬古志町６</t>
  </si>
  <si>
    <t>（株）アライドマテリアル独身寮内</t>
  </si>
  <si>
    <t>18AA0092</t>
  </si>
  <si>
    <t>魚国総本社・２３４４１０</t>
  </si>
  <si>
    <t>富山市星井町一丁目６－１</t>
  </si>
  <si>
    <t>メゾンベルトワール</t>
  </si>
  <si>
    <t>20AA0105</t>
  </si>
  <si>
    <t>本家かまどやニュー球場前店</t>
  </si>
  <si>
    <t>富山市五福五区１９１９</t>
  </si>
  <si>
    <t>19AE0057</t>
  </si>
  <si>
    <t>割烹居酒屋　大房</t>
  </si>
  <si>
    <t>富山市呉羽富田町２６２－１７</t>
  </si>
  <si>
    <t>18AI0196</t>
  </si>
  <si>
    <t>魚国総本社・富山２３４４２０</t>
  </si>
  <si>
    <t>富山市興人町２－１７８</t>
  </si>
  <si>
    <t>21AA0096</t>
  </si>
  <si>
    <t>とり鉄　富山駅前店</t>
  </si>
  <si>
    <t>富山市桜町二丁目１－１３</t>
  </si>
  <si>
    <t>川瀬ＣＪ　株式会社</t>
  </si>
  <si>
    <t>富山県砺波市宮森新９７</t>
  </si>
  <si>
    <t>20AI0089</t>
  </si>
  <si>
    <t>祭ばやし　大泉店</t>
  </si>
  <si>
    <t>富山市大泉中町４１</t>
  </si>
  <si>
    <t>株式会社　大昇</t>
  </si>
  <si>
    <t>富山市天正寺３４９－１</t>
  </si>
  <si>
    <t>19AC0007</t>
  </si>
  <si>
    <t>ガスト　富山荒川店</t>
  </si>
  <si>
    <t>富山市荒川２－１５－３１</t>
  </si>
  <si>
    <t>19AA0056</t>
  </si>
  <si>
    <t>すき家　富山掛尾店</t>
  </si>
  <si>
    <t>富山市掛尾町４０１－３</t>
  </si>
  <si>
    <t>19AA0024</t>
  </si>
  <si>
    <t>博多もつ鍋　龍</t>
  </si>
  <si>
    <t>富山市新根塚町２－９－１３</t>
  </si>
  <si>
    <t>明日ダイニング　株式会社</t>
  </si>
  <si>
    <t>20AI0200</t>
  </si>
  <si>
    <t>魚国総本社・２３４４８０</t>
  </si>
  <si>
    <t>富山市一本木１０１０</t>
  </si>
  <si>
    <t>19AA0069</t>
  </si>
  <si>
    <t>ローソン　富山新富町店</t>
  </si>
  <si>
    <t>富山市新富町１－１－１２</t>
  </si>
  <si>
    <t>明治生命ビル１Ｆ</t>
  </si>
  <si>
    <t>19AN0025</t>
  </si>
  <si>
    <t>18AE0083</t>
  </si>
  <si>
    <t>居酒屋　さんじゅうまる</t>
  </si>
  <si>
    <t>富山市桜町２－１－１</t>
  </si>
  <si>
    <t>アミューズビル１Ｆ</t>
  </si>
  <si>
    <t>19AI0076</t>
  </si>
  <si>
    <t>富山共同福祉施設食堂</t>
  </si>
  <si>
    <t>富山市水橋金尾新１３２－４</t>
  </si>
  <si>
    <t>20AA0090</t>
  </si>
  <si>
    <t>大喜　大島店</t>
  </si>
  <si>
    <t>富山市大島１－１３５</t>
  </si>
  <si>
    <t>有限会社　アラカルト</t>
  </si>
  <si>
    <t>富山市大江干２６－１</t>
  </si>
  <si>
    <t>19AD0003</t>
  </si>
  <si>
    <t>麺屋丸超　富山インター店</t>
  </si>
  <si>
    <t>富山市蜷川２６１－１</t>
  </si>
  <si>
    <t>富山市下赤江町２－２－３４</t>
  </si>
  <si>
    <t>20AD0002</t>
  </si>
  <si>
    <t>すき家　富山中川原店</t>
  </si>
  <si>
    <t>富山市秋吉１９４－９</t>
  </si>
  <si>
    <t>19AA0025</t>
  </si>
  <si>
    <t>株式会社　宝来　第２工場</t>
  </si>
  <si>
    <t>20AE0029</t>
  </si>
  <si>
    <t>西町　大喜　二口店</t>
  </si>
  <si>
    <t>富山市根塚町三丁目９－１０</t>
  </si>
  <si>
    <t>20AD0009</t>
  </si>
  <si>
    <t>美梨の里　真野</t>
  </si>
  <si>
    <t>富山市東老田３３９－４</t>
  </si>
  <si>
    <t>20AA0133</t>
  </si>
  <si>
    <t>肉料理　はし亭</t>
  </si>
  <si>
    <t>富山市根塚町１－４－１５</t>
  </si>
  <si>
    <t>20AA0013</t>
  </si>
  <si>
    <t>富山市水橋山王町１６０５</t>
  </si>
  <si>
    <t>富山市水橋辻ヶ堂１６０５</t>
  </si>
  <si>
    <t>19AF0008</t>
  </si>
  <si>
    <t>ドトールコーヒーショップ　富山エスタ店</t>
  </si>
  <si>
    <t>富山市桜町一丁目１－１</t>
  </si>
  <si>
    <t>エスタ１Ｆ</t>
  </si>
  <si>
    <t>有限会社　ハニーヒルズ</t>
  </si>
  <si>
    <t>富山県富山市東田地方町一丁目５－５２アパガーデンプレイス２１８号</t>
  </si>
  <si>
    <t>20AJ0046</t>
  </si>
  <si>
    <t>創作料理　まいもんや</t>
  </si>
  <si>
    <t>富山市牛島町１８－７</t>
  </si>
  <si>
    <t>アーバンプレイス２Ｆ</t>
  </si>
  <si>
    <t>20AI0204</t>
  </si>
  <si>
    <t>居酒屋　善平</t>
  </si>
  <si>
    <t>富山市総曲輪２－８－２２</t>
  </si>
  <si>
    <t>総曲輪ビル１Ｆ</t>
  </si>
  <si>
    <t>19AI0243</t>
  </si>
  <si>
    <t>ひらき</t>
  </si>
  <si>
    <t>富山市金山新東１７６－２</t>
  </si>
  <si>
    <t>20AI0133</t>
  </si>
  <si>
    <t>鮮魚　まつばら</t>
  </si>
  <si>
    <t>富山市永楽町２６－１６</t>
  </si>
  <si>
    <t>20AK0002</t>
  </si>
  <si>
    <t>とりでん二口店</t>
  </si>
  <si>
    <t>富山市根塚町三丁目９－８</t>
  </si>
  <si>
    <t>正栄産業　株式会社</t>
  </si>
  <si>
    <t>富山県富山市二口町五丁目１０－６</t>
  </si>
  <si>
    <t>20AI0052</t>
  </si>
  <si>
    <t>新とんかつ　太郎丸店</t>
  </si>
  <si>
    <t>富山市太郎丸西町２－１１－５</t>
  </si>
  <si>
    <t>株式会社　とんかつ</t>
  </si>
  <si>
    <t>富山市総曲輪３－６－１５－２１</t>
  </si>
  <si>
    <t>20AA0024</t>
  </si>
  <si>
    <t>スナックあや</t>
  </si>
  <si>
    <t>富山市宝町１－６－６</t>
  </si>
  <si>
    <t>ビブレ１０　２Ｆ</t>
  </si>
  <si>
    <t>19AI0184</t>
  </si>
  <si>
    <t>食祭道楽番やのすし古沢店</t>
  </si>
  <si>
    <t>富山市古沢４１３－２</t>
  </si>
  <si>
    <t>19AC0018</t>
  </si>
  <si>
    <t>珈琲哲学インドカリー富山西店</t>
  </si>
  <si>
    <t>富山市栃谷４４２－１</t>
  </si>
  <si>
    <t>黒部市荻生５２９７</t>
  </si>
  <si>
    <t>20AJ0083</t>
  </si>
  <si>
    <t>花さくら</t>
  </si>
  <si>
    <t>富山市桜木町７－１６</t>
  </si>
  <si>
    <t>金森ビル１Ｆ</t>
  </si>
  <si>
    <t>有限会社　センチュリオン</t>
  </si>
  <si>
    <t>19AH0011</t>
  </si>
  <si>
    <t>魚楽</t>
  </si>
  <si>
    <t>富山市清水町五丁目８－１５</t>
  </si>
  <si>
    <t>19AG0015</t>
  </si>
  <si>
    <t>無頼漢</t>
  </si>
  <si>
    <t>富山市中央通り３－２－１３</t>
  </si>
  <si>
    <t>19AI0135</t>
  </si>
  <si>
    <t>匠庵</t>
  </si>
  <si>
    <t>富山市桜町二丁目６－２０</t>
  </si>
  <si>
    <t>福沢ビル１Ｆ</t>
  </si>
  <si>
    <t>20AA0077</t>
  </si>
  <si>
    <t>川豊</t>
  </si>
  <si>
    <t>富山市総曲輪３－３－２４</t>
  </si>
  <si>
    <t>有限会社　川豊</t>
  </si>
  <si>
    <t>19AA0221</t>
  </si>
  <si>
    <t>海賊　中田店</t>
  </si>
  <si>
    <t>富山市中田一丁目１－３７</t>
  </si>
  <si>
    <t>20AA0083</t>
  </si>
  <si>
    <t>富山まちなか病院内食堂まつだ</t>
  </si>
  <si>
    <t>富山市鹿島町２－２－２９</t>
  </si>
  <si>
    <t>19AA0139</t>
  </si>
  <si>
    <t>柳屋</t>
  </si>
  <si>
    <t>富山市西中野本町７－６</t>
  </si>
  <si>
    <t>19AE0045</t>
  </si>
  <si>
    <t>ホテル　エル</t>
  </si>
  <si>
    <t>富山市鵯島２１１６－１０</t>
  </si>
  <si>
    <t>有限会社　山口実業</t>
  </si>
  <si>
    <t>19AF0014</t>
  </si>
  <si>
    <t>ぼんてん</t>
  </si>
  <si>
    <t>富山市高畠町二丁目６１３－５</t>
  </si>
  <si>
    <t>20AD0021</t>
  </si>
  <si>
    <t>ジョイフル呉羽店</t>
  </si>
  <si>
    <t>富山市本郷東部５</t>
  </si>
  <si>
    <t>大分県大分市三川新町一丁目１－４５</t>
  </si>
  <si>
    <t>17AA0163</t>
  </si>
  <si>
    <t>遊歩道</t>
  </si>
  <si>
    <t>富山市桜木町１４－４</t>
  </si>
  <si>
    <t>ＣＡＲＮＡ　ＢＬＤＧ．２Ｆ</t>
  </si>
  <si>
    <t>19AI0269</t>
  </si>
  <si>
    <t>梨花苑</t>
  </si>
  <si>
    <t>富山市総曲輪一丁目３－１６</t>
  </si>
  <si>
    <t>有限会社　梨花苑</t>
  </si>
  <si>
    <t>富山県富山市総曲輪１－３－１６</t>
  </si>
  <si>
    <t>20AA0164</t>
  </si>
  <si>
    <t>桜亭</t>
  </si>
  <si>
    <t>富山市桜町二丁目１－１</t>
  </si>
  <si>
    <t>20AI0156</t>
  </si>
  <si>
    <t>ミカサノミア</t>
  </si>
  <si>
    <t>富山市中央通り３－４－２０</t>
  </si>
  <si>
    <t>センター小西ビル１Ｆ</t>
  </si>
  <si>
    <t>19AA0176</t>
  </si>
  <si>
    <t>ＶＩＶ（ヴィブ）</t>
  </si>
  <si>
    <t>桜木町センタービル２Ｆ　２０１号</t>
  </si>
  <si>
    <t>19AI0246</t>
  </si>
  <si>
    <t>島ん酎</t>
  </si>
  <si>
    <t>富山市今木町１－２４</t>
  </si>
  <si>
    <t>第二森山電機ビル１Ｆ１－Ａ</t>
  </si>
  <si>
    <t>19AI0161</t>
  </si>
  <si>
    <t>ローソン　富山寺町店</t>
  </si>
  <si>
    <t>富山市寺町１０－４</t>
  </si>
  <si>
    <t>20AN0056</t>
  </si>
  <si>
    <t>くの一家</t>
  </si>
  <si>
    <t>富山市新富町二丁目４－５</t>
  </si>
  <si>
    <t>21AI0079</t>
  </si>
  <si>
    <t>アーヴェリール迎賓館ヴィクトリア棟</t>
  </si>
  <si>
    <t>富山市新庄本町３－２－３０</t>
  </si>
  <si>
    <t>株式会社　テイクアンドギヴ・ニーズ</t>
  </si>
  <si>
    <t>東京都品川区東品川２－３－１２</t>
  </si>
  <si>
    <t>18AA0055</t>
  </si>
  <si>
    <t>アーヴェリール迎賓館ホワイトハウス棟</t>
  </si>
  <si>
    <t>18AA0056</t>
  </si>
  <si>
    <t>ローソン　水墨美術館前店</t>
  </si>
  <si>
    <t>富山市五福７４７－１</t>
  </si>
  <si>
    <t>有限会社　ディア　</t>
  </si>
  <si>
    <t>富山県富山市西中野町１－１５－４２</t>
  </si>
  <si>
    <t>20AN0045</t>
  </si>
  <si>
    <t>Ｂｏｙ’ｓ　ＰａＰａｉｋｏ　ｃｈａｎ　「ボーイズ・パパイコチャン」</t>
  </si>
  <si>
    <t>ＮＡＫＡＹＡ　１ＳＴビル３Ｆ</t>
  </si>
  <si>
    <t>19AI0270</t>
  </si>
  <si>
    <t>スナック　ルア</t>
  </si>
  <si>
    <t>富山市総曲輪三丁目６－１５－１７</t>
  </si>
  <si>
    <t>20AI0257</t>
  </si>
  <si>
    <t>ＤＥＳＩＧＮ　ＨＯＴＥＬ　ＦＡＢＵＬＡＮ</t>
  </si>
  <si>
    <t>富山市島田１４２－４</t>
  </si>
  <si>
    <t>有限会社　朋友商事</t>
  </si>
  <si>
    <t>富山県富山市島田１４２－４</t>
  </si>
  <si>
    <t>20AF0002</t>
  </si>
  <si>
    <t>花香味</t>
  </si>
  <si>
    <t>富山市有沢１２８－２</t>
  </si>
  <si>
    <t>19AJ0074</t>
  </si>
  <si>
    <t>やきとり　甚九郎</t>
  </si>
  <si>
    <t>19AI0228</t>
  </si>
  <si>
    <t>ＴＨＥ　ＢＡＲ　ＲＩＳＥ</t>
  </si>
  <si>
    <t>富山市総曲輪１－８－１</t>
  </si>
  <si>
    <t>チェリーポートビル２Ｆ</t>
  </si>
  <si>
    <t>19AI0190</t>
  </si>
  <si>
    <t>中部フーズ（株）　窪新店</t>
  </si>
  <si>
    <t>富山市窪新町１７－１７</t>
  </si>
  <si>
    <t>岐阜県多治見市高根町４－２０</t>
  </si>
  <si>
    <t>18AE0029</t>
  </si>
  <si>
    <t>まるた</t>
  </si>
  <si>
    <t>富山市高屋敷８５４－４</t>
  </si>
  <si>
    <t>20AN0006</t>
  </si>
  <si>
    <t>コンパクト　デリ　トヤマ</t>
  </si>
  <si>
    <t>富山市大手町１－２</t>
  </si>
  <si>
    <t>富山国際会議場１Ｆ</t>
  </si>
  <si>
    <t>富山大手町コンベンション　株式会社</t>
  </si>
  <si>
    <t>富山市新桜町７－３８</t>
  </si>
  <si>
    <t>20AJ0087</t>
  </si>
  <si>
    <t>バロン</t>
  </si>
  <si>
    <t>富山市桜木町１１－５</t>
  </si>
  <si>
    <t>ふるさとビル１Ｆ</t>
  </si>
  <si>
    <t>19AI0213</t>
  </si>
  <si>
    <t>唄えるお店　三連符</t>
  </si>
  <si>
    <t>富山市太田２１５８－２</t>
  </si>
  <si>
    <t>21AI0045</t>
  </si>
  <si>
    <t>ラムズバー（ＲＡＭ’Ｓ　ＢＡＲ）</t>
  </si>
  <si>
    <t>富山市桜木町８－１１</t>
  </si>
  <si>
    <t>ツインビル２Ｆ</t>
  </si>
  <si>
    <t>20AI0250</t>
  </si>
  <si>
    <t>昭政</t>
  </si>
  <si>
    <t>富山市桜木町６－１４</t>
  </si>
  <si>
    <t>20AI0252</t>
  </si>
  <si>
    <t>和風スナック　正子</t>
  </si>
  <si>
    <t>富山市下冨居二丁目１－３６</t>
  </si>
  <si>
    <t>20AI0135</t>
  </si>
  <si>
    <t>菩提樹　東店</t>
  </si>
  <si>
    <t>富山市針原中町４４７－１</t>
  </si>
  <si>
    <t>有限会社　菩提樹</t>
  </si>
  <si>
    <t>富山市八ヶ山９４０</t>
  </si>
  <si>
    <t>21AG0008</t>
  </si>
  <si>
    <t>Ｊ．ＲＥＤ</t>
  </si>
  <si>
    <t>富山市月岡町六丁目２５６－１</t>
  </si>
  <si>
    <t>20AJ0028</t>
  </si>
  <si>
    <t>川富士</t>
  </si>
  <si>
    <t>富山市桜町二丁目４－１５</t>
  </si>
  <si>
    <t>20AA0054</t>
  </si>
  <si>
    <t>肉のいちい</t>
  </si>
  <si>
    <t>富山市上堀町３０</t>
  </si>
  <si>
    <t>21AK0002</t>
  </si>
  <si>
    <t>中華料理　香華</t>
  </si>
  <si>
    <t>富山市窪新町５－２４</t>
  </si>
  <si>
    <t>21AB0004</t>
  </si>
  <si>
    <t>太閤</t>
  </si>
  <si>
    <t>富山市五福４１７４－５</t>
  </si>
  <si>
    <t>宮田アパート１Ｆ</t>
  </si>
  <si>
    <t>20AD0035</t>
  </si>
  <si>
    <t>レストラン　富山カントリー</t>
  </si>
  <si>
    <t>富山市万願寺１－１６６</t>
  </si>
  <si>
    <t>富山カントリークラブ　クラブハウス２Ｆ</t>
  </si>
  <si>
    <t>18AA0126</t>
  </si>
  <si>
    <t>富山市下大久保２５１３－１</t>
  </si>
  <si>
    <t>19AK0014</t>
  </si>
  <si>
    <t>番やのすし　大沢野店</t>
  </si>
  <si>
    <t>富山市上大久保３区９２３－３</t>
  </si>
  <si>
    <t>富山市天正寺３４９―１</t>
  </si>
  <si>
    <t>19AC0019</t>
  </si>
  <si>
    <t>富山市中大久保１７３－９</t>
  </si>
  <si>
    <t>19AE0077</t>
  </si>
  <si>
    <t>関西電力（株）笹津寮</t>
  </si>
  <si>
    <t>富山市笹津４－２</t>
  </si>
  <si>
    <t>株式会社　北陸厚生</t>
  </si>
  <si>
    <t>富山市堤町通り１－２－３４</t>
  </si>
  <si>
    <t>19AA0155</t>
  </si>
  <si>
    <t>勝まる</t>
  </si>
  <si>
    <t>富山市上二杉３９５－３</t>
  </si>
  <si>
    <t>19AD0031</t>
  </si>
  <si>
    <t>ガスト　大沢野店</t>
  </si>
  <si>
    <t>富山市長附６９５－１</t>
  </si>
  <si>
    <t>19AA0192</t>
  </si>
  <si>
    <t>ローソン　大沢野塩店</t>
  </si>
  <si>
    <t>富山市塩５６６</t>
  </si>
  <si>
    <t>19AN0045</t>
  </si>
  <si>
    <t>さかえや</t>
  </si>
  <si>
    <t>富山市上二杉２０１－１</t>
  </si>
  <si>
    <t>19AD0028</t>
  </si>
  <si>
    <t>ひまわりチェーン　高内店</t>
  </si>
  <si>
    <t>富山市高内１区９</t>
  </si>
  <si>
    <t>19AK0013</t>
  </si>
  <si>
    <t>中部フーズ株式会社　大沢野店</t>
  </si>
  <si>
    <t>富山市上大久保１２１０－１</t>
  </si>
  <si>
    <t>岐阜県多治見市高根町４ー２０</t>
  </si>
  <si>
    <t>19AE0078</t>
  </si>
  <si>
    <t>焼肉　たむら</t>
  </si>
  <si>
    <t>富山市上大久保５８－２</t>
  </si>
  <si>
    <t>20AA0144</t>
  </si>
  <si>
    <t>ＴＥＡ ＲＯＯＭ 木馬</t>
  </si>
  <si>
    <t>富山市下大久保２２０３</t>
  </si>
  <si>
    <t>20AJ0071</t>
  </si>
  <si>
    <t>澤田商店</t>
  </si>
  <si>
    <t>富山市笹津４０４</t>
  </si>
  <si>
    <t>20AN0044</t>
  </si>
  <si>
    <t>大山農山村交流ｾﾝﾀｰ</t>
  </si>
  <si>
    <t>富山市原２８２</t>
  </si>
  <si>
    <t>大山観光開発株式会社</t>
  </si>
  <si>
    <t>富山市原５５</t>
  </si>
  <si>
    <t>18AA0139</t>
  </si>
  <si>
    <t>太郎平小屋</t>
  </si>
  <si>
    <t>富山市有峰字黒部谷割国有林１１５イ林小班</t>
  </si>
  <si>
    <t>五十嶋商事　有限会社</t>
  </si>
  <si>
    <t>富山県富山市原１１－１</t>
  </si>
  <si>
    <t>20AF0014</t>
  </si>
  <si>
    <t>北陸電力株式会社　有峰記念館</t>
  </si>
  <si>
    <t>富山市有峰字村川谷割２６－３５</t>
  </si>
  <si>
    <t>有峰記念館</t>
  </si>
  <si>
    <t>大阪府大阪市中央区北浜２－６－２６　大阪グリーンビル８Ｆ</t>
  </si>
  <si>
    <t>19AA0173</t>
  </si>
  <si>
    <t>ボン･フィセル</t>
  </si>
  <si>
    <t>富山市田畠４８－２</t>
  </si>
  <si>
    <t>富山市二俣新町１５２</t>
  </si>
  <si>
    <t>19AE0076</t>
  </si>
  <si>
    <t>浦崎商店</t>
  </si>
  <si>
    <t>富山市小見４２８</t>
  </si>
  <si>
    <t>有限会社　浦崎商店</t>
  </si>
  <si>
    <t>魚津市持光寺９７２</t>
  </si>
  <si>
    <t>19AE0066</t>
  </si>
  <si>
    <t>19AE0079</t>
  </si>
  <si>
    <t>ファミリーハウス　よしろく</t>
  </si>
  <si>
    <t>富山市中滝２２９－５</t>
  </si>
  <si>
    <t>19AA0191</t>
  </si>
  <si>
    <t>ほーぼー</t>
  </si>
  <si>
    <t>富山市本宮</t>
  </si>
  <si>
    <t>雷鳥バレースキー場</t>
  </si>
  <si>
    <t>19AJ0100</t>
  </si>
  <si>
    <t>ふるさと</t>
  </si>
  <si>
    <t>富山市本宮花切割３－４７</t>
  </si>
  <si>
    <t>19AA0147</t>
  </si>
  <si>
    <t>ベンベデールＮＡＫＡＭＵＲＡ</t>
  </si>
  <si>
    <t>富山市東黒牧２７７－３</t>
  </si>
  <si>
    <t>19AA0213</t>
  </si>
  <si>
    <t>ＫＡＫＩ’ｓ　ｃａｆｅ</t>
  </si>
  <si>
    <t>富山市本宮２－３</t>
  </si>
  <si>
    <t>19AJ0068</t>
  </si>
  <si>
    <t>プチホテル</t>
  </si>
  <si>
    <t>富山市原３５９</t>
  </si>
  <si>
    <t>プチスキーハウス　有限会社</t>
  </si>
  <si>
    <t>19AF0012</t>
  </si>
  <si>
    <t>有峰ハウス</t>
  </si>
  <si>
    <t>富山市有峰２６－３７</t>
  </si>
  <si>
    <t>大阪府大阪市中央区北浜２－６－２６　大阪グリーンビル</t>
  </si>
  <si>
    <t>20AF0012</t>
  </si>
  <si>
    <t>元</t>
  </si>
  <si>
    <t>富山市中滝１９３－１７</t>
  </si>
  <si>
    <t>20AI0222</t>
  </si>
  <si>
    <t>やまびこ</t>
  </si>
  <si>
    <t>富山市本宮１３３８</t>
  </si>
  <si>
    <t>20AF0009</t>
  </si>
  <si>
    <t>平井山荘</t>
  </si>
  <si>
    <t>富山市本宮２－１１１</t>
  </si>
  <si>
    <t>20AF0010</t>
  </si>
  <si>
    <t>ペンション　プモ・リ</t>
  </si>
  <si>
    <t>富山市本宮１－８４</t>
  </si>
  <si>
    <t>20AF0007</t>
  </si>
  <si>
    <t>レストラン　ミレット</t>
  </si>
  <si>
    <t>富山市本宮１８６８</t>
  </si>
  <si>
    <t>特定非営利活動法人　あわすの</t>
  </si>
  <si>
    <t>富山市本宮字薄波割１８６８</t>
  </si>
  <si>
    <t>20AA0136</t>
  </si>
  <si>
    <t>びんてる　めいけん</t>
  </si>
  <si>
    <t>富山市本宮３</t>
  </si>
  <si>
    <t>株式会社　名剣観光</t>
  </si>
  <si>
    <t>富山県黒部市犬山１９８－１</t>
  </si>
  <si>
    <t>20AF0015</t>
  </si>
  <si>
    <t>みよし</t>
  </si>
  <si>
    <t>有限会社　みよし</t>
  </si>
  <si>
    <t>18AF0005</t>
  </si>
  <si>
    <t>懐石　椿亭</t>
  </si>
  <si>
    <t>富山市八尾町東町２２２３</t>
  </si>
  <si>
    <t>椿亭　株式会社</t>
  </si>
  <si>
    <t>富山県富山市八尾町水谷２０７－１１</t>
  </si>
  <si>
    <t>20AG0017</t>
  </si>
  <si>
    <t>八尾老人保健施設　風の庭</t>
  </si>
  <si>
    <t>富山市八尾町福島４５０</t>
  </si>
  <si>
    <t>八尾老人保健施設　風の庭内</t>
  </si>
  <si>
    <t>19AA0177</t>
  </si>
  <si>
    <t>寿司　天福</t>
  </si>
  <si>
    <t>富山市八尾町福島２９５－１</t>
  </si>
  <si>
    <t>18AC0012</t>
  </si>
  <si>
    <t>ステーキ　胡弓</t>
  </si>
  <si>
    <t>富山市八尾町新田３－１</t>
  </si>
  <si>
    <t>有限会社　タツミ商会</t>
  </si>
  <si>
    <t>富山市八尾町新田３番１号</t>
  </si>
  <si>
    <t>18AA0113</t>
  </si>
  <si>
    <t>餅の苗代屋</t>
  </si>
  <si>
    <t>富山市八尾町福島７３</t>
  </si>
  <si>
    <t>18AE0070</t>
  </si>
  <si>
    <t>やつおそば大楽</t>
  </si>
  <si>
    <t>富山市八尾町下笹原６７８－１</t>
  </si>
  <si>
    <t>20AD0036</t>
  </si>
  <si>
    <t>手打そば　高野</t>
  </si>
  <si>
    <t>富山市八尾町西町２２３２</t>
  </si>
  <si>
    <t>19AD0026</t>
  </si>
  <si>
    <t>歩寿司分家八尾店</t>
  </si>
  <si>
    <t>富山市八尾町大杉２６７４－７</t>
  </si>
  <si>
    <t>19AC0016</t>
  </si>
  <si>
    <t>茗虎鮮魚店</t>
  </si>
  <si>
    <t>富山市八尾町上新町２６８８</t>
  </si>
  <si>
    <t>19AE0043</t>
  </si>
  <si>
    <t>別館　北吉</t>
  </si>
  <si>
    <t>富山市八尾町鏡町８３９</t>
  </si>
  <si>
    <t>富山市八尾町鏡町９９７</t>
  </si>
  <si>
    <t>20AF0006</t>
  </si>
  <si>
    <t>金ちゃん</t>
  </si>
  <si>
    <t>富山市八尾町下笹原１０１７</t>
  </si>
  <si>
    <t>19AI0179</t>
  </si>
  <si>
    <t>月のおと</t>
  </si>
  <si>
    <t>富山市八尾町井田１１４７－４</t>
  </si>
  <si>
    <t>19AD0034</t>
  </si>
  <si>
    <t>明日香</t>
  </si>
  <si>
    <t>富山市八尾町上新町２６３６－２</t>
  </si>
  <si>
    <t>19AJ0073</t>
  </si>
  <si>
    <t>よしかや</t>
  </si>
  <si>
    <t>富山市八尾町上新町２７９７　</t>
  </si>
  <si>
    <t>19AA0186</t>
  </si>
  <si>
    <t>たこやき　三ちゃん</t>
  </si>
  <si>
    <t>富山市八尾町今町１６７１</t>
  </si>
  <si>
    <t>19AN0047</t>
  </si>
  <si>
    <t>茶房　城山</t>
  </si>
  <si>
    <t>富山市八尾町下新町１０７</t>
  </si>
  <si>
    <t>19AJ0078</t>
  </si>
  <si>
    <t>喫茶 ピッコロ</t>
  </si>
  <si>
    <t>富山市八尾町上新町２６４０</t>
  </si>
  <si>
    <t>19AJ0060</t>
  </si>
  <si>
    <t>簾</t>
  </si>
  <si>
    <t>富山市八尾町大杉２６７４－６</t>
  </si>
  <si>
    <t>19AJ0067</t>
  </si>
  <si>
    <t>コスモス</t>
  </si>
  <si>
    <t>富山市八尾町新田５００１</t>
  </si>
  <si>
    <t>19AI0173</t>
  </si>
  <si>
    <t>ホルモン専門店　お多福</t>
  </si>
  <si>
    <t>富山市八尾町水谷１０６－６</t>
  </si>
  <si>
    <t>20AI0176</t>
  </si>
  <si>
    <t>スナック　リリー</t>
  </si>
  <si>
    <t>富山市八尾町鏡町１０００－１２</t>
  </si>
  <si>
    <t>20AI0179</t>
  </si>
  <si>
    <t>片口屋</t>
  </si>
  <si>
    <t>富山市婦中町長沢３９９０－１</t>
  </si>
  <si>
    <t>20AE0062</t>
  </si>
  <si>
    <t>パン・オーレ　婦中</t>
  </si>
  <si>
    <t>富山市婦中町分田６３－１</t>
  </si>
  <si>
    <t>富山県富山市掛尾町６１－１</t>
  </si>
  <si>
    <t>18AE0056</t>
  </si>
  <si>
    <t>18AJ0038</t>
  </si>
  <si>
    <t>TOHOシネマズファボーレ富山</t>
  </si>
  <si>
    <t>ファボーレ　２Ｆ</t>
  </si>
  <si>
    <t>ＴＯＨＯシネマズ　株式会社</t>
  </si>
  <si>
    <t>東京都千代田区有楽町１－２－２</t>
  </si>
  <si>
    <t>18AJ0044</t>
  </si>
  <si>
    <t>ポプリンキッチン</t>
  </si>
  <si>
    <t>フューチャーシティ　ファボーレ　１Ｆ</t>
  </si>
  <si>
    <t>有限会社　イーストフィート</t>
  </si>
  <si>
    <t>富山県富山市婦中町砂子田４５－２</t>
  </si>
  <si>
    <t>18AA0147</t>
  </si>
  <si>
    <t>ナチュレフードガーデン</t>
  </si>
  <si>
    <t>有限会社　キンコン館</t>
  </si>
  <si>
    <t>富山市八尾町黒田５３１８</t>
  </si>
  <si>
    <t>18AA0124</t>
  </si>
  <si>
    <t>アル・プラザ富山　デリカ・すしコーナー</t>
  </si>
  <si>
    <t>株式会社　平和堂</t>
  </si>
  <si>
    <t>滋賀県彦根市西今町１番地</t>
  </si>
  <si>
    <t>19AE0047</t>
  </si>
  <si>
    <t>アル・プラザ富山　鮮魚コーナー</t>
  </si>
  <si>
    <t>ファボーレ　１Ｆ</t>
  </si>
  <si>
    <t>19AE0048</t>
  </si>
  <si>
    <t>肉のマルチョウ神戸屋</t>
  </si>
  <si>
    <t>富山市東岩瀬町３１５</t>
  </si>
  <si>
    <t>19AK0011</t>
  </si>
  <si>
    <t>ココス　婦中ファボーレ店</t>
  </si>
  <si>
    <t>富山市婦中町速星１２３－１</t>
  </si>
  <si>
    <t>滋賀県彦根市松原町１８８０－５</t>
  </si>
  <si>
    <t>19AA0149</t>
  </si>
  <si>
    <t>そば処　うえ原</t>
  </si>
  <si>
    <t>富山市婦中町分田１４２－５</t>
  </si>
  <si>
    <t>18AD0041</t>
  </si>
  <si>
    <t>梅の花　富山店</t>
  </si>
  <si>
    <t>富山市婦中町速星１２３</t>
  </si>
  <si>
    <t>株式会社　梅の花サービス</t>
  </si>
  <si>
    <t>福岡県久留米市天神町１４６番地</t>
  </si>
  <si>
    <t>19AA0187</t>
  </si>
  <si>
    <t>三菱自動車バス製造（株）食堂</t>
  </si>
  <si>
    <t>富山市婦中町道場１</t>
  </si>
  <si>
    <t>19AA0170</t>
  </si>
  <si>
    <t>北陸コンピューターサービス株式会社　食堂</t>
  </si>
  <si>
    <t>富山市婦中町島本郷４７－４</t>
  </si>
  <si>
    <t>19AA0165</t>
  </si>
  <si>
    <t>カプリチョーザ富山ファボーレ店</t>
  </si>
  <si>
    <t>ファボーレ内１Ｆ</t>
  </si>
  <si>
    <t>19AA0124</t>
  </si>
  <si>
    <t>やまぐち</t>
  </si>
  <si>
    <t>富山市婦中町千里３４０</t>
  </si>
  <si>
    <t>有限会社　山口木材</t>
  </si>
  <si>
    <t>18AA0143</t>
  </si>
  <si>
    <t>はや常</t>
  </si>
  <si>
    <t>富山市婦中町砂子田８１－２８４</t>
  </si>
  <si>
    <t>20AG0015</t>
  </si>
  <si>
    <t>はぎ亭</t>
  </si>
  <si>
    <t>富山市婦中町萩島３１０</t>
  </si>
  <si>
    <t>19AA0154</t>
  </si>
  <si>
    <t>ブラッセリエ</t>
  </si>
  <si>
    <t>富山市婦中町萩島４３３－３</t>
  </si>
  <si>
    <t>19AA0145</t>
  </si>
  <si>
    <t>きく亭</t>
  </si>
  <si>
    <t>富山市婦中町砂子田３８－１０</t>
  </si>
  <si>
    <t>20AA0110</t>
  </si>
  <si>
    <t>はたや鮮魚店</t>
  </si>
  <si>
    <t>富山市婦中町羽根新３７－３</t>
  </si>
  <si>
    <t>19AE0053</t>
  </si>
  <si>
    <t>光楽</t>
  </si>
  <si>
    <t>富山市山田湯７９２－１</t>
  </si>
  <si>
    <t>20AF0013</t>
  </si>
  <si>
    <t>18AA0162</t>
  </si>
  <si>
    <t>山香</t>
  </si>
  <si>
    <t>富山市楡原６５３－１</t>
  </si>
  <si>
    <t>19AA0159</t>
  </si>
  <si>
    <t>割山森林公園　天湖森</t>
  </si>
  <si>
    <t>富山市割山９－１</t>
  </si>
  <si>
    <t>富山県富山市楡原１１７６</t>
  </si>
  <si>
    <t>20AN0046</t>
  </si>
  <si>
    <t>鮨人</t>
  </si>
  <si>
    <t>富山市新根塚町３－５－７</t>
  </si>
  <si>
    <t>20AC0002</t>
  </si>
  <si>
    <t>スナック　かれん</t>
  </si>
  <si>
    <t>富山市布目９５７－１</t>
  </si>
  <si>
    <t>20AI0092</t>
  </si>
  <si>
    <t>セレモニーホール富山</t>
  </si>
  <si>
    <t>富山市西番１５８</t>
  </si>
  <si>
    <t>19AG0003</t>
  </si>
  <si>
    <t>ヤキトリ大吉　布瀬店</t>
  </si>
  <si>
    <t>富山市布瀬町二丁目１６－１０</t>
  </si>
  <si>
    <t>中島ビル１０１</t>
  </si>
  <si>
    <t>20AI0175</t>
  </si>
  <si>
    <t>海鮮居酒屋　ヤットルゾー五條　富山駅前本店</t>
  </si>
  <si>
    <t>富山市新富町一丁目３－９</t>
  </si>
  <si>
    <t>富山市新富町一丁目３－６</t>
  </si>
  <si>
    <t>20AI0096</t>
  </si>
  <si>
    <t>スナック　順子</t>
  </si>
  <si>
    <t>富山市新庄本町一丁目２－５０</t>
  </si>
  <si>
    <t>21AI0074</t>
  </si>
  <si>
    <t>のんちゃん</t>
  </si>
  <si>
    <t>富山市西町６－４</t>
  </si>
  <si>
    <t>河上ビル１Ｆ</t>
  </si>
  <si>
    <t>20AI0244</t>
  </si>
  <si>
    <t>烏帽子小屋</t>
  </si>
  <si>
    <t>富山市有峰字黒部谷割国有林１０８ロ林小班</t>
  </si>
  <si>
    <t>20AF0016</t>
  </si>
  <si>
    <t>利夢仁</t>
  </si>
  <si>
    <t>富山市才覚寺１３６－１</t>
  </si>
  <si>
    <t>21AJ0017</t>
  </si>
  <si>
    <t>山ざわ</t>
  </si>
  <si>
    <t>富山市秋吉新町３－３</t>
  </si>
  <si>
    <t>21AG0001</t>
  </si>
  <si>
    <t>エイト・ラーメン</t>
  </si>
  <si>
    <t>富山市四方荒屋２０３９－６</t>
  </si>
  <si>
    <t>21AA0091</t>
  </si>
  <si>
    <t>富山市大江干１４６－１１</t>
  </si>
  <si>
    <t>21AI0026</t>
  </si>
  <si>
    <t>ぼてやん多奈加　上飯野店</t>
  </si>
  <si>
    <t>富山市上飯野１７－２</t>
  </si>
  <si>
    <t>21AN0013</t>
  </si>
  <si>
    <t>らーめん世界　呉羽店</t>
  </si>
  <si>
    <t>富山市茶屋町向開５６７－３</t>
  </si>
  <si>
    <t>株式会社　翔志</t>
  </si>
  <si>
    <t>石川県白山市田中町２８７－３</t>
  </si>
  <si>
    <t>17AD0038</t>
  </si>
  <si>
    <t>みんなdeよってカフェ</t>
  </si>
  <si>
    <t>富山市水橋辻ケ堂７７７</t>
  </si>
  <si>
    <t>特定非営利活動法人　しおんの家</t>
  </si>
  <si>
    <t>富山県富山市水橋辻ケ堂７７７</t>
  </si>
  <si>
    <t>21AJ0028</t>
  </si>
  <si>
    <t>ディサービス　しおんの家</t>
  </si>
  <si>
    <t>21AA0095</t>
  </si>
  <si>
    <t>黒部五郎小舎</t>
  </si>
  <si>
    <t>富山市有峰黒部谷割国有林１１４イ林小班</t>
  </si>
  <si>
    <t>黒部五郎　有限会社</t>
  </si>
  <si>
    <t>岐阜県高山市下岡本町２９１１－２０</t>
  </si>
  <si>
    <t>20AF0020</t>
  </si>
  <si>
    <t>富山市住吉３９２</t>
  </si>
  <si>
    <t>20AE0057</t>
  </si>
  <si>
    <t>佳子</t>
  </si>
  <si>
    <t>富山市桜町二丁目１－１６</t>
  </si>
  <si>
    <t>21AI0105</t>
  </si>
  <si>
    <t>五所</t>
  </si>
  <si>
    <t>富山市桜町一丁目６－１５</t>
  </si>
  <si>
    <t>21AI0086</t>
  </si>
  <si>
    <t>リバーリトリート雅楽倶　</t>
  </si>
  <si>
    <t>18AF0009</t>
  </si>
  <si>
    <t>かめこ</t>
  </si>
  <si>
    <t>富山市山室２７０－１５</t>
  </si>
  <si>
    <t>21AI0013</t>
  </si>
  <si>
    <t>デイサービス　このゆびとーまれ　向い</t>
  </si>
  <si>
    <t>富山市富岡町３６５</t>
  </si>
  <si>
    <t>21AA0005</t>
  </si>
  <si>
    <t>石坂鮮魚店</t>
  </si>
  <si>
    <t>富山市笹津４８９</t>
  </si>
  <si>
    <t>18AE0079</t>
  </si>
  <si>
    <t>有限会社　両国</t>
  </si>
  <si>
    <t>富山市総曲輪三丁目３－６</t>
  </si>
  <si>
    <t>富山市鵯島８８４</t>
  </si>
  <si>
    <t>20AI0238</t>
  </si>
  <si>
    <t>想奏ホール　沙羅</t>
  </si>
  <si>
    <t>富山市下大久保１８０４</t>
  </si>
  <si>
    <t>有限会社　山本葬儀社</t>
  </si>
  <si>
    <t>富山県富山市下大久保１８２０</t>
  </si>
  <si>
    <t>18AA0131</t>
  </si>
  <si>
    <t>ローソン　富山安田店</t>
  </si>
  <si>
    <t>富山市婦中町安田８３</t>
  </si>
  <si>
    <t>18AN0039</t>
  </si>
  <si>
    <t>高志ライフケアホーム　高志ワークホーム</t>
  </si>
  <si>
    <t>富山市下飯野３６</t>
  </si>
  <si>
    <t>高志リハビリテーション病院内Ｂ１Ｆ</t>
  </si>
  <si>
    <t>東京都港区新橋５－３２－７　Ｆ１ビル</t>
  </si>
  <si>
    <t>18AA0097</t>
  </si>
  <si>
    <t>デイケアハウス　にぎやか</t>
  </si>
  <si>
    <t>富山市綾田町一丁目１０－１８</t>
  </si>
  <si>
    <t>特定非営利活動法人　にぎやか</t>
  </si>
  <si>
    <t>21AA0038</t>
  </si>
  <si>
    <t>魚国総本社・富山２３４６７０</t>
  </si>
  <si>
    <t>富山市千原崎２－４－２３</t>
  </si>
  <si>
    <t>18AA0091</t>
  </si>
  <si>
    <t>富山大学生活協同組合　人間発達科学部附属中学校食堂</t>
  </si>
  <si>
    <t>富山市五艘１３００</t>
  </si>
  <si>
    <t>富山市五福３１９０</t>
  </si>
  <si>
    <t>18AA0165</t>
  </si>
  <si>
    <t>ビッグボーイレストラン　富山今泉店</t>
  </si>
  <si>
    <t>富山市今泉西部町４－１１</t>
  </si>
  <si>
    <t>19AA0002</t>
  </si>
  <si>
    <t>はづき</t>
  </si>
  <si>
    <t>富山市上滝５２９－１</t>
  </si>
  <si>
    <t>18AA0159</t>
  </si>
  <si>
    <t>ローソン　富山大広田店</t>
  </si>
  <si>
    <t>富山市中田二丁目９８－１</t>
  </si>
  <si>
    <t>株式会社　やましろ</t>
  </si>
  <si>
    <t>富山市海岸通１５４</t>
  </si>
  <si>
    <t>19AN0031</t>
  </si>
  <si>
    <t>町子母さんのお店</t>
  </si>
  <si>
    <t>富山市婦中町長沢４５８５－１</t>
  </si>
  <si>
    <t>株式会社　クロス</t>
  </si>
  <si>
    <t>富山県富山市本郷町１３４－１２</t>
  </si>
  <si>
    <t>18AK0013</t>
  </si>
  <si>
    <t>しゃぶしゃぶ温野菜　二口店</t>
  </si>
  <si>
    <t>富山市二口町５－１０－２</t>
  </si>
  <si>
    <t>黒部市宇奈月温泉６３３－１</t>
  </si>
  <si>
    <t>19AA0020</t>
  </si>
  <si>
    <t>ぱんもっく</t>
  </si>
  <si>
    <t>富山市城川原１－１０－２５</t>
  </si>
  <si>
    <t>19AE0032</t>
  </si>
  <si>
    <t>８番らーめん　羽根店</t>
  </si>
  <si>
    <t>富山市羽根流割１０８－１</t>
  </si>
  <si>
    <t>株式会社　フォーシーズンズ</t>
  </si>
  <si>
    <t>高岡市戸出町３－２３－７７</t>
  </si>
  <si>
    <t>18AD0045</t>
  </si>
  <si>
    <t>樹亭</t>
  </si>
  <si>
    <t>富山市婦中町中名１０７８－２</t>
  </si>
  <si>
    <t>18AA0118</t>
  </si>
  <si>
    <t>メモワールしらゆり</t>
  </si>
  <si>
    <t>富山市水橋大正２７６－１</t>
  </si>
  <si>
    <t>株式会社　白岩</t>
  </si>
  <si>
    <t>18AA0076</t>
  </si>
  <si>
    <t>くら寿司　富山婦中店</t>
  </si>
  <si>
    <t>富山市婦中町塚原１１８１</t>
  </si>
  <si>
    <t>くら寿司株式会社</t>
  </si>
  <si>
    <t>大阪府堺市中区深阪１－２－２</t>
  </si>
  <si>
    <t>19AC0014</t>
  </si>
  <si>
    <t>舞膳</t>
  </si>
  <si>
    <t>富山市宝町１－５－１１</t>
  </si>
  <si>
    <t>18AG0010</t>
  </si>
  <si>
    <t>（有）ちんぱんじー</t>
  </si>
  <si>
    <t>富山市山室５－１</t>
  </si>
  <si>
    <t>ラウンドスクエア　１Ｆ</t>
  </si>
  <si>
    <t>有限会社　ちんぱんじー</t>
  </si>
  <si>
    <t>19AE0004</t>
  </si>
  <si>
    <t>旬彩ゆうじ　木村祐二</t>
  </si>
  <si>
    <t>富山市西田地方町２－２－１３</t>
  </si>
  <si>
    <t>18AG0009</t>
  </si>
  <si>
    <t>認定こども園　徳風幼稚園</t>
  </si>
  <si>
    <t>富山市総曲輪２－７－１２</t>
  </si>
  <si>
    <t>徳風幼稚園内食堂</t>
  </si>
  <si>
    <t>18AA0193</t>
  </si>
  <si>
    <t>18AE0054</t>
  </si>
  <si>
    <t>Ｑ’ｚ　ｃａｆｅ　（キューズ　カフェ）</t>
  </si>
  <si>
    <t>富山市牛島町９－２８</t>
  </si>
  <si>
    <t>オーバードホール　２Ｆ</t>
  </si>
  <si>
    <t>18AJ0047</t>
  </si>
  <si>
    <t>石焼ステーキ贅　富山山室店</t>
  </si>
  <si>
    <t>富山市山室３３９－１</t>
  </si>
  <si>
    <t>新潟県三条市石上一丁目４－１２</t>
  </si>
  <si>
    <t>19AA0030</t>
  </si>
  <si>
    <t>とやまケアセンター　そよ風</t>
  </si>
  <si>
    <t>富山市上袋５１８－１</t>
  </si>
  <si>
    <t>株式会社　ＳＯＹＯＫＡＺＥ</t>
  </si>
  <si>
    <t>東京都港区北青山７－１３　プラセオ青山ビル</t>
  </si>
  <si>
    <t>19AA0045</t>
  </si>
  <si>
    <t>かねや</t>
  </si>
  <si>
    <t>富山市堤町通り１－１－２８－１０３</t>
  </si>
  <si>
    <t>19AD0030</t>
  </si>
  <si>
    <t>トラットリア　ヴィバ　ラ　ヴィータ</t>
  </si>
  <si>
    <t>富山市安田町３－１４</t>
  </si>
  <si>
    <t>エンゼルハイツ　１Ｆ</t>
  </si>
  <si>
    <t>18AA0154</t>
  </si>
  <si>
    <t>大戸屋　ごはん処　富山婦中店</t>
  </si>
  <si>
    <t>富山市婦中町下轡田３９４－１</t>
  </si>
  <si>
    <t>株式会社　日本海サービス</t>
  </si>
  <si>
    <t>富山市桜木町１１－２　第一パーキングビル　２Ｆ</t>
  </si>
  <si>
    <t>19AA0128</t>
  </si>
  <si>
    <t>源　富山インター店</t>
  </si>
  <si>
    <t>富山市上袋６３２</t>
  </si>
  <si>
    <t>株式会社　源</t>
  </si>
  <si>
    <t>富山市南央町３７－６</t>
  </si>
  <si>
    <t>19AD0007</t>
  </si>
  <si>
    <t>富山マンテンホテル　くろべ</t>
  </si>
  <si>
    <t>富山市本町２－１７　</t>
  </si>
  <si>
    <t>富山マンテンホテル　２Ｆ</t>
  </si>
  <si>
    <t>富山市本町２－１７</t>
  </si>
  <si>
    <t>18AI0135</t>
  </si>
  <si>
    <t>富山マンテンホテル　辛子家</t>
  </si>
  <si>
    <t>富山マンテンホテル　１Ｆ</t>
  </si>
  <si>
    <t>18AA0119</t>
  </si>
  <si>
    <t>北陸電力㈱神通寮内食堂</t>
  </si>
  <si>
    <t>富山市下タ林３８９</t>
  </si>
  <si>
    <t>富山県富山市八尾町舘本郷１２９８</t>
  </si>
  <si>
    <t>18AA0175</t>
  </si>
  <si>
    <t>社会福祉法人　めぐみ福祉会　めぐみこども園</t>
  </si>
  <si>
    <t>富山市上赤江町１－１２－５</t>
  </si>
  <si>
    <t>日清医療食品　株式会社</t>
  </si>
  <si>
    <t>東京都千代田区丸の内２－７－３　東京ビルディング（２０階）</t>
  </si>
  <si>
    <t>19AA0074</t>
  </si>
  <si>
    <t>ローソン　富山布目店</t>
  </si>
  <si>
    <t>富山市布目２３８４</t>
  </si>
  <si>
    <t>19AE0036</t>
  </si>
  <si>
    <t>魚国総本社・２３４７３０</t>
  </si>
  <si>
    <t>富山市太郎丸１</t>
  </si>
  <si>
    <t>富山高校内</t>
  </si>
  <si>
    <t>20AA0044</t>
  </si>
  <si>
    <t>花みずき</t>
  </si>
  <si>
    <t>富山市稲荷町４－３－１６</t>
  </si>
  <si>
    <t>スタミナフード　株式会社</t>
  </si>
  <si>
    <t>千葉県千葉市中央区浜野町９８５</t>
  </si>
  <si>
    <t>19AA0066</t>
  </si>
  <si>
    <t>コンフォートホテル　富山駅前</t>
  </si>
  <si>
    <t>富山市宝町１－３－２</t>
  </si>
  <si>
    <t>株式会社　グリーンズ</t>
  </si>
  <si>
    <t>三重県四日市市浜田町５－３</t>
  </si>
  <si>
    <t>19AF0013</t>
  </si>
  <si>
    <t>柿里　富山店</t>
  </si>
  <si>
    <t>富山市総曲輪２－２－６</t>
  </si>
  <si>
    <t>石田ビル</t>
  </si>
  <si>
    <t>富山県砺波市高道１１３－４</t>
  </si>
  <si>
    <t>18AA0196</t>
  </si>
  <si>
    <t>すしわーるど　北の森</t>
  </si>
  <si>
    <t>北の森ショッピングプラザ</t>
  </si>
  <si>
    <t>19AE0041</t>
  </si>
  <si>
    <t>雲鶴</t>
  </si>
  <si>
    <t>富山市内幸町７－６</t>
  </si>
  <si>
    <t>桝山Ｂ．　１Ｆ</t>
  </si>
  <si>
    <t>19AG0013</t>
  </si>
  <si>
    <t>ピザ・キャリー　呉羽店</t>
  </si>
  <si>
    <t>富山市茶屋町６３９－１７</t>
  </si>
  <si>
    <t>ハイツ茶屋町</t>
  </si>
  <si>
    <t>有限会社　キャリー富山</t>
  </si>
  <si>
    <t>富山市針原中町５０５－４</t>
  </si>
  <si>
    <t>19AE0068</t>
  </si>
  <si>
    <t>秋吉　大沢野店</t>
  </si>
  <si>
    <t>富山市上大久保１０２６－１</t>
  </si>
  <si>
    <t>株式会社　仁</t>
  </si>
  <si>
    <t>富山県富山市上大久保１０２６－１</t>
  </si>
  <si>
    <t>18AI0145</t>
  </si>
  <si>
    <t>カラオケ本舗　まねきねこ　富山問屋町店</t>
  </si>
  <si>
    <t>富山市問屋町二丁目６－２０</t>
  </si>
  <si>
    <t>株式会社　コシダカ</t>
  </si>
  <si>
    <t>群馬県前橋市大友町１－５－１</t>
  </si>
  <si>
    <t>20AI0082</t>
  </si>
  <si>
    <t>セントラルパークホテル</t>
  </si>
  <si>
    <t>富山市手屋３－１０－２４</t>
  </si>
  <si>
    <t>有限会社　ＳＯＵＲＡ</t>
  </si>
  <si>
    <t>富山県富山市向新庄町５－５－３３</t>
  </si>
  <si>
    <t>19AF0001</t>
  </si>
  <si>
    <t>富山マンテンホテル　万咲</t>
  </si>
  <si>
    <t>富山マンテンホテル　１０Ｆ</t>
  </si>
  <si>
    <t>19AF0010</t>
  </si>
  <si>
    <t>蛇の目寿司</t>
  </si>
  <si>
    <t>富山市奥田本町２－１０</t>
  </si>
  <si>
    <t>19AC0003</t>
  </si>
  <si>
    <t>特別養護老人ホーム　晴風荘</t>
  </si>
  <si>
    <t>富山市水橋辻ケ堂４６６－８</t>
  </si>
  <si>
    <t>富山市上赤江町１ー８ー１３</t>
  </si>
  <si>
    <t>20AA0086</t>
  </si>
  <si>
    <t>洋食ｄａｙ'ｓ</t>
  </si>
  <si>
    <t>富山市婦中町広田４５７１</t>
  </si>
  <si>
    <t>18AA0125</t>
  </si>
  <si>
    <t>（有）サンモア　トントンハウス</t>
  </si>
  <si>
    <t>富山市下大久保２６３－１</t>
  </si>
  <si>
    <t>アルビス大久保店内</t>
  </si>
  <si>
    <t>富山県高岡市蓮花寺５８６－１</t>
  </si>
  <si>
    <t>18AE0075</t>
  </si>
  <si>
    <t>なか卯　富山豊田店</t>
  </si>
  <si>
    <t>富山市豊田町１－１２－２５</t>
  </si>
  <si>
    <t>株式会社　なか卯</t>
  </si>
  <si>
    <t>19AA0099</t>
  </si>
  <si>
    <t>旬菜　鵜坂</t>
  </si>
  <si>
    <t>富山市婦中町下轡田５７０－２</t>
  </si>
  <si>
    <t>19AI0169</t>
  </si>
  <si>
    <t>和洋旬菜　新（あらた）</t>
  </si>
  <si>
    <t>富山市新富町２－４－２２</t>
  </si>
  <si>
    <t>株式会社　万福</t>
  </si>
  <si>
    <t>富山県富山市新富町２－４－２２　５Ｆ</t>
  </si>
  <si>
    <t>19AI0055</t>
  </si>
  <si>
    <t>北日本新聞社　本社　２Ｆ喫茶　（あずみ）</t>
  </si>
  <si>
    <t>富山市安住町２－１４</t>
  </si>
  <si>
    <t>有限会社　たにかわや</t>
  </si>
  <si>
    <t>富山県富山市婦中町西本郷８２－２</t>
  </si>
  <si>
    <t>18AJ0068</t>
  </si>
  <si>
    <t>シェ・タカギ</t>
  </si>
  <si>
    <t>富山市石坂新８６２－３</t>
  </si>
  <si>
    <t>19AE0063</t>
  </si>
  <si>
    <t>喰い呑み処　ぬくぬく</t>
  </si>
  <si>
    <t>富山市古鍛冶町２－１５</t>
  </si>
  <si>
    <t>18AI0128</t>
  </si>
  <si>
    <t>美佐乃</t>
  </si>
  <si>
    <t>富山市総曲輪１－１－１８</t>
  </si>
  <si>
    <t>筧田ビル　１Ｆ</t>
  </si>
  <si>
    <t>19AI0248</t>
  </si>
  <si>
    <t>ローソン　富山城南公園前店</t>
  </si>
  <si>
    <t>富山市太郎丸本町１－１－１</t>
  </si>
  <si>
    <t>19AN0002</t>
  </si>
  <si>
    <t>スターバックスコーヒー　富山総曲輪フェリオ店</t>
  </si>
  <si>
    <t>富山市総曲輪３－８－６</t>
  </si>
  <si>
    <t>総曲輪フェリオ　１Ｆ</t>
  </si>
  <si>
    <t>スターバックスコーヒージャパン　株式会社</t>
  </si>
  <si>
    <t>東京都品川区上大崎２－２５－２</t>
  </si>
  <si>
    <t>18AJ0055</t>
  </si>
  <si>
    <t>茶’ｆｅ茶ＬａＬａ</t>
  </si>
  <si>
    <t>総曲輪フェリオ　２Ｆ</t>
  </si>
  <si>
    <t>射水市黒河３２３５</t>
  </si>
  <si>
    <t>18AA0190</t>
  </si>
  <si>
    <t>キャピタル</t>
  </si>
  <si>
    <t>大和富山店　Ｂ１Ｆ</t>
  </si>
  <si>
    <t>キャピタル　株式会社</t>
  </si>
  <si>
    <t>東京都文京区本駒込６－１－９</t>
  </si>
  <si>
    <t>18AJ0064</t>
  </si>
  <si>
    <t>ＴＨＥ　ＢＵＦＦＥＴ</t>
  </si>
  <si>
    <t>大和富山店　６Ｆ</t>
  </si>
  <si>
    <t>ニラックス　株式会社</t>
  </si>
  <si>
    <t>18AA0160</t>
  </si>
  <si>
    <t>つな八　富山店</t>
  </si>
  <si>
    <t>株式会社　綱八</t>
  </si>
  <si>
    <t>東京都中野区本町３－３０－４　ＫＤＸ中野坂上ビル７階</t>
  </si>
  <si>
    <t>18AA0178</t>
  </si>
  <si>
    <t>浪花鮨</t>
  </si>
  <si>
    <t>有限会社　浪花</t>
  </si>
  <si>
    <t>射水市西新湊１８－１</t>
  </si>
  <si>
    <t>18AC0013</t>
  </si>
  <si>
    <t>麺処　そばの里</t>
  </si>
  <si>
    <t>株式会社　レストランダイワ</t>
  </si>
  <si>
    <t>石川県金沢市香林坊１－１－１</t>
  </si>
  <si>
    <t>18AD0054</t>
  </si>
  <si>
    <t>19AD0037</t>
  </si>
  <si>
    <t>アクロスホール</t>
  </si>
  <si>
    <t>富山市不二越本町１－１－１</t>
  </si>
  <si>
    <t>株式会社　不二越コムサービス</t>
  </si>
  <si>
    <t>富山県富山市不二越本町１－１－１</t>
  </si>
  <si>
    <t>20AA0019</t>
  </si>
  <si>
    <t>不二越迎賓館</t>
  </si>
  <si>
    <t>富山市中市２－７－２３</t>
  </si>
  <si>
    <t>20AA0002</t>
  </si>
  <si>
    <t>剱の湯　ドーミーイン富山</t>
  </si>
  <si>
    <t>富山市大手町４－８</t>
  </si>
  <si>
    <t>東京都千代田区外神田２－１８－８</t>
  </si>
  <si>
    <t>19AF0015</t>
  </si>
  <si>
    <t>香港酒家　富紀（トキ）</t>
  </si>
  <si>
    <t>富山市西町６－１０</t>
  </si>
  <si>
    <t>19AB0012</t>
  </si>
  <si>
    <t>カフェ　モロゾフ</t>
  </si>
  <si>
    <t>大和富山店　３Ｆ</t>
  </si>
  <si>
    <t>モロゾフ　株式会社</t>
  </si>
  <si>
    <t>神戸市東灘区御影本町６－１１－１９</t>
  </si>
  <si>
    <t>18AJ0056</t>
  </si>
  <si>
    <t>とんかつ　花むら　本店</t>
  </si>
  <si>
    <t>18AA0191</t>
  </si>
  <si>
    <t>株式会社　新潟海宝丸</t>
  </si>
  <si>
    <t>柏市若柴６９－１</t>
  </si>
  <si>
    <t>18AE0082</t>
  </si>
  <si>
    <t>牛肉処　壱丁田</t>
  </si>
  <si>
    <t>明治屋産業　株式会社</t>
  </si>
  <si>
    <t>福岡県福岡市博多区博多駅東２－１４－１</t>
  </si>
  <si>
    <t>18AK0020</t>
  </si>
  <si>
    <t>ゑびすや</t>
  </si>
  <si>
    <t>有限会社　ゑびすや</t>
  </si>
  <si>
    <t>富山市月岡東緑町３－１０</t>
  </si>
  <si>
    <t>18AN0063</t>
  </si>
  <si>
    <t>ドンク　富山大和店</t>
  </si>
  <si>
    <t>株式会社　ドンク</t>
  </si>
  <si>
    <t>兵庫県神戸市中央区三宮町２－１０－１９</t>
  </si>
  <si>
    <t>18AE0089</t>
  </si>
  <si>
    <t>つな八</t>
  </si>
  <si>
    <t>19AK0021</t>
  </si>
  <si>
    <t>南国酒家　富山店</t>
  </si>
  <si>
    <t>18AA0186</t>
  </si>
  <si>
    <t>伊藤ハムフードソリューション株式会社</t>
  </si>
  <si>
    <t>伊藤ハムフードソリューション　株式会社</t>
  </si>
  <si>
    <t>東京都目黒区三田１－６－２１</t>
  </si>
  <si>
    <t>18AK0023</t>
  </si>
  <si>
    <t>寿々屋</t>
  </si>
  <si>
    <t>有限会社　寿々屋</t>
  </si>
  <si>
    <t>富山市音羽町１－５－４</t>
  </si>
  <si>
    <t>19AK0019</t>
  </si>
  <si>
    <t>富山市北押川８８１－１</t>
  </si>
  <si>
    <t>19AK0022</t>
  </si>
  <si>
    <t>ラピスの丘</t>
  </si>
  <si>
    <t>富山市新富町２－５－１４</t>
  </si>
  <si>
    <t>野上ビル　１Ｆ</t>
  </si>
  <si>
    <t>19AI0112</t>
  </si>
  <si>
    <t>Ｃａｆｅ　Ｎｏｎ・Ｂｉｒｒｙ</t>
  </si>
  <si>
    <t>富山市新富町２－５－２２</t>
  </si>
  <si>
    <t>19AJ0048</t>
  </si>
  <si>
    <t>Ａｍｉｇｏ　Ｗａｎ</t>
  </si>
  <si>
    <t>富山市悪王寺２１３</t>
  </si>
  <si>
    <t>19AJ0019</t>
  </si>
  <si>
    <t>欧風家庭料理　ダンデリオン</t>
  </si>
  <si>
    <t>富山市綾田町１－３０－２８</t>
  </si>
  <si>
    <t>19AA0062</t>
  </si>
  <si>
    <t>京料理　濱登久</t>
  </si>
  <si>
    <t>株式会社　はんなり</t>
  </si>
  <si>
    <t>富山市西町９－５</t>
  </si>
  <si>
    <t>18AA0177</t>
  </si>
  <si>
    <t>富山市新庄町１－９－５９</t>
  </si>
  <si>
    <t>19AD0013</t>
  </si>
  <si>
    <t>スターバックスコーヒー　富山藤の木店</t>
  </si>
  <si>
    <t>富山市開１３３０</t>
  </si>
  <si>
    <t>19AJ0016</t>
  </si>
  <si>
    <t>あおばホール　ゆうなぎ</t>
  </si>
  <si>
    <t>富山市八尾町舘本郷７８８</t>
  </si>
  <si>
    <t>株式会社　セレモニーあおば</t>
  </si>
  <si>
    <t>富山県富山市八尾町舘本郷７８８</t>
  </si>
  <si>
    <t>20AA0106</t>
  </si>
  <si>
    <t>富山市豊田町１－９－２５</t>
  </si>
  <si>
    <t>19AN0033</t>
  </si>
  <si>
    <t>さかな家　好っちゃん</t>
  </si>
  <si>
    <t>富山市石金３－７－２７</t>
  </si>
  <si>
    <t>19AA0072</t>
  </si>
  <si>
    <t>立山堂餅店</t>
  </si>
  <si>
    <t>富山市大町２８２</t>
  </si>
  <si>
    <t>19AE0011</t>
  </si>
  <si>
    <t>有限会社　カンパーニュ</t>
  </si>
  <si>
    <t>富山市呉羽町１８１８－１５</t>
  </si>
  <si>
    <t>富山県富山市呉羽町１８１８－１５</t>
  </si>
  <si>
    <t>20AE0067</t>
  </si>
  <si>
    <t>くら寿司　富山天正寺店</t>
  </si>
  <si>
    <t>富山市天正寺１０５３</t>
  </si>
  <si>
    <t>19AC0002</t>
  </si>
  <si>
    <t>自家焙煎珈琲店　彩々</t>
  </si>
  <si>
    <t>富山市掛尾町４８－２</t>
  </si>
  <si>
    <t>19AJ0018</t>
  </si>
  <si>
    <t>やきとり大吉　丸の内店</t>
  </si>
  <si>
    <t>富山市丸の内３－２－２</t>
  </si>
  <si>
    <t>19AI0199</t>
  </si>
  <si>
    <t>（有）うす和</t>
  </si>
  <si>
    <t>富山市八尾町西町２３６０</t>
  </si>
  <si>
    <t>有限会社　うす和</t>
  </si>
  <si>
    <t>19AE0049</t>
  </si>
  <si>
    <t>寿司栄　華やぎ</t>
  </si>
  <si>
    <t>富山市太郎丸西町２－７－１</t>
  </si>
  <si>
    <t>19AC0001</t>
  </si>
  <si>
    <t>手作りパン工房　やねのうえのガチョウ</t>
  </si>
  <si>
    <t>富山市呉羽町２１６４－９</t>
  </si>
  <si>
    <t>20AE0068</t>
  </si>
  <si>
    <t>メルシー食堂　quatre （キャトル）</t>
  </si>
  <si>
    <t>富山市西四十物町２－１０</t>
  </si>
  <si>
    <t>20AA0141</t>
  </si>
  <si>
    <t>グループホーム　はなまる岩瀬</t>
  </si>
  <si>
    <t>富山市西宮１－１</t>
  </si>
  <si>
    <t>特定非営利活動法人　はなまる会</t>
  </si>
  <si>
    <t>富山市永久町１５－５２</t>
  </si>
  <si>
    <t>19AA0113</t>
  </si>
  <si>
    <t>すし玉　ファボーレ店</t>
  </si>
  <si>
    <t>石川県金沢市千日町１－５</t>
  </si>
  <si>
    <t>20AC0010</t>
  </si>
  <si>
    <t>李さんの台湾名物屋台</t>
  </si>
  <si>
    <t>五福ショッピングセンターアリス内</t>
  </si>
  <si>
    <t>有限会社　ＲＯＭＡＮＤＯ　ＲＯＬＬ北陸</t>
  </si>
  <si>
    <t>富山県富山市八幡５２３－３</t>
  </si>
  <si>
    <t>20AN0052</t>
  </si>
  <si>
    <t>カラオケスナック　フィーリング</t>
  </si>
  <si>
    <t>富山市西町９－１８</t>
  </si>
  <si>
    <t>有限会社　あたみ荘</t>
  </si>
  <si>
    <t>富山県富山市西町９－１８</t>
  </si>
  <si>
    <t>19AI0215</t>
  </si>
  <si>
    <t>大衆食酒場 餃子の穴</t>
  </si>
  <si>
    <t>19AI0216</t>
  </si>
  <si>
    <t>19AE0019</t>
  </si>
  <si>
    <t>浜岡鮮魚店</t>
  </si>
  <si>
    <t>20AK0013</t>
  </si>
  <si>
    <t>月</t>
  </si>
  <si>
    <t>富山市西町１０－２</t>
  </si>
  <si>
    <t>ヴィガビル１Ｆ</t>
  </si>
  <si>
    <t>19AI0257</t>
  </si>
  <si>
    <t>フランジパニ</t>
  </si>
  <si>
    <t>富山市中央通り二丁目２－１２</t>
  </si>
  <si>
    <t>ロザンビル１，２Ｆ</t>
  </si>
  <si>
    <t>富山県富山市中央通り二丁目２－１２</t>
  </si>
  <si>
    <t>20AA0114</t>
  </si>
  <si>
    <t>食堂　天保</t>
  </si>
  <si>
    <t>富山市岩瀬土場町４５９</t>
  </si>
  <si>
    <t>19AA0101</t>
  </si>
  <si>
    <t>カフェ　ムー</t>
  </si>
  <si>
    <t>富山市古沢２５４</t>
  </si>
  <si>
    <t>富山県富山市古沢２５４</t>
  </si>
  <si>
    <t>18AA0176</t>
  </si>
  <si>
    <t>アプレシオ　豊田店</t>
  </si>
  <si>
    <t>富山市豊田町一丁目１２－２２</t>
  </si>
  <si>
    <t>株式会社　Ｐｒｏｃｅｅｄ</t>
  </si>
  <si>
    <t>富山県富山市天正寺６８</t>
  </si>
  <si>
    <t>20AJ0045</t>
  </si>
  <si>
    <t>21AE0017</t>
  </si>
  <si>
    <t>酒菜家　おあじ　天正寺店</t>
  </si>
  <si>
    <t>富山市秋吉５９－１</t>
  </si>
  <si>
    <t>東京都港区新橋３－２５－１９</t>
  </si>
  <si>
    <t>20AI0020</t>
  </si>
  <si>
    <t>富山県立中央　ビアンモール</t>
  </si>
  <si>
    <t>富山市西長江２－２－７８</t>
  </si>
  <si>
    <t>富山県立中央病院内</t>
  </si>
  <si>
    <t>株式会社　光洋フードサービス</t>
  </si>
  <si>
    <t>神奈川県横浜市金沢区福浦１－５－１</t>
  </si>
  <si>
    <t>19AA0033</t>
  </si>
  <si>
    <t>レストラン　ゼフィール</t>
  </si>
  <si>
    <t>富山市千歳町１－６－１８</t>
  </si>
  <si>
    <t>河口ビル１Ｆ</t>
  </si>
  <si>
    <t>19AA0138</t>
  </si>
  <si>
    <t>富山市米田町１－１３－２１</t>
  </si>
  <si>
    <t>19AE0039</t>
  </si>
  <si>
    <t>ビジネス旅館　日章</t>
  </si>
  <si>
    <t>富山市下赤江町１－１３－３２</t>
  </si>
  <si>
    <t>19AF0003</t>
  </si>
  <si>
    <t>案山子</t>
  </si>
  <si>
    <t>富山市下奥井一丁目－４－２</t>
  </si>
  <si>
    <t>１階</t>
  </si>
  <si>
    <t>20AI0053</t>
  </si>
  <si>
    <t>自家焙煎咖啡　モントール</t>
  </si>
  <si>
    <t>富山市中野新町１－３－３６</t>
  </si>
  <si>
    <t>19AJ0080</t>
  </si>
  <si>
    <t>19AD0019</t>
  </si>
  <si>
    <t>トラットリア　ジュスティーノ</t>
  </si>
  <si>
    <t>富山市星井町３－４－１９</t>
  </si>
  <si>
    <t>19AA0146</t>
  </si>
  <si>
    <t>ルネット</t>
  </si>
  <si>
    <t>富山市新根塚町一丁目１－６２</t>
  </si>
  <si>
    <t>20AE0053</t>
  </si>
  <si>
    <t>ＮＰＯ法人　山田の案山子</t>
  </si>
  <si>
    <t>富山市山田小島２６００</t>
  </si>
  <si>
    <t>特定非営利活動法人　山田の案山子</t>
  </si>
  <si>
    <t>富山県富山市山田小島２６００</t>
  </si>
  <si>
    <t>19AA0123</t>
  </si>
  <si>
    <t>株式会社昔亭　富山工場</t>
  </si>
  <si>
    <t>富山市上冨居一丁目５－８</t>
  </si>
  <si>
    <t>富山市金屋７６７－２７</t>
  </si>
  <si>
    <t>20AE0017</t>
  </si>
  <si>
    <t>料亭　茜月</t>
  </si>
  <si>
    <t>富山市堀川町４５９－２</t>
  </si>
  <si>
    <t>株式会社　丸三茜月</t>
  </si>
  <si>
    <t>富山県富山市堀川町４５９－２</t>
  </si>
  <si>
    <t>19AG0004</t>
  </si>
  <si>
    <t>ベイ　オアシス</t>
  </si>
  <si>
    <t>１５ハウスビル２Ｆ</t>
  </si>
  <si>
    <t>19AI0231</t>
  </si>
  <si>
    <t>なか卯　富山東中野店</t>
  </si>
  <si>
    <t>富山市東中野町二丁目１０－１３</t>
  </si>
  <si>
    <t>20AA0026</t>
  </si>
  <si>
    <t>おやつ村　アピタ富山店</t>
  </si>
  <si>
    <t>富山市上袋１００－１</t>
  </si>
  <si>
    <t>21AN0008</t>
  </si>
  <si>
    <t>旬和席　いちいち　つう</t>
  </si>
  <si>
    <t>エスタ４Ｆ</t>
  </si>
  <si>
    <t>富山地鉄サービス　株式会社</t>
  </si>
  <si>
    <t>富山市桜町１－１－３６</t>
  </si>
  <si>
    <t>20AG0011</t>
  </si>
  <si>
    <t>グラーノグラーノ　富山東店</t>
  </si>
  <si>
    <t>北越フジパンストアー　株式会社</t>
  </si>
  <si>
    <t>愛知県名古屋市瑞穂区松園町１－５０</t>
  </si>
  <si>
    <t>20AE0023</t>
  </si>
  <si>
    <t>米清</t>
  </si>
  <si>
    <t>富山市新富町一丁目３－１９</t>
  </si>
  <si>
    <t>吉田ビル１Ｆ</t>
  </si>
  <si>
    <t>20AI0084</t>
  </si>
  <si>
    <t>快活ＣＬＵＢ　富山掛尾店</t>
  </si>
  <si>
    <t>富山市今泉３８８－１</t>
  </si>
  <si>
    <t>株式会社　快活フロンティア</t>
  </si>
  <si>
    <t>神奈川県横浜市都筑区北山田３－１－５０</t>
  </si>
  <si>
    <t>21AJ0018</t>
  </si>
  <si>
    <t>のみくいどころ　デニーロ</t>
  </si>
  <si>
    <t>富山市石金一丁目１２－２８</t>
  </si>
  <si>
    <t>20AI0078</t>
  </si>
  <si>
    <t>カレーハウス ＣｏＣｏ壱番屋　富山西呉羽店</t>
  </si>
  <si>
    <t>富山市本郷東部１２</t>
  </si>
  <si>
    <t>有限会社　ワーキー</t>
  </si>
  <si>
    <t>富山県高岡市戸出岡御所１０－９</t>
  </si>
  <si>
    <t>19AA0168</t>
  </si>
  <si>
    <t>スターバックスコーヒー　富山環水公園店</t>
  </si>
  <si>
    <t>富山市湊入船町５</t>
  </si>
  <si>
    <t>富山富岩運河環水公園</t>
  </si>
  <si>
    <t>20AJ0020</t>
  </si>
  <si>
    <t>19AE0061</t>
  </si>
  <si>
    <t>大八ラーメン</t>
  </si>
  <si>
    <t>富山市八尾町井田５５３８－１</t>
  </si>
  <si>
    <t>有限会社　北野</t>
  </si>
  <si>
    <t>富山県富山市八尾町井田５５３８－１</t>
  </si>
  <si>
    <t>19AD0033</t>
  </si>
  <si>
    <t>19AE0073</t>
  </si>
  <si>
    <t>（株）川野</t>
  </si>
  <si>
    <t>富山市桜町一丁目１－４</t>
  </si>
  <si>
    <t>シティホール富山３Ｆ</t>
  </si>
  <si>
    <t>20AG0010</t>
  </si>
  <si>
    <t>掛尾シティーホール</t>
  </si>
  <si>
    <t>富山市黒瀬北町二丁目４－２</t>
  </si>
  <si>
    <t>株式会社　京料理　あずま</t>
  </si>
  <si>
    <t>京都府京都市中京区西ノ京南大炊御門町１０</t>
  </si>
  <si>
    <t>20AG0006</t>
  </si>
  <si>
    <t>菜香厨房</t>
  </si>
  <si>
    <t>金森ビル２Ｆ・３Ｆ</t>
  </si>
  <si>
    <t>株式会社　Ｄ３</t>
  </si>
  <si>
    <t>富山県富山市桜木町７－１６</t>
  </si>
  <si>
    <t>20AB0020</t>
  </si>
  <si>
    <t>中華料理　金盛園</t>
  </si>
  <si>
    <t>富山市八木山６１</t>
  </si>
  <si>
    <t>19AB0010</t>
  </si>
  <si>
    <t>芙蓉茶寮　富山店</t>
  </si>
  <si>
    <t>富山市今泉西部町１１－１２</t>
  </si>
  <si>
    <t>21AA0031</t>
  </si>
  <si>
    <t>ホテル　グレース</t>
  </si>
  <si>
    <t>富山市黒崎４１０</t>
  </si>
  <si>
    <t>有限会社　永和</t>
  </si>
  <si>
    <t>富山県富山市二口町４－２－４</t>
  </si>
  <si>
    <t>19AF0002</t>
  </si>
  <si>
    <t>サイゼリヤ　富山上飯野店</t>
  </si>
  <si>
    <t>富山市上飯野３８－１１</t>
  </si>
  <si>
    <t>株式会社　サイゼリヤ</t>
  </si>
  <si>
    <t>埼玉県吉川市旭２－５</t>
  </si>
  <si>
    <t>20AA0061</t>
  </si>
  <si>
    <t>シーフード魚河岸　ファボーレ店</t>
  </si>
  <si>
    <t>有限会社　ジェイズコーポレーション</t>
  </si>
  <si>
    <t>富山市大泉東町１－１０－６</t>
  </si>
  <si>
    <t>20AE0063</t>
  </si>
  <si>
    <t>ステーキ宮　富山黒瀬店</t>
  </si>
  <si>
    <t>富山市黒瀬北町一丁目２－２</t>
  </si>
  <si>
    <t>横浜市西区みなとみらい二丁目２－１</t>
  </si>
  <si>
    <t>21AA0025</t>
  </si>
  <si>
    <t>ラウンジ　十六夜</t>
  </si>
  <si>
    <t>富山市水橋中村町１７７－１</t>
  </si>
  <si>
    <t>19AI0119</t>
  </si>
  <si>
    <t>ホテルクラウンヒルズ富山</t>
  </si>
  <si>
    <t>富山市桜町二丁目４－１１</t>
  </si>
  <si>
    <t>20AF0005</t>
  </si>
  <si>
    <t>レストラン小西</t>
  </si>
  <si>
    <t>富山市堤町通り２－３－１８</t>
  </si>
  <si>
    <t>株式会社　レストラン小西</t>
  </si>
  <si>
    <t>富山県富山市堤町通り２－３－１８</t>
  </si>
  <si>
    <t>19AA0158</t>
  </si>
  <si>
    <t>珈琲処　はせ蔵</t>
  </si>
  <si>
    <t>富山市星井町二丁目７－３９</t>
  </si>
  <si>
    <t>泉ビル１Ｆ</t>
  </si>
  <si>
    <t>有限会社　泉商事</t>
  </si>
  <si>
    <t>富山県富山市星井町２－７－３９</t>
  </si>
  <si>
    <t>20AJ0067</t>
  </si>
  <si>
    <t>一平本店</t>
  </si>
  <si>
    <t>富山市総曲輪２－３－１７</t>
  </si>
  <si>
    <t>19AC0020</t>
  </si>
  <si>
    <t>ばってん</t>
  </si>
  <si>
    <t>富山市奥田新町８－１</t>
  </si>
  <si>
    <t>ボルファート富山１Ｆ</t>
  </si>
  <si>
    <t>20AD0041</t>
  </si>
  <si>
    <t>樹亭南店</t>
  </si>
  <si>
    <t>富山市大町２区２８７－３</t>
  </si>
  <si>
    <t>20AD0011</t>
  </si>
  <si>
    <t>ささ川商店</t>
  </si>
  <si>
    <t>富山市婦中町小倉１１９５－１</t>
  </si>
  <si>
    <t>19AE0065</t>
  </si>
  <si>
    <t>大将軍　桜木町店</t>
  </si>
  <si>
    <t>富山市桜木町１１－１２</t>
  </si>
  <si>
    <t>中央パークビル１Ｆ</t>
  </si>
  <si>
    <t>19AA0220</t>
  </si>
  <si>
    <t>焼肉処　しずか</t>
  </si>
  <si>
    <t>富山市総曲輪二丁目６－３</t>
  </si>
  <si>
    <t>ＫＳビル１Ｆ</t>
  </si>
  <si>
    <t>20AA0159</t>
  </si>
  <si>
    <t>居酒屋　ふる里</t>
  </si>
  <si>
    <t>富山市婦中町長沢４６１４</t>
  </si>
  <si>
    <t>19AI0176</t>
  </si>
  <si>
    <t>ぼてじゃこ　呉羽店</t>
  </si>
  <si>
    <t>富山市茶屋町４６０</t>
  </si>
  <si>
    <t>20AN0054</t>
  </si>
  <si>
    <t>セブン－イレブン　富山二口町４丁目店</t>
  </si>
  <si>
    <t>富山市二口町４－４－１０</t>
  </si>
  <si>
    <t>20AN0007</t>
  </si>
  <si>
    <t>セブン－イレブン　富山堀川本郷店</t>
  </si>
  <si>
    <t>富山市堀１５－１２</t>
  </si>
  <si>
    <t>20AN0013</t>
  </si>
  <si>
    <t>カレーハウスＣｏＣｏ壱番屋　富山山室店</t>
  </si>
  <si>
    <t>富山市山室２２６－２</t>
  </si>
  <si>
    <t>グリーンモール山室１Ｆ</t>
  </si>
  <si>
    <t>愛知県一宮市三ッ井６－１２－２３</t>
  </si>
  <si>
    <t>20AA0010</t>
  </si>
  <si>
    <t>レストラン　大東</t>
  </si>
  <si>
    <t>富山市原５６－２</t>
  </si>
  <si>
    <t>20AA0140</t>
  </si>
  <si>
    <t>蕎麦居酒屋　けやき亭</t>
  </si>
  <si>
    <t>アーバンプレイスビル２Ｆ</t>
  </si>
  <si>
    <t>けやき物産　株式会社</t>
  </si>
  <si>
    <t>富山市星井町１－２－１５</t>
  </si>
  <si>
    <t>20AI0178</t>
  </si>
  <si>
    <t>漫画喫茶　隠れ砦</t>
  </si>
  <si>
    <t>富山市古沢４７５－１</t>
  </si>
  <si>
    <t>20AA0151</t>
  </si>
  <si>
    <t>とんかつ厨房　匠</t>
  </si>
  <si>
    <t>富山市婦中町十五丁５１３</t>
  </si>
  <si>
    <t>20AA0139</t>
  </si>
  <si>
    <t>セブン－イレブン　富山西大沢店</t>
  </si>
  <si>
    <t>富山市西大沢２７６－１</t>
  </si>
  <si>
    <t>19AN0052</t>
  </si>
  <si>
    <t>セブン－イレブン　富山城址公園前店</t>
  </si>
  <si>
    <t>富山市総曲輪二丁目１－１</t>
  </si>
  <si>
    <t>20AN0058</t>
  </si>
  <si>
    <t>セブン－イレブン　富山堀川町店</t>
  </si>
  <si>
    <t>富山市堀川町４５０</t>
  </si>
  <si>
    <t>20AN0012</t>
  </si>
  <si>
    <t>ピザーラ奥田店</t>
  </si>
  <si>
    <t>富山市久方町８－３３</t>
  </si>
  <si>
    <t>株式会社　ベストボンド</t>
  </si>
  <si>
    <t>砺波市庄川町金屋８３９</t>
  </si>
  <si>
    <t>20AE0030</t>
  </si>
  <si>
    <t>金龍寿司</t>
  </si>
  <si>
    <t>富山市北代藤ケ丘４１３９－１６</t>
  </si>
  <si>
    <t>19AC0017</t>
  </si>
  <si>
    <t>コアントロ</t>
  </si>
  <si>
    <t>富山市上大久保１０８１－２</t>
  </si>
  <si>
    <t>19AJ0095</t>
  </si>
  <si>
    <t>廻る富山湾　すし玉</t>
  </si>
  <si>
    <t>富山市掛尾栄町５－８</t>
  </si>
  <si>
    <t>金沢市千日町１－５</t>
  </si>
  <si>
    <t>20AC0003</t>
  </si>
  <si>
    <t>吉輪</t>
  </si>
  <si>
    <t>オアシスコートラリエ１Ｆ</t>
  </si>
  <si>
    <t>19AI0262</t>
  </si>
  <si>
    <t>カフェ　ヴェルデ</t>
  </si>
  <si>
    <t>富山市新根塚町１－１－６２</t>
  </si>
  <si>
    <t>19AJ0084</t>
  </si>
  <si>
    <t>だい人</t>
  </si>
  <si>
    <t>富山市新富町二丁目５－１</t>
  </si>
  <si>
    <t>株式会社　だい人</t>
  </si>
  <si>
    <t>富山県富山市綾田町一丁目２－４６</t>
  </si>
  <si>
    <t>20AI0074</t>
  </si>
  <si>
    <t>ＦＬＡＴ＋（フラット）</t>
  </si>
  <si>
    <t>富山市二口町五丁目１０－６</t>
  </si>
  <si>
    <t>20AI0050</t>
  </si>
  <si>
    <t>北陸地方整備局内　わかば食堂</t>
  </si>
  <si>
    <t>富山市奥田新町２－１</t>
  </si>
  <si>
    <t>21AA0076</t>
  </si>
  <si>
    <t>ひろたこども園</t>
  </si>
  <si>
    <t>富山市鍋田１７－５５</t>
  </si>
  <si>
    <t>21AA0056</t>
  </si>
  <si>
    <t>（有）真野</t>
  </si>
  <si>
    <t>19AE0060</t>
  </si>
  <si>
    <t>レベル　スリー</t>
  </si>
  <si>
    <t>富山市堤町通り一丁目２－３４</t>
  </si>
  <si>
    <t>中央会館Ｂ１Ｆ</t>
  </si>
  <si>
    <t>20AI0207</t>
  </si>
  <si>
    <t>花みずき　弐番館</t>
  </si>
  <si>
    <t>富山市曙町２－２３</t>
  </si>
  <si>
    <t>21AA0040</t>
  </si>
  <si>
    <t>魚国総本社・富山２３４２９１</t>
  </si>
  <si>
    <t>富山市牛島本町二丁目１－５８</t>
  </si>
  <si>
    <t>富山赤十字病院内　外来食堂</t>
  </si>
  <si>
    <t>20AA0111</t>
  </si>
  <si>
    <t>肉の白川</t>
  </si>
  <si>
    <t>株式会社　白川産業</t>
  </si>
  <si>
    <t>小矢部市石動町１－１７</t>
  </si>
  <si>
    <t>20AK0003</t>
  </si>
  <si>
    <t>居酒屋　おしお</t>
  </si>
  <si>
    <t>富山市総曲輪１－４－３</t>
  </si>
  <si>
    <t>桜木町レストタウンビル２Ｆ１７号</t>
  </si>
  <si>
    <t>19AI0239</t>
  </si>
  <si>
    <t>すなっく　友灯</t>
  </si>
  <si>
    <t>富山市桜木町９－４</t>
  </si>
  <si>
    <t>桜木タウンビル２Ｆ　Ｃ－５</t>
  </si>
  <si>
    <t>19AI0254</t>
  </si>
  <si>
    <t>カフェゴッコ</t>
  </si>
  <si>
    <t>富山市今泉西部町１－６</t>
  </si>
  <si>
    <t>とやま健康生きがいセンター１Ｆ</t>
  </si>
  <si>
    <t>20AJ0019</t>
  </si>
  <si>
    <t>スシロー　富山呉羽店</t>
  </si>
  <si>
    <t>富山市呉羽町２４３４－１</t>
  </si>
  <si>
    <t>株式会社　あきんどスシロー</t>
  </si>
  <si>
    <t>大阪府吹田市江坂町１－２２－２</t>
  </si>
  <si>
    <t>20AC0011</t>
  </si>
  <si>
    <t>食の温っため会　東松庵</t>
  </si>
  <si>
    <t>富山市大山北新町１０００－７</t>
  </si>
  <si>
    <t>19AA0164</t>
  </si>
  <si>
    <t>いわなの里</t>
  </si>
  <si>
    <t>富山市八尾町庵谷３４</t>
  </si>
  <si>
    <t>19AA0188</t>
  </si>
  <si>
    <t>上海茶坊</t>
  </si>
  <si>
    <t>富山市八尾町石戸４５</t>
  </si>
  <si>
    <t>20AB0010</t>
  </si>
  <si>
    <t>樂翠亭</t>
  </si>
  <si>
    <t>富山市奥田新町２－２７</t>
  </si>
  <si>
    <t>株式会社　アイザック</t>
  </si>
  <si>
    <t>富山県魚津市大海寺野１１８１</t>
  </si>
  <si>
    <t>21AI0053</t>
  </si>
  <si>
    <t>ラーメンたい風</t>
  </si>
  <si>
    <t>富山市天正寺１０７７</t>
  </si>
  <si>
    <t>株式会社　ビッグウインド</t>
  </si>
  <si>
    <t>富山県富山市天正寺１０７７</t>
  </si>
  <si>
    <t>21AD0002</t>
  </si>
  <si>
    <t>富山大学生活協同組合　工学部食堂</t>
  </si>
  <si>
    <t>20AA0132</t>
  </si>
  <si>
    <t>富山市東岩瀬町１０２</t>
  </si>
  <si>
    <t>富山県富山市東岩瀬町２６９</t>
  </si>
  <si>
    <t>19AA0111</t>
  </si>
  <si>
    <t>ｍｅｉｎｅ</t>
  </si>
  <si>
    <t>富山市桜木町１４－５</t>
  </si>
  <si>
    <t>桜ビル１Ｆ</t>
  </si>
  <si>
    <t>20AI0237</t>
  </si>
  <si>
    <t>餃子の王将　中川原店</t>
  </si>
  <si>
    <t>富山市中川原３７４－３</t>
  </si>
  <si>
    <t>株式会社　王将フードサービス</t>
  </si>
  <si>
    <t>京都府京都市山科区西野山射庭ノ上町２９４－１</t>
  </si>
  <si>
    <t>20AB0005</t>
  </si>
  <si>
    <t>萬や（富山８００さ９３３２）</t>
  </si>
  <si>
    <t>20AM0009</t>
  </si>
  <si>
    <t>Ｗｉｓｈ</t>
  </si>
  <si>
    <t>19AI0237</t>
  </si>
  <si>
    <t>19AE0075</t>
  </si>
  <si>
    <t>まづめ</t>
  </si>
  <si>
    <t>19AI0264</t>
  </si>
  <si>
    <t>華　中国料理</t>
  </si>
  <si>
    <t>富山市桜町一丁目２－４</t>
  </si>
  <si>
    <t>クローバービル１Ｆ</t>
  </si>
  <si>
    <t>東華　株式会社</t>
  </si>
  <si>
    <t>富山県富山市桜町１－２－４　クローバービル１Ｆ</t>
  </si>
  <si>
    <t>20AB0008</t>
  </si>
  <si>
    <t>セブン－イレブン　富山上田島店</t>
  </si>
  <si>
    <t>富山市婦中町上田島２０－１</t>
  </si>
  <si>
    <t>20AN0048</t>
  </si>
  <si>
    <t>Ｇｒａｎｄｅ</t>
  </si>
  <si>
    <t>ヒフティーンハウス　２Ｆ</t>
  </si>
  <si>
    <t>19AI0255</t>
  </si>
  <si>
    <t>麺や居酒屋　羅王</t>
  </si>
  <si>
    <t>富山市中島三丁目６－４３</t>
  </si>
  <si>
    <t>20AD0030</t>
  </si>
  <si>
    <t>サンコー堀川本郷店</t>
  </si>
  <si>
    <t>富山市堀川本郷１５－１２</t>
  </si>
  <si>
    <t>三幸　株式会社</t>
  </si>
  <si>
    <t>富山県高岡市野村１７１１</t>
  </si>
  <si>
    <t>21AE0012</t>
  </si>
  <si>
    <t>株式会社　こばやし</t>
  </si>
  <si>
    <t>富山市布市７４０</t>
  </si>
  <si>
    <t>富山県富山市布市７４０</t>
  </si>
  <si>
    <t>21AE0008</t>
  </si>
  <si>
    <t>ろくでなし</t>
  </si>
  <si>
    <t>桜ビル２Ｆ</t>
  </si>
  <si>
    <t>19AH0013</t>
  </si>
  <si>
    <t>まるたかや号　（富山８００さ９５４４）</t>
  </si>
  <si>
    <t>20AM0008</t>
  </si>
  <si>
    <t>花八尾</t>
  </si>
  <si>
    <t>富山市八尾町諏訪町２６１７－２</t>
  </si>
  <si>
    <t>19AA0175</t>
  </si>
  <si>
    <t>隠れやｃａｆｅ　ふぅ</t>
  </si>
  <si>
    <t>富山市二口町４－３－１３</t>
  </si>
  <si>
    <t>20AJ0008</t>
  </si>
  <si>
    <t>セブン－イレブン　富山豊田本町１丁目店</t>
  </si>
  <si>
    <t>富山市豊田本町一丁目９－３</t>
  </si>
  <si>
    <t>21AN0020</t>
  </si>
  <si>
    <t>川﨑や</t>
  </si>
  <si>
    <t>富山市八尾町西町２２７３</t>
  </si>
  <si>
    <t>19AJ0064</t>
  </si>
  <si>
    <t>ＢＡＲ　ａｎｔａｒｅｓ</t>
  </si>
  <si>
    <t>駅前プラザビル２Ｆ</t>
  </si>
  <si>
    <t>20AI0127</t>
  </si>
  <si>
    <t>スナック　ジョイス</t>
  </si>
  <si>
    <t>富山市中央通り３－２－１６</t>
  </si>
  <si>
    <t>19AI0181</t>
  </si>
  <si>
    <t>カラオケスナック　歌恋</t>
  </si>
  <si>
    <t>富山市内幸町９－２</t>
  </si>
  <si>
    <t>オレンジビル半地下</t>
  </si>
  <si>
    <t>20AI0107</t>
  </si>
  <si>
    <t>八珍楼</t>
  </si>
  <si>
    <t>富山市長附２６１－２</t>
  </si>
  <si>
    <t>20AB0012</t>
  </si>
  <si>
    <t>さじかげん</t>
  </si>
  <si>
    <t>富山市総曲輪一丁目３－９</t>
  </si>
  <si>
    <t>トヤマグリーンビル１Ｆ１０３号</t>
  </si>
  <si>
    <t>セントラルリアルエステイト　株式会社</t>
  </si>
  <si>
    <t>富山県富山市旅篭町１－１５　増田ビル２Ｆ</t>
  </si>
  <si>
    <t>20AI0216</t>
  </si>
  <si>
    <t>富山市東老田１１５６－７</t>
  </si>
  <si>
    <t>20AI0209</t>
  </si>
  <si>
    <t>やきとり大吉　富山店</t>
  </si>
  <si>
    <t>富山市館出町二丁目１－２</t>
  </si>
  <si>
    <t>20AI0057</t>
  </si>
  <si>
    <t>20AD0037</t>
  </si>
  <si>
    <t>富山市岩瀬古志町２１</t>
  </si>
  <si>
    <t>21AA0103</t>
  </si>
  <si>
    <t>Ａｎｎｏ</t>
  </si>
  <si>
    <t>富山市茶屋町１０２５</t>
  </si>
  <si>
    <t>20AJ0085</t>
  </si>
  <si>
    <t>クレープハウス　ＴＯＰ－１</t>
  </si>
  <si>
    <t>富山市大町２区１０</t>
  </si>
  <si>
    <t>20AJ0014</t>
  </si>
  <si>
    <t>スナック　イン　わきざか</t>
  </si>
  <si>
    <t>富山市桜木町１３－１４</t>
  </si>
  <si>
    <t>中央ビル３Ｆ</t>
  </si>
  <si>
    <t>20AI0268</t>
  </si>
  <si>
    <t>日の出屋（富山４８０え８８７２）</t>
  </si>
  <si>
    <t>20AM0005</t>
  </si>
  <si>
    <t>なごなるの家</t>
  </si>
  <si>
    <t>富山市山室２９３－５</t>
  </si>
  <si>
    <t>有限会社　まいけ</t>
  </si>
  <si>
    <t>富山県富山市山室２９３－５</t>
  </si>
  <si>
    <t>20AA0008</t>
  </si>
  <si>
    <t>写楽　山室店</t>
  </si>
  <si>
    <t>富山市太田８０－８</t>
  </si>
  <si>
    <t>株式会社　写楽</t>
  </si>
  <si>
    <t>富山県富山市太田８０－８</t>
  </si>
  <si>
    <t>20AI0035</t>
  </si>
  <si>
    <t>酒菜家　おあじ　布瀬店</t>
  </si>
  <si>
    <t>富山市布瀬町南二丁目１０－１</t>
  </si>
  <si>
    <t>21AI0039</t>
  </si>
  <si>
    <t>グリュッケンべルグ</t>
  </si>
  <si>
    <t>富山市下大久保３１７６－１</t>
  </si>
  <si>
    <t>20AJ0081</t>
  </si>
  <si>
    <t>スナック化身</t>
  </si>
  <si>
    <t>上田ビル　２Ｆ</t>
  </si>
  <si>
    <t>20AI0253</t>
  </si>
  <si>
    <t>喫茶いっぷく８１８</t>
  </si>
  <si>
    <t>富山市天正寺３３１</t>
  </si>
  <si>
    <t>20AJ0013</t>
  </si>
  <si>
    <t>ウ（カネウ）</t>
  </si>
  <si>
    <t>富山市岩瀬天神町４１－９</t>
  </si>
  <si>
    <t>株式会社　宇枝水産</t>
  </si>
  <si>
    <t>富山県富山市岩瀬天神町４１－９</t>
  </si>
  <si>
    <t>20AE0038</t>
  </si>
  <si>
    <t>デイサービス　すまいる</t>
  </si>
  <si>
    <t>富山市上大久保８９３－１</t>
  </si>
  <si>
    <t>株式会社　染屋</t>
  </si>
  <si>
    <t>富山県富山市上大久保８９３－１</t>
  </si>
  <si>
    <t>20AA0154</t>
  </si>
  <si>
    <t>富山市元町２－５－２３</t>
  </si>
  <si>
    <t>20AA0023</t>
  </si>
  <si>
    <t>やきとりＳＡＳＡＫＩ.Ⅱ（富山４８０か２３４１）</t>
  </si>
  <si>
    <t>富山県下一円</t>
  </si>
  <si>
    <t>20AM0004</t>
  </si>
  <si>
    <t>ガーデンテラス</t>
  </si>
  <si>
    <t>富山市有沢１９０－１</t>
  </si>
  <si>
    <t>有限会社　北山ナーセリー</t>
  </si>
  <si>
    <t>富山県富山市有沢１８９</t>
  </si>
  <si>
    <t>20AJ0088</t>
  </si>
  <si>
    <t>喫茶　いつものところ　９０５</t>
  </si>
  <si>
    <t>富山市中老田１３４２－４</t>
  </si>
  <si>
    <t>20AJ0076</t>
  </si>
  <si>
    <t>カラオケスナック　母水</t>
  </si>
  <si>
    <t>富山市西中野町一丁目１２－１８</t>
  </si>
  <si>
    <t>20AI0172</t>
  </si>
  <si>
    <t>薬師岳山荘</t>
  </si>
  <si>
    <t>富山市有峰</t>
  </si>
  <si>
    <t>20AF0018</t>
  </si>
  <si>
    <t>やきとりの名門　秋吉（富山８００す７７）</t>
  </si>
  <si>
    <t>21AM0011</t>
  </si>
  <si>
    <t>吉田魚店</t>
  </si>
  <si>
    <t>富山市婦中町下井沢３３５３</t>
  </si>
  <si>
    <t>20AE0056</t>
  </si>
  <si>
    <t>ＲＥＧＯＬＩＴＨ</t>
  </si>
  <si>
    <t>富山市桜木町５－６</t>
  </si>
  <si>
    <t>20AI0247</t>
  </si>
  <si>
    <t>20AJ0074</t>
  </si>
  <si>
    <t>レストラン　きくち</t>
  </si>
  <si>
    <t>富山市呉羽町２５７５－２０</t>
  </si>
  <si>
    <t>20AG0020</t>
  </si>
  <si>
    <t>鳥平</t>
  </si>
  <si>
    <t>富山市内幸町２－１０</t>
  </si>
  <si>
    <t>松よしビル　１Ｆ　１番</t>
  </si>
  <si>
    <t>21AI0076</t>
  </si>
  <si>
    <t>Ｊｅｌｌｙ’ｓ　</t>
  </si>
  <si>
    <t>富山市荒川新町１－８</t>
  </si>
  <si>
    <t>21AI0047</t>
  </si>
  <si>
    <t>20AN0049</t>
  </si>
  <si>
    <t>中島製茶　和香園</t>
  </si>
  <si>
    <t>富山市稲荷元町二丁目１１－１</t>
  </si>
  <si>
    <t>アピアショッピングセンター　１Ｆ</t>
  </si>
  <si>
    <t>中島製茶　株式会社</t>
  </si>
  <si>
    <t>三重県四日市市追分２－１－１１</t>
  </si>
  <si>
    <t>21AJ0022</t>
  </si>
  <si>
    <t>ホテル　マリブ</t>
  </si>
  <si>
    <t>富山市黒崎５５２</t>
  </si>
  <si>
    <t>株式会社　越中屋</t>
  </si>
  <si>
    <t>富山県富山市黒崎５５２</t>
  </si>
  <si>
    <t>21AF0002</t>
  </si>
  <si>
    <t>デイサービスセンター「ゆとり～な」</t>
  </si>
  <si>
    <t>富山市中間島２－２７－６</t>
  </si>
  <si>
    <t>富山県生活協同組合</t>
  </si>
  <si>
    <t>富山県富山市金屋５５５</t>
  </si>
  <si>
    <t>18AA0030</t>
  </si>
  <si>
    <t>ジェリコの戦い</t>
  </si>
  <si>
    <t>富山市桜町二丁目３－２４</t>
  </si>
  <si>
    <t>富山総合ビル２Ｆ</t>
  </si>
  <si>
    <t>富山県富山市桜町２－３－２４</t>
  </si>
  <si>
    <t>21AI0106</t>
  </si>
  <si>
    <t>カラオケ喫茶　由美</t>
  </si>
  <si>
    <t>富山市今泉４７１－１</t>
  </si>
  <si>
    <t>田村ビル２Ｆ</t>
  </si>
  <si>
    <t>21AI0049</t>
  </si>
  <si>
    <t>居酒屋　矢七</t>
  </si>
  <si>
    <t>富山市中川原２８５</t>
  </si>
  <si>
    <t>21AI0014</t>
  </si>
  <si>
    <t>Ｐ－Ｌａｎｄ（ピーランド）</t>
  </si>
  <si>
    <t>富山市稲荷町四丁目７－１</t>
  </si>
  <si>
    <t>21AJ0012</t>
  </si>
  <si>
    <t>地域密着型複合施設　せいふう</t>
  </si>
  <si>
    <t>富山市水橋辻ケ堂５３５</t>
  </si>
  <si>
    <t>18AA0103</t>
  </si>
  <si>
    <t>旬肴　絆</t>
  </si>
  <si>
    <t>富山市水橋下砂子坂７５４</t>
  </si>
  <si>
    <t>21AI0115</t>
  </si>
  <si>
    <t>らーめん　ひでお屋</t>
  </si>
  <si>
    <t>富山市中田１－１－１７</t>
  </si>
  <si>
    <t>株式会社　山洋</t>
  </si>
  <si>
    <t>富山県富山市開８７－１</t>
  </si>
  <si>
    <t>18AD0032</t>
  </si>
  <si>
    <t>セブン－イレブン　富山下冨居店</t>
  </si>
  <si>
    <t>富山市豊田町１－４－４５</t>
  </si>
  <si>
    <t>株式会社　セブン－イレブン・ジャパン</t>
  </si>
  <si>
    <t>東京都千代田区二番町８－８</t>
  </si>
  <si>
    <t>18AN0027</t>
  </si>
  <si>
    <t>ビストロ　レザン</t>
  </si>
  <si>
    <t>富山市新根塚町１－９－４８　１Ｆ</t>
  </si>
  <si>
    <t>18AA0112</t>
  </si>
  <si>
    <t>（株）マルチョウ神戸屋　北の森店</t>
  </si>
  <si>
    <t>18AK0007</t>
  </si>
  <si>
    <t>５１　シンクエンタウノ</t>
  </si>
  <si>
    <t>富山市荒町５－４</t>
  </si>
  <si>
    <t>寺島ビルⅡ２Ｆ</t>
  </si>
  <si>
    <t>18AI0125</t>
  </si>
  <si>
    <t>Ｂａｒ　Ｋ－ｏｎ</t>
  </si>
  <si>
    <t>富山市総曲輪１－６－１１</t>
  </si>
  <si>
    <t>Ｋｅｌｌｙ　１Ｆ</t>
  </si>
  <si>
    <t>18AI0235</t>
  </si>
  <si>
    <t>松屋　富山婦中店</t>
  </si>
  <si>
    <t>富山市婦中町下轡田４２８－４</t>
  </si>
  <si>
    <t>東京都武蔵野市中町１－１４－５</t>
  </si>
  <si>
    <t>18AA0132</t>
  </si>
  <si>
    <t>ローソン　富山駅北口店</t>
  </si>
  <si>
    <t>富山市牛島町２４－５</t>
  </si>
  <si>
    <t>18AN0054</t>
  </si>
  <si>
    <t>青雲食堂（日産化学青雲寮内）</t>
  </si>
  <si>
    <t>富山市婦中町笹倉６３２－１</t>
  </si>
  <si>
    <t>株式会社　あなぶき社宅サービス</t>
  </si>
  <si>
    <t>香川県高松市紺屋町３－６</t>
  </si>
  <si>
    <t>18AA0156</t>
  </si>
  <si>
    <t>中村食堂</t>
  </si>
  <si>
    <t>富山市堤町通り１－４－１２</t>
  </si>
  <si>
    <t>第二丸和ビル１Ｆ</t>
  </si>
  <si>
    <t>18AI0148</t>
  </si>
  <si>
    <t>磯寿司</t>
  </si>
  <si>
    <t>富山市千石町３－４－８</t>
  </si>
  <si>
    <t>18AC0011</t>
  </si>
  <si>
    <t>Ｂｉｓｔｒｏ割烹つちだ</t>
  </si>
  <si>
    <t>富山市西町９－６</t>
  </si>
  <si>
    <t>18AG0012</t>
  </si>
  <si>
    <t>日本料理　丸の内</t>
  </si>
  <si>
    <t>富山市丸の内二丁目３－３</t>
  </si>
  <si>
    <t>18AG0013</t>
  </si>
  <si>
    <t>ＣＬＵＢ　ＳＥＡ．Ｓｉｄｅ</t>
  </si>
  <si>
    <t>富山市桜木町１２－４</t>
  </si>
  <si>
    <t>株式会社　ＬＯＨＡＳ</t>
  </si>
  <si>
    <t>富山県富山市桜木町１２－１</t>
  </si>
  <si>
    <t>18AH0017</t>
  </si>
  <si>
    <t>ステーキハウスぬきえ</t>
  </si>
  <si>
    <t>富山市下飯野１０－３</t>
  </si>
  <si>
    <t>有限会社　ヌキエ</t>
  </si>
  <si>
    <t>富山県富山市下飯野１０－３</t>
  </si>
  <si>
    <t>18AA0101</t>
  </si>
  <si>
    <t>うな一</t>
  </si>
  <si>
    <t>富山市西番５７２－３</t>
  </si>
  <si>
    <t>19AG0006</t>
  </si>
  <si>
    <t>ハンプティーダンプティー　富山掛尾店</t>
  </si>
  <si>
    <t>富山市掛尾町１１１－１</t>
  </si>
  <si>
    <t>株式会社　マツヤ</t>
  </si>
  <si>
    <t>富山県富山市掛尾町４７５－１</t>
  </si>
  <si>
    <t>19AJ0006</t>
  </si>
  <si>
    <t>食堂　どんぐり</t>
  </si>
  <si>
    <t>富山市舟新８１－１</t>
  </si>
  <si>
    <t>株式会社　フードロード</t>
  </si>
  <si>
    <t>富山県富山市婦中町砂子田８１－１７０</t>
  </si>
  <si>
    <t>18AA0185</t>
  </si>
  <si>
    <t>喫茶　さるくら</t>
  </si>
  <si>
    <t>富山市舟倉４６</t>
  </si>
  <si>
    <t>18AJ0062</t>
  </si>
  <si>
    <t>魚国総本社・富山２３４６７１</t>
  </si>
  <si>
    <t>富山市千原崎２－３９５－３０</t>
  </si>
  <si>
    <t>18AA0094</t>
  </si>
  <si>
    <t>メキシカンレストラン　ＬＡ　Ｙｕｕｋｉ</t>
  </si>
  <si>
    <t>富山市総曲輪３－２－２２</t>
  </si>
  <si>
    <t>総曲輪久郷ビル１Ｆ</t>
  </si>
  <si>
    <t>18AI0214</t>
  </si>
  <si>
    <t>果汁工房　果琳</t>
  </si>
  <si>
    <t>富山市上冨居３－８－３８</t>
  </si>
  <si>
    <t>アピタ富山東１Ｆ</t>
  </si>
  <si>
    <t>株式会社　青木商店</t>
  </si>
  <si>
    <t>福島県郡山市八山田５－４０５</t>
  </si>
  <si>
    <t>19AJ0033</t>
  </si>
  <si>
    <t>松屋　富山下赤江店</t>
  </si>
  <si>
    <t>富山市下赤江町１－１－６９</t>
  </si>
  <si>
    <t>19AA0039</t>
  </si>
  <si>
    <t>ＣＬＵＢ　ｃｏｃｏ</t>
  </si>
  <si>
    <t>富山市桜木町６－１０</t>
  </si>
  <si>
    <t>プレイドールビル１Ｆ</t>
  </si>
  <si>
    <t>株式会社　ＮＳカンパニー</t>
  </si>
  <si>
    <t>富山県富山市桜木町６－１０</t>
  </si>
  <si>
    <t>18AH0015</t>
  </si>
  <si>
    <t>魚国セントラルキッチン</t>
  </si>
  <si>
    <t>富山市西大泉１２－１０</t>
  </si>
  <si>
    <t>19AE0013</t>
  </si>
  <si>
    <t>セブン－イレブン　富山インター南店</t>
  </si>
  <si>
    <t>富山市黒崎字髙木割１４４－１</t>
  </si>
  <si>
    <t>19AN0013</t>
  </si>
  <si>
    <t>Ｔｅｔｅ（テテ）</t>
  </si>
  <si>
    <t>富山市大町１２－２</t>
  </si>
  <si>
    <t>株式会社　ＤＥＣＴ</t>
  </si>
  <si>
    <t>富山県富山市奥田双葉町１－４１</t>
  </si>
  <si>
    <t>19AJ0037</t>
  </si>
  <si>
    <t>酒と和みと肉と野菜／凛－りん－／鶏あえず</t>
  </si>
  <si>
    <t>アミューズ桜ビルＢ１Ｆ</t>
  </si>
  <si>
    <t>アンドモワ　株式会社</t>
  </si>
  <si>
    <t>東京都港区芝浦３－１９－１８　内村芝浦ビル</t>
  </si>
  <si>
    <t>19AI0109</t>
  </si>
  <si>
    <t>鮨一番</t>
  </si>
  <si>
    <t>富山市総曲輪１－１－１４</t>
  </si>
  <si>
    <t>18AC0015</t>
  </si>
  <si>
    <t>ブレッドマーケット</t>
  </si>
  <si>
    <t>富山市堀川小泉町２－３－８</t>
  </si>
  <si>
    <t>19AE0003</t>
  </si>
  <si>
    <t>セブン－イレブン　富山下くつわだ店</t>
  </si>
  <si>
    <t>富山市婦中町下轡田６８２</t>
  </si>
  <si>
    <t>合同会社　セカンドステージ</t>
  </si>
  <si>
    <t>富山県富山市婦中町上田島２０－１</t>
  </si>
  <si>
    <t>18AN0055</t>
  </si>
  <si>
    <t>ローソン　富山藤木店　</t>
  </si>
  <si>
    <t>富山市藤木１９９４</t>
  </si>
  <si>
    <t>株式会社　Ｇ．Ｔ．Ｃ</t>
  </si>
  <si>
    <t>富山県富山市天正寺５１－１</t>
  </si>
  <si>
    <t>19AN0017</t>
  </si>
  <si>
    <t>有料老人ホーム　めぐみ</t>
  </si>
  <si>
    <t>富山市丸の内１－７－８</t>
  </si>
  <si>
    <t>東京都千代田区丸の内２－７－３　</t>
  </si>
  <si>
    <t>18AA0197</t>
  </si>
  <si>
    <t>富山リハビリテーションホーム</t>
  </si>
  <si>
    <t>富山市丸の内３－３－２２</t>
  </si>
  <si>
    <t>18AA0200</t>
  </si>
  <si>
    <t>デイサービス　めぐみ</t>
  </si>
  <si>
    <t>富山市婦中町速星６０９－１</t>
  </si>
  <si>
    <t>18AA0150</t>
  </si>
  <si>
    <t>セブン－イレブン　富山つばめ野店</t>
  </si>
  <si>
    <t>富山市つばめ野一丁目３９</t>
  </si>
  <si>
    <t>18AN0028</t>
  </si>
  <si>
    <t>ケアハウスめぐみ内　富士産業（株）営業所</t>
  </si>
  <si>
    <t>富山市丸の内３－３－２５</t>
  </si>
  <si>
    <t>ケアハウスめぐみ地下１Ｆ</t>
  </si>
  <si>
    <t>東京都港区新橋５－３２－７ＦＩビル</t>
  </si>
  <si>
    <t>18AA0188</t>
  </si>
  <si>
    <t>19AJ0044</t>
  </si>
  <si>
    <t>花音</t>
  </si>
  <si>
    <t>ちぼりビル２Ｆ</t>
  </si>
  <si>
    <t>18AI0207</t>
  </si>
  <si>
    <t>らーめん岩本屋　富山新庄店</t>
  </si>
  <si>
    <t>富山市荒川２－２１－３４</t>
  </si>
  <si>
    <t>カンサプ　株式会社</t>
  </si>
  <si>
    <t>福井県福井市運動公園１丁目１８０１－３</t>
  </si>
  <si>
    <t>19AD0017</t>
  </si>
  <si>
    <t>吉野家　富山本郷新店</t>
  </si>
  <si>
    <t>富山市本郷新１４－５</t>
  </si>
  <si>
    <t>東京都中央区日本橋箱崎町３６－２</t>
  </si>
  <si>
    <t>19AA0027</t>
  </si>
  <si>
    <t>セブン－イレブン　富山北代店</t>
  </si>
  <si>
    <t>富山市北代字布口４８１１－１</t>
  </si>
  <si>
    <t>18AN0059</t>
  </si>
  <si>
    <t>吉野家　富山呉羽店</t>
  </si>
  <si>
    <t>富山市呉羽町７２７５－２</t>
  </si>
  <si>
    <t>18AA0149</t>
  </si>
  <si>
    <t>吉野家　富山豊田町店</t>
  </si>
  <si>
    <t>富山市豊田町２－１２３－１</t>
  </si>
  <si>
    <t>19AA0090</t>
  </si>
  <si>
    <t>九州男児　富山駅前店</t>
  </si>
  <si>
    <t>アミューズ新桜ビル２Ｆ２０４</t>
  </si>
  <si>
    <t>株式会社　ダイニングファクトリー</t>
  </si>
  <si>
    <t>栃木県宇都宮市簗瀬４－１６－１６</t>
  </si>
  <si>
    <t>19AI0114</t>
  </si>
  <si>
    <t>オリオン餃子　富山駅前店</t>
  </si>
  <si>
    <t>アミューズ新桜ビル２Ｆ２０３</t>
  </si>
  <si>
    <t>19AI0115</t>
  </si>
  <si>
    <t>細入みょうが寿しグループ</t>
  </si>
  <si>
    <t>18AE0059</t>
  </si>
  <si>
    <t>アールベルアンジェ富山</t>
  </si>
  <si>
    <t>富山市明輪町１－２３８</t>
  </si>
  <si>
    <t>クレアティーヴ　合同会社</t>
  </si>
  <si>
    <t>富山県富山市明輪町１－２３８</t>
  </si>
  <si>
    <t>19AA0137</t>
  </si>
  <si>
    <t>麺家いろは</t>
  </si>
  <si>
    <t>富山市新富町１－２－３</t>
  </si>
  <si>
    <t>ＣＩＣビルＢ１Ｆ</t>
  </si>
  <si>
    <t>株式会社　天高く</t>
  </si>
  <si>
    <t>富山県射水市戸破１５５５－１</t>
  </si>
  <si>
    <t>19AD0021</t>
  </si>
  <si>
    <t>19AJ0012</t>
  </si>
  <si>
    <t>と・べーぐる</t>
  </si>
  <si>
    <t>富山市平吹町５－１２</t>
  </si>
  <si>
    <t>富山県富山市根塚町１－３－２</t>
  </si>
  <si>
    <t>18AE0053</t>
  </si>
  <si>
    <t>梅香庵</t>
  </si>
  <si>
    <t>Ｂ１Ｆ</t>
  </si>
  <si>
    <t>18AK0018</t>
  </si>
  <si>
    <t>日本料理　和心</t>
  </si>
  <si>
    <t>富山市総曲輪４－８－２２</t>
  </si>
  <si>
    <t>プレミスト総曲輪１Ｆ</t>
  </si>
  <si>
    <t>18AI0206</t>
  </si>
  <si>
    <t>バロー　石坂店</t>
  </si>
  <si>
    <t>富山市石坂５８８－１</t>
  </si>
  <si>
    <t>18AE0067</t>
  </si>
  <si>
    <t>岐阜県多治見市大針町６６１－１</t>
  </si>
  <si>
    <t>18AK0015</t>
  </si>
  <si>
    <t>BAR COMEDOR UNiCO COCINA VASCA ESPAÑOLA</t>
  </si>
  <si>
    <t>富山市内幸町３－２２</t>
  </si>
  <si>
    <t>19AI0071</t>
  </si>
  <si>
    <t>サコージュー金泉寺</t>
  </si>
  <si>
    <t>富山市手屋３－８－３９</t>
  </si>
  <si>
    <t>19AA0077</t>
  </si>
  <si>
    <t>フールケア長江</t>
  </si>
  <si>
    <t>富山市長江新町３－３－３５</t>
  </si>
  <si>
    <t>株式会社　デイダラ</t>
  </si>
  <si>
    <t>富山県富山市山室２２６－２</t>
  </si>
  <si>
    <t>19AA0073</t>
  </si>
  <si>
    <t>長さかい</t>
  </si>
  <si>
    <t>富山市西町３－３</t>
  </si>
  <si>
    <t>18AN0064</t>
  </si>
  <si>
    <t>えどや</t>
  </si>
  <si>
    <t>富山市新富町２－２－１１</t>
  </si>
  <si>
    <t>桑田ビル１Ｆ</t>
  </si>
  <si>
    <t>19AI0088</t>
  </si>
  <si>
    <t>ロックフィールド</t>
  </si>
  <si>
    <t>株式会社　ロック・フィールド</t>
  </si>
  <si>
    <t>神戸市東灘区魚崎浜町１５－２</t>
  </si>
  <si>
    <t>18AK0022</t>
  </si>
  <si>
    <t>スナック　満月</t>
  </si>
  <si>
    <t>富山市桜木町１２－５</t>
  </si>
  <si>
    <t>桜木プラザビル１Ｆ</t>
  </si>
  <si>
    <t>18AI0255</t>
  </si>
  <si>
    <t>とっと家</t>
  </si>
  <si>
    <t>城南地所ビル１ＦテナントＣ</t>
  </si>
  <si>
    <t>19AI0034</t>
  </si>
  <si>
    <t>キッチン花水木</t>
  </si>
  <si>
    <t>富山市南田町１－２－１３</t>
  </si>
  <si>
    <t>19AE0044</t>
  </si>
  <si>
    <t>た羅</t>
  </si>
  <si>
    <t>有限会社　キャラ</t>
  </si>
  <si>
    <t>富山市桜木町１０－３</t>
  </si>
  <si>
    <t>18AI0225</t>
  </si>
  <si>
    <t>由井</t>
  </si>
  <si>
    <t>富山市桜木町１４－６</t>
  </si>
  <si>
    <t>サンナインプラザビル２０１</t>
  </si>
  <si>
    <t>18AI0240</t>
  </si>
  <si>
    <t>セブン－イレブン　富山安野屋店</t>
  </si>
  <si>
    <t>富山市安野屋町２－５－５</t>
  </si>
  <si>
    <t>18AN0048</t>
  </si>
  <si>
    <t>海鮮一</t>
  </si>
  <si>
    <t>富山市堀川町２０６－５</t>
  </si>
  <si>
    <t>コープ富山店</t>
  </si>
  <si>
    <t>19AK0006</t>
  </si>
  <si>
    <t>やきとりの扇屋　富山空港通り店</t>
  </si>
  <si>
    <t>富山市新根塚町２－９－１１</t>
  </si>
  <si>
    <t>東京都新宿区早稲田鶴巻町５１９</t>
  </si>
  <si>
    <t>19AI0033</t>
  </si>
  <si>
    <t>タリーズコーヒー　富山新庄経堂店</t>
  </si>
  <si>
    <t>富山市経堂１２３－４</t>
  </si>
  <si>
    <t>株式会社　明文堂プランナー</t>
  </si>
  <si>
    <t>富山県下新川郡朝日町沼保９０９－２</t>
  </si>
  <si>
    <t>19AJ0026</t>
  </si>
  <si>
    <t>藤右衛門</t>
  </si>
  <si>
    <t>富山市中央通り２－５－１２</t>
  </si>
  <si>
    <t>19AA0131</t>
  </si>
  <si>
    <t>虎千代</t>
  </si>
  <si>
    <t>富山市桜町２－３－３３</t>
  </si>
  <si>
    <t>山本ビル１Ｆ２Ｆ</t>
  </si>
  <si>
    <t>19AD0020</t>
  </si>
  <si>
    <t>はなやか</t>
  </si>
  <si>
    <t>富山市栄町３－２－２９</t>
  </si>
  <si>
    <t>アップルサンショウ内</t>
  </si>
  <si>
    <t>株式会社　ＮＥＸＴ・Ｉ</t>
  </si>
  <si>
    <t>富山県射水市小島３３１２－２</t>
  </si>
  <si>
    <t>19AK0007</t>
  </si>
  <si>
    <t>吉本レディースクリニック</t>
  </si>
  <si>
    <t>富山市羽根５１１</t>
  </si>
  <si>
    <t>Ｔ・Ｍグルメ株式会社</t>
  </si>
  <si>
    <t>富山県富山市婦中町鵜坂５１－４０</t>
  </si>
  <si>
    <t>19AA0153</t>
  </si>
  <si>
    <t>高源製パン所</t>
  </si>
  <si>
    <t>富山市南新町１－２１</t>
  </si>
  <si>
    <t>小松ビル１Ｆ</t>
  </si>
  <si>
    <t>19AE0055</t>
  </si>
  <si>
    <t>焼肉きんぐ　富山豊田店</t>
  </si>
  <si>
    <t>富山市豊田町２－１２－５３</t>
  </si>
  <si>
    <t>愛知県豊橋市西岩田５－７－１１</t>
  </si>
  <si>
    <t>19AA0106</t>
  </si>
  <si>
    <t>ＢＩＳＴＲＯ　ＤＡＮＺＡ</t>
  </si>
  <si>
    <t>富山エクセルホテル東急　１Ｆ</t>
  </si>
  <si>
    <t>19AI0097</t>
  </si>
  <si>
    <t>サイゼリヤ　富山駅前店</t>
  </si>
  <si>
    <t>ＣｉＣビル　４Ｆ</t>
  </si>
  <si>
    <t>19AA0083</t>
  </si>
  <si>
    <t>富山市大泉町２－３－５</t>
  </si>
  <si>
    <t>19AI0028</t>
  </si>
  <si>
    <t>特別養護老人ホーム　白光苑</t>
  </si>
  <si>
    <t>富山市山岸９５</t>
  </si>
  <si>
    <t>19AA0105</t>
  </si>
  <si>
    <t>丸亀製麺　富山豊田町店</t>
  </si>
  <si>
    <t>富山市豊田町２丁目１２－５２</t>
  </si>
  <si>
    <t>東京都渋谷区道玄坂１－２１－１　渋谷ソラスタ１９Ｆ</t>
  </si>
  <si>
    <t>19AD0023</t>
  </si>
  <si>
    <t>日本料理　かわうち</t>
  </si>
  <si>
    <t>富山市清水元町７－７</t>
  </si>
  <si>
    <t>19AG0010</t>
  </si>
  <si>
    <t>ケアグループ　マーガレット</t>
  </si>
  <si>
    <t>富山市小泉町１０－１１－１</t>
  </si>
  <si>
    <t>富山県富山市開６５３－１</t>
  </si>
  <si>
    <t>19AA0019</t>
  </si>
  <si>
    <t>セブン－イレブン　富山四方荒屋店</t>
  </si>
  <si>
    <t>富山市四方荒屋２６００</t>
  </si>
  <si>
    <t>富山石油　株式会社</t>
  </si>
  <si>
    <t>富山市東町１－２－２０</t>
  </si>
  <si>
    <t>19AN0029</t>
  </si>
  <si>
    <t>じんぼ保育園</t>
  </si>
  <si>
    <t>富山市婦中町上吉川４００</t>
  </si>
  <si>
    <t>19AA0178</t>
  </si>
  <si>
    <t>わかくさ保育園　もみじの家</t>
  </si>
  <si>
    <t>富山市町村２１２－８</t>
  </si>
  <si>
    <t>19AA0046</t>
  </si>
  <si>
    <t>デイリーヤマザキ　富山県庁前店</t>
  </si>
  <si>
    <t>富山市安住町７－４</t>
  </si>
  <si>
    <t>山崎製パン　株式会社</t>
  </si>
  <si>
    <t>東京都千代田区岩本町３－１０－１</t>
  </si>
  <si>
    <t>19AN0057</t>
  </si>
  <si>
    <t>器（うつわ）</t>
  </si>
  <si>
    <t>オレンジビルＢ１</t>
  </si>
  <si>
    <t>19AI0103</t>
  </si>
  <si>
    <t>富山市岩瀬赤田町１２－１０</t>
  </si>
  <si>
    <t>19AA0082</t>
  </si>
  <si>
    <t>宅配クック　ワン・ツゥ・スリー　富山店</t>
  </si>
  <si>
    <t>富山市上赤江５６－１１</t>
  </si>
  <si>
    <t>株式会社　なかひこ</t>
  </si>
  <si>
    <t>富山県富山市上赤江５６－１１</t>
  </si>
  <si>
    <t>19AE0023</t>
  </si>
  <si>
    <t>ＢＡＲ中村屋　ＳＩＮＣＥ１９９０</t>
  </si>
  <si>
    <t>富山市桜町２－１－１５</t>
  </si>
  <si>
    <t>ＴＩＯビル２Ｆ</t>
  </si>
  <si>
    <t>19AI0074</t>
  </si>
  <si>
    <t>ボルファートとやま　２Ｆ</t>
  </si>
  <si>
    <t>一般社団法人　富山県労働者福祉事業協会</t>
  </si>
  <si>
    <t>富山県富山市奥田新町８－１</t>
  </si>
  <si>
    <t>19AG0009</t>
  </si>
  <si>
    <t>ボルファートとやま　４Ｆ</t>
  </si>
  <si>
    <t>19AG0008</t>
  </si>
  <si>
    <t>ボルファートとやま　杜里</t>
  </si>
  <si>
    <t>19AA0026</t>
  </si>
  <si>
    <t>ローソン　富山桜橋通り店　</t>
  </si>
  <si>
    <t>富山市桜橋通り４－３２</t>
  </si>
  <si>
    <t>19AN0050</t>
  </si>
  <si>
    <t>19AE0082</t>
  </si>
  <si>
    <t>大山カメリアカントリークラブ</t>
  </si>
  <si>
    <t>富山市東福沢１３０</t>
  </si>
  <si>
    <t>株式会社　市川ゴルフ興業</t>
  </si>
  <si>
    <t>東京都練馬区大泉学園町８－１８－１０</t>
  </si>
  <si>
    <t>19AA0218</t>
  </si>
  <si>
    <t>セブン－イレブン　富山城南公園前店</t>
  </si>
  <si>
    <t>富山市太郎丸本町１－３－１２、３－１３</t>
  </si>
  <si>
    <t>20AN0005</t>
  </si>
  <si>
    <t>社会福祉法人　恵風会　多機能型事業所　このみ</t>
  </si>
  <si>
    <t>富山市婦中町羽根１０６８－１２</t>
  </si>
  <si>
    <t>富山市山田宿坊１－８</t>
  </si>
  <si>
    <t>19AE0050</t>
  </si>
  <si>
    <t>19AN0032</t>
  </si>
  <si>
    <t>桜庵</t>
  </si>
  <si>
    <t>富山市上野４５</t>
  </si>
  <si>
    <t>富山市掛尾町５２２－２－７０４</t>
  </si>
  <si>
    <t>20AG0001</t>
  </si>
  <si>
    <t>喫茶お食事　越州</t>
  </si>
  <si>
    <t>富山市太郎丸本町一丁目７－６</t>
  </si>
  <si>
    <t>20AA0040</t>
  </si>
  <si>
    <t>大山カメリアカントリークラブ　コース売店</t>
  </si>
  <si>
    <t>19AJ0102</t>
  </si>
  <si>
    <t>食の遊び処　婦中の風</t>
  </si>
  <si>
    <t>富山市婦中町速星７４０－２</t>
  </si>
  <si>
    <t>19AI0185</t>
  </si>
  <si>
    <t>輝（キラリ）</t>
  </si>
  <si>
    <t>ヒィフティーンハウスビル２Ｆ１号</t>
  </si>
  <si>
    <t>19AI0211</t>
  </si>
  <si>
    <t>デイリーヤマザキ　富山磯部町店</t>
  </si>
  <si>
    <t>富山市磯部町三丁目２－６</t>
  </si>
  <si>
    <t>19AN0049</t>
  </si>
  <si>
    <t>19AJ0066</t>
  </si>
  <si>
    <t>元祖焼肉どんたく　韓国風居酒屋　コリアン　マチャ</t>
  </si>
  <si>
    <t>ナカマチビル１Ｆ</t>
  </si>
  <si>
    <t>19AA0151</t>
  </si>
  <si>
    <t>桜谷の里</t>
  </si>
  <si>
    <t>富山市石坂新８３０－１</t>
  </si>
  <si>
    <t>19AA0193</t>
  </si>
  <si>
    <t>老人福祉施設　しみずまち敬寿苑</t>
  </si>
  <si>
    <t>富山市清水町二丁目６－２３</t>
  </si>
  <si>
    <t>21AA0085</t>
  </si>
  <si>
    <t>雪の華</t>
  </si>
  <si>
    <t>19AI0276</t>
  </si>
  <si>
    <t>セブン－イレブン　富山太郎丸西町店</t>
  </si>
  <si>
    <t>富山市太郎丸西町２－６－１４</t>
  </si>
  <si>
    <t>20AN0004</t>
  </si>
  <si>
    <t>焼肉蔵　山室店</t>
  </si>
  <si>
    <t>富山市公文名１－３</t>
  </si>
  <si>
    <t>石川県七尾市小丸山台２－１１３</t>
  </si>
  <si>
    <t>20AI0034</t>
  </si>
  <si>
    <t>コリアンスタイル　チング</t>
  </si>
  <si>
    <t>富山市新桜町２－２５</t>
  </si>
  <si>
    <t>クィーンズビル１Ｆ</t>
  </si>
  <si>
    <t>19AA0223</t>
  </si>
  <si>
    <t>らあめん花月嵐　富山新屋店</t>
  </si>
  <si>
    <t>富山市新屋３－６</t>
  </si>
  <si>
    <t>富山県富山市東田地方町一丁目５－５２－２１８アパガーデンプレイス富山</t>
  </si>
  <si>
    <t>20AD0012</t>
  </si>
  <si>
    <t>セブン－イレブン　富山荏原店</t>
  </si>
  <si>
    <t>富山市向新庄２００－２８</t>
  </si>
  <si>
    <t>20AN0011</t>
  </si>
  <si>
    <t>ロマンヤ（浪漫夜）</t>
  </si>
  <si>
    <t>富山市総曲輪１－４－１４</t>
  </si>
  <si>
    <t>第２松本ビル　２Ｆ</t>
  </si>
  <si>
    <t>19AI0247</t>
  </si>
  <si>
    <t>セブン－イレブン　富山速星店</t>
  </si>
  <si>
    <t>富山市婦中町速星７６－４</t>
  </si>
  <si>
    <t>19AN0051</t>
  </si>
  <si>
    <t>中華　天安</t>
  </si>
  <si>
    <t>富山市森三丁目１１－４５</t>
  </si>
  <si>
    <t>20AD0032</t>
  </si>
  <si>
    <t>学校法人全人学園新庄幼稚園内　魚国食堂</t>
  </si>
  <si>
    <t>富山市新庄町１０２</t>
  </si>
  <si>
    <t>新庄幼稚園内食堂</t>
  </si>
  <si>
    <t>20AA0011</t>
  </si>
  <si>
    <t>ＣＯＫＫＩ　ＰＡＮ</t>
  </si>
  <si>
    <t>富山市才覚寺８３７</t>
  </si>
  <si>
    <t>20AE0008</t>
  </si>
  <si>
    <t>梅の花　富山大和店</t>
  </si>
  <si>
    <t>株式会社　古市庵プラス</t>
  </si>
  <si>
    <t>19AE0086</t>
  </si>
  <si>
    <t>サンカレー＆ｃａｒｎｅ</t>
  </si>
  <si>
    <t>富山市千歳町一丁目６－１８</t>
  </si>
  <si>
    <t>株式会社　Ｗｉｎ　Ｗｉｎ</t>
  </si>
  <si>
    <t>富山県富山市千歳町一丁目６－１８　河口ビル１Ｆ</t>
  </si>
  <si>
    <t>19AA0183</t>
  </si>
  <si>
    <t>学校法人　富山国際学園　食堂</t>
  </si>
  <si>
    <t>富山市願海寺水口４４４</t>
  </si>
  <si>
    <t>20AA0128</t>
  </si>
  <si>
    <t>丸亀製麺　富山五福店</t>
  </si>
  <si>
    <t>富山市五福３５１８－３</t>
  </si>
  <si>
    <t>19AD0032</t>
  </si>
  <si>
    <t>イタリアン食堂　Ｒａｄｉｃｅ</t>
  </si>
  <si>
    <t>富山市根塚町３－９－６</t>
  </si>
  <si>
    <t>20AA0003</t>
  </si>
  <si>
    <t>パンドリーム　呉羽店</t>
  </si>
  <si>
    <t>富山市本郷２４５９－７</t>
  </si>
  <si>
    <t>アルビス呉羽本郷店内</t>
  </si>
  <si>
    <t>19AE0070</t>
  </si>
  <si>
    <t>ＢＡＲ　白馬舘</t>
  </si>
  <si>
    <t>富山市太田口通り１－４－１０</t>
  </si>
  <si>
    <t>19AI0143</t>
  </si>
  <si>
    <t>（株）バロー　大沢野店</t>
  </si>
  <si>
    <t>19AK0017</t>
  </si>
  <si>
    <t>バロー　本郷店</t>
  </si>
  <si>
    <t>富山市本郷町５５－１</t>
  </si>
  <si>
    <t>20AK0004</t>
  </si>
  <si>
    <t>バロー　清水町店</t>
  </si>
  <si>
    <t>富山市清水町八丁目１－３</t>
  </si>
  <si>
    <t>20AK0006</t>
  </si>
  <si>
    <t>彩　和の家</t>
  </si>
  <si>
    <t>富山市水橋舘町５５８－１</t>
  </si>
  <si>
    <t>有限会社　寺本工業</t>
  </si>
  <si>
    <t>富山県富山市水橋町１０１３－１</t>
  </si>
  <si>
    <t>20AI0141</t>
  </si>
  <si>
    <t>芙蓉餃子店</t>
  </si>
  <si>
    <t>富山市総曲輪２－７－２０</t>
  </si>
  <si>
    <t>藤ビル２Ｆ</t>
  </si>
  <si>
    <t>19AB0013</t>
  </si>
  <si>
    <t>晴れの日</t>
  </si>
  <si>
    <t>富山市吉作５１－１</t>
  </si>
  <si>
    <t>19AJ0083</t>
  </si>
  <si>
    <t>かえるの楽笑</t>
  </si>
  <si>
    <t>富山市蓮町２－７－１２</t>
  </si>
  <si>
    <t>株式会社　楽笑</t>
  </si>
  <si>
    <t>富山市蓮町２－５－５</t>
  </si>
  <si>
    <t>19AA0084</t>
  </si>
  <si>
    <t>富山なかじま食堂</t>
  </si>
  <si>
    <t>富山市中島１－字流田割３－１０</t>
  </si>
  <si>
    <t>釣屋水産食品　株式会社</t>
  </si>
  <si>
    <t>富山県氷見市南大町２２－１７</t>
  </si>
  <si>
    <t>19AA0085</t>
  </si>
  <si>
    <t>ログセッション（株）</t>
  </si>
  <si>
    <t>富山市中央通り一丁目６－５</t>
  </si>
  <si>
    <t>フロンティアビル１Ｆ</t>
  </si>
  <si>
    <t>ログセッション　株式会社</t>
  </si>
  <si>
    <t>富山県富山市中央通り一丁目６－５</t>
  </si>
  <si>
    <t>20AI0205</t>
  </si>
  <si>
    <t>ローソン　富山婦中新町店</t>
  </si>
  <si>
    <t>富山市婦中町新町２１５－２</t>
  </si>
  <si>
    <t>20AE0049</t>
  </si>
  <si>
    <t>台湾料理　来来来</t>
  </si>
  <si>
    <t>富山市本郷東部１５－２</t>
  </si>
  <si>
    <t>富山県富山市古沢５３０－２</t>
  </si>
  <si>
    <t>20AB0011</t>
  </si>
  <si>
    <t>バロー　窪新店</t>
  </si>
  <si>
    <t>20AK0005</t>
  </si>
  <si>
    <t>是・空　富山今泉店</t>
  </si>
  <si>
    <t>富山市今泉１６５－１</t>
  </si>
  <si>
    <t>20AD0008</t>
  </si>
  <si>
    <t>千里山荘(合掌)</t>
  </si>
  <si>
    <t>富山市婦中町千里５８０２</t>
  </si>
  <si>
    <t>20AG0018</t>
  </si>
  <si>
    <t>サブウェイ　富山黒瀬店</t>
  </si>
  <si>
    <t>富山市黒瀬北町２－２－５</t>
  </si>
  <si>
    <t>株式会社　電陽社</t>
  </si>
  <si>
    <t>富山県砺波市新又１５２－２</t>
  </si>
  <si>
    <t>20AE0012</t>
  </si>
  <si>
    <t>セブン－イレブン　富山古里小学校前店</t>
  </si>
  <si>
    <t>富山市婦中町下邑１６</t>
  </si>
  <si>
    <t>20AN0043</t>
  </si>
  <si>
    <t>どんぐり</t>
  </si>
  <si>
    <t>富山市西中野町一丁目４－１５</t>
  </si>
  <si>
    <t>古宮ハイツ１０１号</t>
  </si>
  <si>
    <t>20AI0166</t>
  </si>
  <si>
    <t>すし居酒屋　大海</t>
  </si>
  <si>
    <t>富山市千石町３－７－２０</t>
  </si>
  <si>
    <t>株式会社　グランドマイスター</t>
  </si>
  <si>
    <t>富山県富山市大江干新町７８</t>
  </si>
  <si>
    <t>19AI0178</t>
  </si>
  <si>
    <t>ドトールコーヒーショップ　富山総曲輪店</t>
  </si>
  <si>
    <t>富山市総曲輪三丁目５－４</t>
  </si>
  <si>
    <t>富山県富山市東田地方町一丁目５－５２アパガーデンプレイス富山２１８号</t>
  </si>
  <si>
    <t>20AJ0091</t>
  </si>
  <si>
    <t>華　餃子</t>
  </si>
  <si>
    <t>富山市豊田町１－１９－１－５</t>
  </si>
  <si>
    <t>19AB0007</t>
  </si>
  <si>
    <t>秀庖</t>
  </si>
  <si>
    <t>富山市本郷中部４７０</t>
  </si>
  <si>
    <t>19AG0025</t>
  </si>
  <si>
    <t>風立ちぬ</t>
  </si>
  <si>
    <t>富山市桜木町９－２５</t>
  </si>
  <si>
    <t>桜木タウンビル２Ｆ</t>
  </si>
  <si>
    <t>19AI0256</t>
  </si>
  <si>
    <t>楓の花</t>
  </si>
  <si>
    <t>富山市水橋恋塚５３－１</t>
  </si>
  <si>
    <t>20AD0024</t>
  </si>
  <si>
    <t>ボルカノ菜園バル</t>
  </si>
  <si>
    <t>富山市秋吉１５４－６</t>
  </si>
  <si>
    <t>20AA0016</t>
  </si>
  <si>
    <t>魚国総本社・富山２３３６１０</t>
  </si>
  <si>
    <t>富山市北代１８９</t>
  </si>
  <si>
    <t>あさひホーム内</t>
  </si>
  <si>
    <t>20AA0153</t>
  </si>
  <si>
    <t>ｏｏｐｓ－ａ－ｄａｉｓｙ</t>
  </si>
  <si>
    <t>富山市赤田７１８－１</t>
  </si>
  <si>
    <t>20AJ0004</t>
  </si>
  <si>
    <t>コミックバスターイグルー富山呉羽店</t>
  </si>
  <si>
    <t>富山市呉羽町６９２７－７</t>
  </si>
  <si>
    <t>株式会社　グラン・ジュテ</t>
  </si>
  <si>
    <t>富山県富山市呉羽町６９２７－７</t>
  </si>
  <si>
    <t>20AJ0086</t>
  </si>
  <si>
    <t>喫茶　フォルテ</t>
  </si>
  <si>
    <t>富山市東老田４８５－１</t>
  </si>
  <si>
    <t>19AJ0090</t>
  </si>
  <si>
    <t>スナック　あき</t>
  </si>
  <si>
    <t>富山市総曲輪１－７－３</t>
  </si>
  <si>
    <t>共和ビル１Ｆ</t>
  </si>
  <si>
    <t>19AI0208</t>
  </si>
  <si>
    <t>やきとりの扇屋　富山赤江店</t>
  </si>
  <si>
    <t>富山市上赤江町一丁目３－５７</t>
  </si>
  <si>
    <t>20AI0070</t>
  </si>
  <si>
    <t>焼肉蔵　根塚店</t>
  </si>
  <si>
    <t>富山市根塚町３－１－１</t>
  </si>
  <si>
    <t>20AI0043</t>
  </si>
  <si>
    <t>焼肉蔵　飯野店</t>
  </si>
  <si>
    <t>富山市飯野１５</t>
  </si>
  <si>
    <t>20AI0085</t>
  </si>
  <si>
    <t>ＣＯＮＶＩＶＩＯ</t>
  </si>
  <si>
    <t>富山市布瀬町一丁目８－１</t>
  </si>
  <si>
    <t>高石ビル２Ｆ</t>
  </si>
  <si>
    <t>20AA0124</t>
  </si>
  <si>
    <t>サンシャインハウス</t>
  </si>
  <si>
    <t>富山市山田小谷中根７０－２</t>
  </si>
  <si>
    <t>19AA0166</t>
  </si>
  <si>
    <t>Ｌｕ．Ｃｏｃｏ　ｄｅ　ｃｈｏｕ</t>
  </si>
  <si>
    <t>富山市羽根８４－２</t>
  </si>
  <si>
    <t>株式会社　ＳＵＲＥＬＹ</t>
  </si>
  <si>
    <t>富山県富山市羽根８４－２</t>
  </si>
  <si>
    <t>20AJ0089</t>
  </si>
  <si>
    <t>すし処　直</t>
  </si>
  <si>
    <t>富山市大手町４－２２</t>
  </si>
  <si>
    <t>20AC0013</t>
  </si>
  <si>
    <t>藤</t>
  </si>
  <si>
    <t>富山市婦中町長沢４６１２</t>
  </si>
  <si>
    <t>19AI0189</t>
  </si>
  <si>
    <t>イタリアンバルＶｉｖａ　富山駅前店</t>
  </si>
  <si>
    <t>富山市桜町一丁目５－２０</t>
  </si>
  <si>
    <t>20AA0057</t>
  </si>
  <si>
    <t>スナックＲＯＳＡ</t>
  </si>
  <si>
    <t>富山市八尾町福島３－８７</t>
  </si>
  <si>
    <t>19AI0183</t>
  </si>
  <si>
    <t>林水産</t>
  </si>
  <si>
    <t>富山市本郷町１６３－１４</t>
  </si>
  <si>
    <t>20AK0001</t>
  </si>
  <si>
    <t>六本木</t>
  </si>
  <si>
    <t>富山市桜木町８－２６</t>
  </si>
  <si>
    <t>サフランビル２Ｆ</t>
  </si>
  <si>
    <t>19AI0182</t>
  </si>
  <si>
    <t>お晩菜　来楽</t>
  </si>
  <si>
    <t>富山市総曲輪一丁目３－２５</t>
  </si>
  <si>
    <t>国際ビル１Ｆ</t>
  </si>
  <si>
    <t>20AI0231</t>
  </si>
  <si>
    <t>琴月</t>
  </si>
  <si>
    <t>富山市総曲輪一丁目４－４</t>
  </si>
  <si>
    <t>グリーンタウン１Ｆ</t>
  </si>
  <si>
    <t>20AI0255</t>
  </si>
  <si>
    <t>19AA0200</t>
  </si>
  <si>
    <t>富山型デイサービス　くわの里</t>
  </si>
  <si>
    <t>富山市桑原６２</t>
  </si>
  <si>
    <t>株式会社　桑の里</t>
  </si>
  <si>
    <t>富山県富山市桑原６２</t>
  </si>
  <si>
    <t>19AA0217</t>
  </si>
  <si>
    <t>魚介ビストロ　ｓａｓａｙａ　ｋｉｔｏｋｉｔｏ</t>
  </si>
  <si>
    <t>富山市総曲輪三丁目２－１３</t>
  </si>
  <si>
    <t>黒沢ビル２Ｆ</t>
  </si>
  <si>
    <t>株式会社　キトキトカンパニー</t>
  </si>
  <si>
    <t>富山市太田口通り１－４－６　ヴィーナスビル１Ｆ</t>
  </si>
  <si>
    <t>20AI0273</t>
  </si>
  <si>
    <t>シャン・ドゥ・フルール</t>
  </si>
  <si>
    <t>富山市豊田４６１－１</t>
  </si>
  <si>
    <t>19AJ0054</t>
  </si>
  <si>
    <t>居酒屋　ちろり</t>
  </si>
  <si>
    <t>レストタウンビル１Ｆ</t>
  </si>
  <si>
    <t>19AI0226</t>
  </si>
  <si>
    <t>富山さかな処　みのり家</t>
  </si>
  <si>
    <t>富山市西町６－１</t>
  </si>
  <si>
    <t>19AG0027</t>
  </si>
  <si>
    <t>おあじ食堂</t>
  </si>
  <si>
    <t>富山市田中町１－３－２２</t>
  </si>
  <si>
    <t>20AA0017</t>
  </si>
  <si>
    <t>Ｒｅｓｔａｕｒａｔｅｕｒ（レストラトゥール）</t>
  </si>
  <si>
    <t>富山市総曲輪三丁目３－１４</t>
  </si>
  <si>
    <t>20AA0160</t>
  </si>
  <si>
    <t>インド料理　タージ・マハール　富山東店</t>
  </si>
  <si>
    <t>富山市綾田町二丁目４－６</t>
  </si>
  <si>
    <t>20AA0056</t>
  </si>
  <si>
    <t>メフォス　０２７９３　号店</t>
  </si>
  <si>
    <t>富山市坂本３１１０　</t>
  </si>
  <si>
    <t>セーナー苑内</t>
  </si>
  <si>
    <t>東京都港区赤坂２－２３－１</t>
  </si>
  <si>
    <t>20AA0150</t>
  </si>
  <si>
    <t>スターバックスコーヒー　マリエとやま店</t>
  </si>
  <si>
    <t>富山市桜町一丁目１－６１</t>
  </si>
  <si>
    <t>20AJ0042</t>
  </si>
  <si>
    <t>メルシーメルシー</t>
  </si>
  <si>
    <t>富山市水橋川原町２５３８</t>
  </si>
  <si>
    <t>20AE0035</t>
  </si>
  <si>
    <t>魚国総本社・富山２３４８３２</t>
  </si>
  <si>
    <t>富山市新庄町二丁目１５－３３　あしたねの森ガンバ保育園</t>
  </si>
  <si>
    <t>21AA0049</t>
  </si>
  <si>
    <t>障害者支援施設　野積園内　富士産業（株）営業所</t>
  </si>
  <si>
    <t>富山市八尾町上ケ島３１３</t>
  </si>
  <si>
    <t>東京都港区新橋５－３２－７</t>
  </si>
  <si>
    <t>20AA0120</t>
  </si>
  <si>
    <t>ポチの家</t>
  </si>
  <si>
    <t>富山市宝町一丁目５－１４</t>
  </si>
  <si>
    <t>アミティ宝　１Ｆ</t>
  </si>
  <si>
    <t>20AI0188</t>
  </si>
  <si>
    <t>白藤幼稚園　食堂</t>
  </si>
  <si>
    <t>富山市中島三丁目３－８４</t>
  </si>
  <si>
    <t>20AA0085</t>
  </si>
  <si>
    <t>新庄さくら保育園</t>
  </si>
  <si>
    <t>富山市新庄銀座二丁目７－１２</t>
  </si>
  <si>
    <t>21AA0055</t>
  </si>
  <si>
    <t>新庄ヒルズⅡ</t>
  </si>
  <si>
    <t>富山市向新庄町四丁目１４－６３４</t>
  </si>
  <si>
    <t>20AA0063</t>
  </si>
  <si>
    <t>麥</t>
  </si>
  <si>
    <t>ウエストハウス１Ｆ</t>
  </si>
  <si>
    <t>19AI0219</t>
  </si>
  <si>
    <t>はま寿司　富山新庄店</t>
  </si>
  <si>
    <t>富山市新庄北町２２－４７</t>
  </si>
  <si>
    <t>20AC0004</t>
  </si>
  <si>
    <t>ひさし</t>
  </si>
  <si>
    <t>富山市総曲輪一丁目８－１</t>
  </si>
  <si>
    <t>チェリーポートビル１Ｆ</t>
  </si>
  <si>
    <t>20AI0240</t>
  </si>
  <si>
    <t>月見</t>
  </si>
  <si>
    <t>富山市桜木町７－２４</t>
  </si>
  <si>
    <t>19AD0044</t>
  </si>
  <si>
    <t>ばろん</t>
  </si>
  <si>
    <t>富山市北代３００－６７</t>
  </si>
  <si>
    <t>19AI0166</t>
  </si>
  <si>
    <t>学校法人晴雲幼稚園内魚国食堂</t>
  </si>
  <si>
    <t>富山市草島３３１</t>
  </si>
  <si>
    <t>晴雲幼稚園内食堂</t>
  </si>
  <si>
    <t>20AA0073</t>
  </si>
  <si>
    <t>20AD0028</t>
  </si>
  <si>
    <t>セブン－イレブン　富山町村１丁目店</t>
  </si>
  <si>
    <t>富山市町村一丁目３３５</t>
  </si>
  <si>
    <t>株式会社　ＴＭＹ</t>
  </si>
  <si>
    <t>富山県富山市町村１－３３５</t>
  </si>
  <si>
    <t>21AN0006</t>
  </si>
  <si>
    <t>茉莉亜茱倶楽部</t>
  </si>
  <si>
    <t>ヒフティーンハウスビル１－１</t>
  </si>
  <si>
    <t>19AI0212</t>
  </si>
  <si>
    <t>えんや</t>
  </si>
  <si>
    <t>富山市奥田寿町１８</t>
  </si>
  <si>
    <t>富山市奥田賃貸店舗２号棟１１７Ａ室</t>
  </si>
  <si>
    <t>有限会社　ピュア・ハウジング</t>
  </si>
  <si>
    <t>富山県富山市中島１－１－８</t>
  </si>
  <si>
    <t>21AA0067</t>
  </si>
  <si>
    <t>ラウンジＵＳＡＧＩ</t>
  </si>
  <si>
    <t>富山市開５３２</t>
  </si>
  <si>
    <t>株式会社　田中工業</t>
  </si>
  <si>
    <t>富山県富山市開５５０－２</t>
  </si>
  <si>
    <t>20AI0068</t>
  </si>
  <si>
    <t>吟魚</t>
  </si>
  <si>
    <t>富山市新富町二丁目１－３</t>
  </si>
  <si>
    <t>20AI0137</t>
  </si>
  <si>
    <t>らーめん　むてっぽう</t>
  </si>
  <si>
    <t>20AD0006</t>
  </si>
  <si>
    <t>居酒屋　もなみ</t>
  </si>
  <si>
    <t>富山市向新庄１－２８－１３</t>
  </si>
  <si>
    <t>20AI0044</t>
  </si>
  <si>
    <t>ローソン　富山奥田町店　</t>
  </si>
  <si>
    <t>富山市奥田町１４－３２</t>
  </si>
  <si>
    <t>有限会社　シーアンドエス</t>
  </si>
  <si>
    <t>富山県富山市天正寺１０８３　カワカミビル８Ｆ</t>
  </si>
  <si>
    <t>21AE0014</t>
  </si>
  <si>
    <t>我ちゃこ家</t>
  </si>
  <si>
    <t>富山市大町１３７－３</t>
  </si>
  <si>
    <t>21AE0011</t>
  </si>
  <si>
    <t>ｃａｆｅ　ｊａｚｚ　る</t>
  </si>
  <si>
    <t>富山市中央通り１－５－１０</t>
  </si>
  <si>
    <t>米三　２Ｆ</t>
  </si>
  <si>
    <t>20AJ0072</t>
  </si>
  <si>
    <t>かもめのジョナコ</t>
  </si>
  <si>
    <t>富山市経堂三丁目１２－１９</t>
  </si>
  <si>
    <t>ＶＩＣＴＯＲＹ経堂Ｂ－２－Ｔ１Ｆ</t>
  </si>
  <si>
    <t>20AJ0038</t>
  </si>
  <si>
    <t>セブン－イレブン　富山藤木店</t>
  </si>
  <si>
    <t>富山市藤木３０５８</t>
  </si>
  <si>
    <t>21AN0007</t>
  </si>
  <si>
    <t>築地　銀だこ</t>
  </si>
  <si>
    <t>株式会社　ホットランド</t>
  </si>
  <si>
    <t>東京都中央区新富１－９－６</t>
  </si>
  <si>
    <t>21AN0018</t>
  </si>
  <si>
    <t>牛角　上飯野店</t>
  </si>
  <si>
    <t>富山市上飯野４１－１５</t>
  </si>
  <si>
    <t>株式会社　ダイニング</t>
  </si>
  <si>
    <t>福井県福井市開発１－２１０</t>
  </si>
  <si>
    <t>21AI0085</t>
  </si>
  <si>
    <t>ｐｏｒ　ｆａｖｏｒ</t>
  </si>
  <si>
    <t>富山市桜木町１２－６</t>
  </si>
  <si>
    <t>西野ビル２Ｆ　１０号室</t>
  </si>
  <si>
    <t>19AI0263</t>
  </si>
  <si>
    <t>Ｂａｒ　Ａｓｔｅｒ</t>
  </si>
  <si>
    <t>松よしビル２Ｆ</t>
  </si>
  <si>
    <t>20AI0058</t>
  </si>
  <si>
    <t>とんかつ旭屋</t>
  </si>
  <si>
    <t>富山市水橋下砂子坂７５４－１</t>
  </si>
  <si>
    <t>20AA0079</t>
  </si>
  <si>
    <t>四六八ちゃ　富山駅前店</t>
  </si>
  <si>
    <t>富山市桜町二丁目１－１０</t>
  </si>
  <si>
    <t>陽光堂ビル地下１階</t>
  </si>
  <si>
    <t>株式会社　四六八ちゃ</t>
  </si>
  <si>
    <t>富山県富山市桜木町７－１１　松本第７ビル１Ｆ</t>
  </si>
  <si>
    <t>21AI0092</t>
  </si>
  <si>
    <t>食彩　活采</t>
  </si>
  <si>
    <t>富山市柳町二丁目３－３５</t>
  </si>
  <si>
    <t>柳町アレン中駒ビル１階</t>
  </si>
  <si>
    <t>21AI0044</t>
  </si>
  <si>
    <t>こっこ通</t>
  </si>
  <si>
    <t>富山市蟹寺字下平１４５－１</t>
  </si>
  <si>
    <t>19AD0035</t>
  </si>
  <si>
    <t>大庵</t>
  </si>
  <si>
    <t>富山市元町一丁目４－３</t>
  </si>
  <si>
    <t>21AD0009</t>
  </si>
  <si>
    <t>ローソン　富山新庄銀座店</t>
  </si>
  <si>
    <t>富山市新庄銀座三丁目５－５８</t>
  </si>
  <si>
    <t>21AN0010</t>
  </si>
  <si>
    <t>グランキオ</t>
  </si>
  <si>
    <t>富山市町村１－１６５</t>
  </si>
  <si>
    <t>21AA0014</t>
  </si>
  <si>
    <t>ベリー・ベリー・ヤミー</t>
  </si>
  <si>
    <t>富山市八尾町松原２５３－３</t>
  </si>
  <si>
    <t>19AJ0072</t>
  </si>
  <si>
    <t>くま茶屋</t>
  </si>
  <si>
    <t>富山市長江五丁目２－８</t>
  </si>
  <si>
    <t>21AG0002</t>
  </si>
  <si>
    <t>風雅堂</t>
  </si>
  <si>
    <t>富山市月岡町六丁目５８８－４</t>
  </si>
  <si>
    <t>21AA0008</t>
  </si>
  <si>
    <t>ＣＨＩＬＬ　ＯＵＴ　＆　ソフトクリーム畑</t>
  </si>
  <si>
    <t>富山市大手町５－１</t>
  </si>
  <si>
    <t>株式会社　ＤＱ　Ｓｏｌｕｔｉｏｎ</t>
  </si>
  <si>
    <t>富山県高岡市木津１３６８－１４</t>
  </si>
  <si>
    <t>20AJ0078</t>
  </si>
  <si>
    <t>アプレシオ　天正寺店</t>
  </si>
  <si>
    <t>富山市天正寺６８</t>
  </si>
  <si>
    <t>21AJ0006</t>
  </si>
  <si>
    <t>ＣＬＵＢ　ＢＩＺＥＬＥ</t>
  </si>
  <si>
    <t>富山市総曲輪一丁目４－３</t>
  </si>
  <si>
    <t>桜木町レストタウンビル　２Ｆ</t>
  </si>
  <si>
    <t>株式会社　第二産業</t>
  </si>
  <si>
    <t>富山県富山市総曲輪１－４－３桜木町レストタウンビル２０８</t>
  </si>
  <si>
    <t>20AH0021</t>
  </si>
  <si>
    <t>スナック茜</t>
  </si>
  <si>
    <t>富山市中島四丁目６－１６</t>
  </si>
  <si>
    <t>20AI0138</t>
  </si>
  <si>
    <t>天ぷら　眞</t>
  </si>
  <si>
    <t>20AI0087</t>
  </si>
  <si>
    <t>スターバックスコーヒー　富山けやき通店</t>
  </si>
  <si>
    <t>富山市布瀬町南三丁目６－７</t>
  </si>
  <si>
    <t>21AJ0004</t>
  </si>
  <si>
    <t>Ａコープウインズ</t>
  </si>
  <si>
    <t>富山市八尾町井田４４７－１</t>
  </si>
  <si>
    <t>株式会社　ＪＡライフ富山</t>
  </si>
  <si>
    <t>富山市吉岡４６８</t>
  </si>
  <si>
    <t>20AE0060</t>
  </si>
  <si>
    <t>杉乃子</t>
  </si>
  <si>
    <t>富山市西長江本町２－２１</t>
  </si>
  <si>
    <t>20AJ0054</t>
  </si>
  <si>
    <t>山内農場</t>
  </si>
  <si>
    <t>富山市掛尾町４７０</t>
  </si>
  <si>
    <t>株式会社　モンテローザフーズ</t>
  </si>
  <si>
    <t>東京都新宿区歌舞伎町１－２１－１</t>
  </si>
  <si>
    <t>21AI0022</t>
  </si>
  <si>
    <t>天下一品</t>
  </si>
  <si>
    <t>富山市掛尾町４６９－１</t>
  </si>
  <si>
    <t>株式会社　棚田事務所</t>
  </si>
  <si>
    <t>富山県富山市掛尾町４７６　三栄ビル１Ｆ</t>
  </si>
  <si>
    <t>20AD0004</t>
  </si>
  <si>
    <t>ｔｈｉｎｋ．ＤＩＹ　ＣＡＦＥ</t>
  </si>
  <si>
    <t>富山市旭町３－６</t>
  </si>
  <si>
    <t>20AJ0036</t>
  </si>
  <si>
    <t>国産はちみつ　花めぐり</t>
  </si>
  <si>
    <t>富山市向川原町３－１３</t>
  </si>
  <si>
    <t>20AJ0095</t>
  </si>
  <si>
    <t>更科</t>
  </si>
  <si>
    <t>富山市諏訪川原２－３－１</t>
  </si>
  <si>
    <t>19AD0029</t>
  </si>
  <si>
    <t>セブン－イレブン　富山西荒屋店</t>
  </si>
  <si>
    <t>富山市西荒屋４８２－１</t>
  </si>
  <si>
    <t>21AN0002</t>
  </si>
  <si>
    <t>魚国総本社・富山２３４８７０</t>
  </si>
  <si>
    <t>富山市富岡町５９０</t>
  </si>
  <si>
    <t>北陸プラントサービス　富岡寮内</t>
  </si>
  <si>
    <t>21AA0020</t>
  </si>
  <si>
    <t>富山市総曲輪１－２－１３</t>
  </si>
  <si>
    <t>ザ・ロイヤルビル２Ｆ</t>
  </si>
  <si>
    <t>19AH0010</t>
  </si>
  <si>
    <t>ホテル森の風立山</t>
  </si>
  <si>
    <t>富山市原３－６</t>
  </si>
  <si>
    <t>ホテル森の風立山２Ｆ</t>
  </si>
  <si>
    <t>株式会社　日本ハウス・ホテル＆リゾート</t>
  </si>
  <si>
    <t>東京都千代田区飯田橋４－３－８</t>
  </si>
  <si>
    <t>20AF0017</t>
  </si>
  <si>
    <t>スナック　なみ</t>
  </si>
  <si>
    <t>富山市桜木町１１－６</t>
  </si>
  <si>
    <t>19AI0227</t>
  </si>
  <si>
    <t>とり翔</t>
  </si>
  <si>
    <t>富山市婦中町速星９８２－３</t>
  </si>
  <si>
    <t>19AI0186</t>
  </si>
  <si>
    <t>Ａｓ　（アース）</t>
  </si>
  <si>
    <t>19AI0230</t>
  </si>
  <si>
    <t>河口珈琲工房</t>
  </si>
  <si>
    <t>富山市太郎丸西町１－８－２</t>
  </si>
  <si>
    <t>20AJ0022</t>
  </si>
  <si>
    <t>Ａｒｔ　ｐａｐｅｒ　ｃａｆｅ　ＢＩＮＧＡＴＡＹＡ</t>
  </si>
  <si>
    <t>富山市総曲輪三丁目８－６</t>
  </si>
  <si>
    <t>総曲輪フェリオ７Ｆ</t>
  </si>
  <si>
    <t>株式会社　エヌ・ビー・シー</t>
  </si>
  <si>
    <t>東京都港区芝２－２８－８　</t>
  </si>
  <si>
    <t>20AJ0079</t>
  </si>
  <si>
    <t>しゃぶ葉　婦中町店</t>
  </si>
  <si>
    <t>富山市婦中町下轡田２１５－１</t>
  </si>
  <si>
    <t>20AA0118</t>
  </si>
  <si>
    <t>古沢食堂　</t>
  </si>
  <si>
    <t>富山市古沢４７７</t>
  </si>
  <si>
    <t>20AA0156</t>
  </si>
  <si>
    <t>20AD0031</t>
  </si>
  <si>
    <t>社会福祉法人　フレンドリー会</t>
  </si>
  <si>
    <t>富山市高木西１１８</t>
  </si>
  <si>
    <t>富山県富山市高木西１１８</t>
  </si>
  <si>
    <t>20AA0127</t>
  </si>
  <si>
    <t>デイサービスセンター　おらとこ</t>
  </si>
  <si>
    <t>富山市上滝８８－７</t>
  </si>
  <si>
    <t>特定非営利活動法人　おらとこ</t>
  </si>
  <si>
    <t>19AA0182</t>
  </si>
  <si>
    <t>ローソン　富山大泉本町二丁目店</t>
  </si>
  <si>
    <t>富山市大泉本町二丁目５－３</t>
  </si>
  <si>
    <t>21AE0010</t>
  </si>
  <si>
    <t>ＡＭＡＺＥ</t>
  </si>
  <si>
    <t>富山市桜木町１２－８</t>
  </si>
  <si>
    <t>１７番街ビル３０１</t>
  </si>
  <si>
    <t>20AI0270</t>
  </si>
  <si>
    <t>ｖｅｇｅ＆ｂａｒ　シンバル</t>
  </si>
  <si>
    <t>富山市一番町４－２６</t>
  </si>
  <si>
    <t>19AI0238</t>
  </si>
  <si>
    <t>居酒屋　よしもと</t>
  </si>
  <si>
    <t>富山市泉町一丁目４－１１</t>
  </si>
  <si>
    <t>20AI0054</t>
  </si>
  <si>
    <t>風の北前や</t>
  </si>
  <si>
    <t>富山市新富町二丁目２－９</t>
  </si>
  <si>
    <t>21AI0097</t>
  </si>
  <si>
    <t>コメダ珈琲店　富山呉羽店</t>
  </si>
  <si>
    <t>富山市呉羽町草田２４２５－３</t>
  </si>
  <si>
    <t>株式会社　山河</t>
  </si>
  <si>
    <t>富山県富山市掛尾町２７－１</t>
  </si>
  <si>
    <t>19AJ0091</t>
  </si>
  <si>
    <t>小馬</t>
  </si>
  <si>
    <t>富山市桜町一丁目７－２３</t>
  </si>
  <si>
    <t>平岡ビル２Ｆ</t>
  </si>
  <si>
    <t>20AA0067</t>
  </si>
  <si>
    <t>快活ＣＬＵＢ　富山荒川店</t>
  </si>
  <si>
    <t>富山市荒川二丁目１５－３２</t>
  </si>
  <si>
    <t>21AN0012</t>
  </si>
  <si>
    <t>居酒屋　風太郎</t>
  </si>
  <si>
    <t>富山市堀川町１７６－８</t>
  </si>
  <si>
    <t>21AI0012</t>
  </si>
  <si>
    <t>ＳＮＡＣ　ｘ　ｃｒａｇ　クラッグ</t>
  </si>
  <si>
    <t>21AI0050</t>
  </si>
  <si>
    <t>おじいちゃんちのサロン『長谷部』</t>
  </si>
  <si>
    <t>富山市田中町４－１０－１</t>
  </si>
  <si>
    <t>20AJ0016</t>
  </si>
  <si>
    <t>お好み焼き　ふうげつ</t>
  </si>
  <si>
    <t>富山市城川原三丁目３－４０</t>
  </si>
  <si>
    <t>21AN0023</t>
  </si>
  <si>
    <t>ＦＡＮＴＩＮＩ</t>
  </si>
  <si>
    <t>一般社団法人ＦＲＥＥＤＯＭ</t>
  </si>
  <si>
    <t>富山県富山市石金１－９－１４</t>
  </si>
  <si>
    <t>20AJ0069</t>
  </si>
  <si>
    <t>憩いサロン百恵</t>
  </si>
  <si>
    <t>富山市藤木５５３－４</t>
  </si>
  <si>
    <t>20AJ0027</t>
  </si>
  <si>
    <t>21AG0010</t>
  </si>
  <si>
    <t>大吉　速星店</t>
  </si>
  <si>
    <t>富山市婦中町速星１００４－３</t>
  </si>
  <si>
    <t>20AI0185</t>
  </si>
  <si>
    <t>あら田</t>
  </si>
  <si>
    <t>富山市八尾町新田５００１－４</t>
  </si>
  <si>
    <t>20AI0171</t>
  </si>
  <si>
    <t>はなまるうどん富山天正寺店</t>
  </si>
  <si>
    <t>富山市天正寺１０５０</t>
  </si>
  <si>
    <t>株式会社はなまる</t>
  </si>
  <si>
    <t>21AD0003</t>
  </si>
  <si>
    <t>フィリピン　スナック＆レストラン</t>
  </si>
  <si>
    <t>富山市大島２－４２</t>
  </si>
  <si>
    <t>20AJ0023</t>
  </si>
  <si>
    <t>Ｓｍｉｌｅ</t>
  </si>
  <si>
    <t>富山市桜木町７－２７</t>
  </si>
  <si>
    <t>甲ビル１Ｆ</t>
  </si>
  <si>
    <t>20AI0230</t>
  </si>
  <si>
    <t>Ｐｓｙｃｈｏ　Ｊｅｌｌｙ</t>
  </si>
  <si>
    <t>西村ビル　１階</t>
  </si>
  <si>
    <t>20AI0071</t>
  </si>
  <si>
    <t>あらさん</t>
  </si>
  <si>
    <t>ｃｉｃビル　地下１階</t>
  </si>
  <si>
    <t>20AI0083</t>
  </si>
  <si>
    <t>スーパーＵＳＡ　富山店　</t>
  </si>
  <si>
    <t>富山市下熊野２２３－１</t>
  </si>
  <si>
    <t>Ａ．Ｐ．Ｃ　株式会社</t>
  </si>
  <si>
    <t>福井県福井市問屋町４－７０５</t>
  </si>
  <si>
    <t>20AN0016</t>
  </si>
  <si>
    <t>ハムザレストラン</t>
  </si>
  <si>
    <t>富山市水橋小路５０３－１</t>
  </si>
  <si>
    <t>20AA0094</t>
  </si>
  <si>
    <t>魚貝バルＵＭＩＹＡＭＡ</t>
  </si>
  <si>
    <t>富山市桜町一丁目７－２５</t>
  </si>
  <si>
    <t>株式会社　優翔</t>
  </si>
  <si>
    <t>富山県射水市赤井８８－３４</t>
  </si>
  <si>
    <t>21AI0082</t>
  </si>
  <si>
    <t>金泉別館</t>
  </si>
  <si>
    <t>富山県富山市本町８－１</t>
  </si>
  <si>
    <t>20AI0051</t>
  </si>
  <si>
    <t>八兆屋駅の蔵　富山駅店</t>
  </si>
  <si>
    <t>富山市明輪町１－２３０</t>
  </si>
  <si>
    <t>クラルテ２Ｆ</t>
  </si>
  <si>
    <t>株式会社　ハチバン</t>
  </si>
  <si>
    <t>石川県金沢市新神田１－１２－１８</t>
  </si>
  <si>
    <t>20AA0131</t>
  </si>
  <si>
    <t>檸檬れもん</t>
  </si>
  <si>
    <t>富山市長附４４７－４</t>
  </si>
  <si>
    <t>20AI0211</t>
  </si>
  <si>
    <t>割烹「一力」</t>
  </si>
  <si>
    <t>富山市八尾町西町２３１４</t>
  </si>
  <si>
    <t>20AG0022</t>
  </si>
  <si>
    <t>喫茶　勘解由</t>
  </si>
  <si>
    <t>富山市公文名３８－１</t>
  </si>
  <si>
    <t>中川ビル１Ｆ</t>
  </si>
  <si>
    <t>20AJ0007</t>
  </si>
  <si>
    <t>マブハイ</t>
  </si>
  <si>
    <t>桜木プラザ　１Ｆ</t>
  </si>
  <si>
    <t>20AI0224</t>
  </si>
  <si>
    <t>焼肉 牛若</t>
  </si>
  <si>
    <t>富山市根塚町三丁目９－１３</t>
  </si>
  <si>
    <t>株式会社　タカムラ</t>
  </si>
  <si>
    <t>富山県富山市布瀬町南１－１７－４</t>
  </si>
  <si>
    <t>21AI0031</t>
  </si>
  <si>
    <t>Ｌｅ　Ｇｌｏｕｔｏｎ</t>
  </si>
  <si>
    <t>富山市総曲輪二丁目６－４</t>
  </si>
  <si>
    <t>20AI0201</t>
  </si>
  <si>
    <t>かつや　上飯野店</t>
  </si>
  <si>
    <t>富山市上飯野３９－２</t>
  </si>
  <si>
    <t>株式会社　Ｗ２</t>
  </si>
  <si>
    <t>富山県富山市二口町五丁目１０－１</t>
  </si>
  <si>
    <t>21AA0084</t>
  </si>
  <si>
    <t>富山酒場　情熱ホルモン</t>
  </si>
  <si>
    <t>富山市中川原１９８－１</t>
  </si>
  <si>
    <t>21AA0013</t>
  </si>
  <si>
    <t>カフェ・バンカレラ富山インター店</t>
  </si>
  <si>
    <t>富山市黒崎５０－１</t>
  </si>
  <si>
    <t>東京都江東区深川２－８－１９</t>
  </si>
  <si>
    <t>21AJ0019</t>
  </si>
  <si>
    <t>Ｖｏｃｅ（ボーチェ）</t>
  </si>
  <si>
    <t>20AJ0035</t>
  </si>
  <si>
    <t>宝屋</t>
  </si>
  <si>
    <t>富山市大町２８７－３</t>
  </si>
  <si>
    <t>21AI0058</t>
  </si>
  <si>
    <t>シニアレジデンス　ビルト</t>
  </si>
  <si>
    <t>富山市館出町二丁目４－４</t>
  </si>
  <si>
    <t>21AA0080</t>
  </si>
  <si>
    <t>ローソン　富山新庄町南店</t>
  </si>
  <si>
    <t>富山市新庄町３０－２</t>
  </si>
  <si>
    <t>21AE0019</t>
  </si>
  <si>
    <t>ギャラリーカフェ遊さん</t>
  </si>
  <si>
    <t>富山市月岡西緑町２５－６</t>
  </si>
  <si>
    <t>21AJ0001</t>
  </si>
  <si>
    <t>ホテル森の風立山　森のいおり</t>
  </si>
  <si>
    <t>ホテル森の風立山　別邸四季彩</t>
  </si>
  <si>
    <t>20AJ0082</t>
  </si>
  <si>
    <t>両国ゃ</t>
  </si>
  <si>
    <t>富山市婦中町板倉４５７－１</t>
  </si>
  <si>
    <t>20AI0199</t>
  </si>
  <si>
    <t>台湾料理　味鮮家</t>
  </si>
  <si>
    <t>富山市八尾町井田５７８－１</t>
  </si>
  <si>
    <t>ハートピア１Ｆ</t>
  </si>
  <si>
    <t>株式会社　興龍</t>
  </si>
  <si>
    <t>富山県富山市八尾町井田５７８－１</t>
  </si>
  <si>
    <t>20AB0015</t>
  </si>
  <si>
    <t>割烹　丸庄本田</t>
  </si>
  <si>
    <t>富山市白銀町５－１</t>
  </si>
  <si>
    <t>株式会社　丸庄本田</t>
  </si>
  <si>
    <t>20AG0016</t>
  </si>
  <si>
    <t>ＯＲ　ＢＡＲ</t>
  </si>
  <si>
    <t>富山市総曲輪三丁目３－５</t>
  </si>
  <si>
    <t>20AI0228</t>
  </si>
  <si>
    <t>風まかせ</t>
  </si>
  <si>
    <t>富山市八尾町上新町２６９１－１</t>
  </si>
  <si>
    <t>20AI0186</t>
  </si>
  <si>
    <t>お食事処　あぽろ</t>
  </si>
  <si>
    <t>富山市婦中町速星８７７－４</t>
  </si>
  <si>
    <t>20AA0129</t>
  </si>
  <si>
    <t>古民家カフェ「アメリ」</t>
  </si>
  <si>
    <t>富山市古沢１９４</t>
  </si>
  <si>
    <t>20AJ0066</t>
  </si>
  <si>
    <t>Ｕ．Ｓ　ｓｔｏｒｅ　Ｇｏｏｎｉｅｓ</t>
  </si>
  <si>
    <t>富山市下冨居二丁目１－３４</t>
  </si>
  <si>
    <t>20AA0075</t>
  </si>
  <si>
    <t>ＣＡＦＥ　ＲＩＭＯ　ＴＡＩＬ</t>
  </si>
  <si>
    <t>富山市加納３７９－３</t>
  </si>
  <si>
    <t>20AJ0064</t>
  </si>
  <si>
    <t>ローソン　富山西公文名店</t>
  </si>
  <si>
    <t>富山市西公文名町７－２８</t>
  </si>
  <si>
    <t>21AN0011</t>
  </si>
  <si>
    <t>創作家庭料理　わくわく</t>
  </si>
  <si>
    <t>富山市八尾町水谷２０５９－１２</t>
  </si>
  <si>
    <t>20AI0149</t>
  </si>
  <si>
    <t>ティアラ</t>
  </si>
  <si>
    <t>富山市上二杉４０１－１</t>
  </si>
  <si>
    <t>20AH0014</t>
  </si>
  <si>
    <t>さらら</t>
  </si>
  <si>
    <t>富山市桜木町３－１８</t>
  </si>
  <si>
    <t>ティファニービル２Ｆ</t>
  </si>
  <si>
    <t>株式会社　華蓮</t>
  </si>
  <si>
    <t>富山県富山市藤木２８８－２</t>
  </si>
  <si>
    <t>20AI0226</t>
  </si>
  <si>
    <t>ＣＨＩＮＡ　ＴＯＷＮ</t>
  </si>
  <si>
    <t>富山市総曲輪一丁目４－１９</t>
  </si>
  <si>
    <t>リセス総曲輪２Ｆ</t>
  </si>
  <si>
    <t>20AI0259</t>
  </si>
  <si>
    <t>１ -ichi-</t>
  </si>
  <si>
    <t>富山市総曲輪三丁目２－２２</t>
  </si>
  <si>
    <t>久郷ビル１Ｆ</t>
  </si>
  <si>
    <t>20AI0229</t>
  </si>
  <si>
    <t>ＣＬＵＢ　ＡＺＩＴＯ</t>
  </si>
  <si>
    <t>富山市総曲輪一丁目４－２２</t>
  </si>
  <si>
    <t>ＫＡＲＡＫＫＡＺＥ．ＢＬＤ　１－２Ｆ</t>
  </si>
  <si>
    <t>20AH0017</t>
  </si>
  <si>
    <t>イザック　レイミー</t>
  </si>
  <si>
    <t>福澤ライオンビル２ＦＨ号</t>
  </si>
  <si>
    <t>21AI0077</t>
  </si>
  <si>
    <t>金泉</t>
  </si>
  <si>
    <t>20AI0214</t>
  </si>
  <si>
    <t>Ｃａｐｒｉｃｅ（富山４８０を７４）</t>
  </si>
  <si>
    <t>県内一円</t>
  </si>
  <si>
    <t>21AM0012</t>
  </si>
  <si>
    <t>Ｐｅｒｓｏｎａ</t>
  </si>
  <si>
    <t>富山市大町２５９－３</t>
  </si>
  <si>
    <t>21AA0015</t>
  </si>
  <si>
    <t>赤ちょうちん</t>
  </si>
  <si>
    <t>21AD0013</t>
  </si>
  <si>
    <t>モルト</t>
  </si>
  <si>
    <t>富山市太田口通り一丁目４－２</t>
  </si>
  <si>
    <t>20AI0195</t>
  </si>
  <si>
    <t>富山市開６１８－１１</t>
  </si>
  <si>
    <t>21AA0027</t>
  </si>
  <si>
    <t>ＳＹＬＰＨ</t>
  </si>
  <si>
    <t>富山市総曲輪一丁目４－１２</t>
  </si>
  <si>
    <t>タウン東洋ビル１Ｆ</t>
  </si>
  <si>
    <t>20AI0263</t>
  </si>
  <si>
    <t>太陽と月の物語</t>
  </si>
  <si>
    <t>富山市桜町二丁目６－５</t>
  </si>
  <si>
    <t>Ｔ－ＯＮＥビル３Ｆ</t>
  </si>
  <si>
    <t>21AI0099</t>
  </si>
  <si>
    <t>セルマーケット</t>
  </si>
  <si>
    <t>富山市総曲輪一丁目２－２０</t>
  </si>
  <si>
    <t>センタービル１Ｆ</t>
  </si>
  <si>
    <t>株式会社　セル</t>
  </si>
  <si>
    <t>富山県富山市黒瀬３９６</t>
  </si>
  <si>
    <t>20AN0057</t>
  </si>
  <si>
    <t>鶏っく　富山店</t>
  </si>
  <si>
    <t>富山市新桜町２－２６</t>
  </si>
  <si>
    <t>あるぺん村新桜町ビル５階</t>
  </si>
  <si>
    <t>株式会社　コズミックダイナー</t>
  </si>
  <si>
    <t>大阪府大阪市北区野崎町９－１３　梅田扇町通ビル６Ｆ</t>
  </si>
  <si>
    <t>20AI0281</t>
  </si>
  <si>
    <t>ねぼーの丞</t>
  </si>
  <si>
    <t>富山市山室１４－２</t>
  </si>
  <si>
    <t>21AI0042</t>
  </si>
  <si>
    <t>すし晴</t>
  </si>
  <si>
    <t>富山市内幸町９－１</t>
  </si>
  <si>
    <t>21AC0006</t>
  </si>
  <si>
    <t>牛匠　居ろは</t>
  </si>
  <si>
    <t>富山市桜町一丁目５－２５</t>
  </si>
  <si>
    <t>アパヴィラビル１階</t>
  </si>
  <si>
    <t>アイエムエムフードサービス　株式会社</t>
  </si>
  <si>
    <t>石川県金沢市森山１－２－１</t>
  </si>
  <si>
    <t>21AI0108</t>
  </si>
  <si>
    <t>すず</t>
  </si>
  <si>
    <t>桜木センタービル１Ｆ</t>
  </si>
  <si>
    <t>20AI0278</t>
  </si>
  <si>
    <t>富山市桜木町１１－１０</t>
  </si>
  <si>
    <t>20AD0040</t>
  </si>
  <si>
    <t>亀山ベビーカステラ社中（富山８３０す１１１５）</t>
  </si>
  <si>
    <t>富山市赤田９１０－２</t>
  </si>
  <si>
    <t>21AM0010</t>
  </si>
  <si>
    <t>ｓｏｃｃａ＋ｃａｆｅ</t>
  </si>
  <si>
    <t>富山市奥田町１４－１６</t>
  </si>
  <si>
    <t>21AA0030</t>
  </si>
  <si>
    <t>刺身とんかつの市場亭</t>
  </si>
  <si>
    <t>富山市赤田８２９－１４</t>
  </si>
  <si>
    <t>21AA0017</t>
  </si>
  <si>
    <t>漢の立ち飲みＢＡＲ　みずの酒店　</t>
  </si>
  <si>
    <t>富山市下奥井一丁目１７－１１</t>
  </si>
  <si>
    <t>有限会社　みずの酒店　</t>
  </si>
  <si>
    <t>富山県富山市下奥井１－１７－１１</t>
  </si>
  <si>
    <t>21AI0030</t>
  </si>
  <si>
    <t>Ｃｒｅｐｅ＆Ｔａｐｉｏｃａ　うーたんはうす</t>
  </si>
  <si>
    <t>富山市桜町二丁目２－１２</t>
  </si>
  <si>
    <t>21AJ0011</t>
  </si>
  <si>
    <t>昴（すばる）</t>
  </si>
  <si>
    <t>富山市東町二丁目４－５</t>
  </si>
  <si>
    <t>21AI0066</t>
  </si>
  <si>
    <t>朝凪</t>
  </si>
  <si>
    <t>富山市豊田本町四丁目１－１</t>
  </si>
  <si>
    <t>21AI0111</t>
  </si>
  <si>
    <t>ローソン　富山アルペンスタジアム前</t>
  </si>
  <si>
    <t>富山市下飯野字岡田一番割１６－１</t>
  </si>
  <si>
    <t>17AE0048</t>
  </si>
  <si>
    <t>富山市森３－６－１８</t>
  </si>
  <si>
    <t>富山県富山市森３－６－１８</t>
  </si>
  <si>
    <t>17AJ0081</t>
  </si>
  <si>
    <t>17AE0071</t>
  </si>
  <si>
    <t>ラーメンの白晃</t>
  </si>
  <si>
    <t>富山市豊若町３－１０－１３</t>
  </si>
  <si>
    <t>17AD0043</t>
  </si>
  <si>
    <t>天坊</t>
  </si>
  <si>
    <t>富山市婦中町板倉６５３－１</t>
  </si>
  <si>
    <t>株式会社　フード大義</t>
  </si>
  <si>
    <t>富山県富山市婦中町板倉６５３－１</t>
  </si>
  <si>
    <t>17AA0173</t>
  </si>
  <si>
    <t>富山市豊田本町４－３－１１</t>
  </si>
  <si>
    <t>17AI0287</t>
  </si>
  <si>
    <t>富山市婦中町田島１１４２－１</t>
  </si>
  <si>
    <t>17AI0288</t>
  </si>
  <si>
    <t>たこ焼　○</t>
  </si>
  <si>
    <t>17AK0025</t>
  </si>
  <si>
    <t>ル・セジュール・ド・ジュン</t>
  </si>
  <si>
    <t>富山市婦中町板倉９６６－１</t>
  </si>
  <si>
    <t>17AJ0102</t>
  </si>
  <si>
    <t>酒のとよた</t>
  </si>
  <si>
    <t>富山市三番町２－３０</t>
  </si>
  <si>
    <t>17AJ0103</t>
  </si>
  <si>
    <t>ワッツアップ</t>
  </si>
  <si>
    <t>富山市中央通り１－４－１３</t>
  </si>
  <si>
    <t>富山県富山市中央通り２－２－１２</t>
  </si>
  <si>
    <t>17AI0313</t>
  </si>
  <si>
    <t>デイリーヤマザキ　富山千石町店</t>
  </si>
  <si>
    <t>富山市千石町２－９－３</t>
  </si>
  <si>
    <t>17AE0074</t>
  </si>
  <si>
    <t>富山西総合病院職員食堂</t>
  </si>
  <si>
    <t>富山市婦中町下轡田１０１９</t>
  </si>
  <si>
    <t>株式会社　フラグシップ</t>
  </si>
  <si>
    <t>富山県富山市八尾町福島７－４５</t>
  </si>
  <si>
    <t>17AA0177</t>
  </si>
  <si>
    <t>一番茶漬け</t>
  </si>
  <si>
    <t>富山市総曲輪１－５－６</t>
  </si>
  <si>
    <t>三愛第２ビル１Ｆ</t>
  </si>
  <si>
    <t>株式会社　ＤＥＧ</t>
  </si>
  <si>
    <t>大阪府吹田市豊津町１－１８　エクラート江坂ビル３Ｆ</t>
  </si>
  <si>
    <t>17AA0178</t>
  </si>
  <si>
    <t>大翔</t>
  </si>
  <si>
    <t>富山市古沢４１０－１</t>
  </si>
  <si>
    <t>17AD0045</t>
  </si>
  <si>
    <t>たこ焼　酒場　大統領</t>
  </si>
  <si>
    <t>富山市総曲輪１－４－５</t>
  </si>
  <si>
    <t>17AI0318</t>
  </si>
  <si>
    <t>ドトールコーヒーショップ　富山西総合病院店</t>
  </si>
  <si>
    <t>富山西総合病院１Ｆ</t>
  </si>
  <si>
    <t>17AJ0105</t>
  </si>
  <si>
    <t>セブン－イレブン　富山笹倉店</t>
  </si>
  <si>
    <t>富山市婦中町笹倉１０１－１</t>
  </si>
  <si>
    <t>18AN0002</t>
  </si>
  <si>
    <t>カラオケ　ラウンジ　マジー</t>
  </si>
  <si>
    <t>富山市下冨居１－１－４７</t>
  </si>
  <si>
    <t>18AI0004</t>
  </si>
  <si>
    <t>飯野　龍介</t>
  </si>
  <si>
    <t>富山市総曲輪１－５－２４</t>
  </si>
  <si>
    <t>ＴＡＭＵＲＡビルディング７Ｆ</t>
  </si>
  <si>
    <t>18AI0006</t>
  </si>
  <si>
    <t>ローソン　富山西総合病院店</t>
  </si>
  <si>
    <t>18AN0004</t>
  </si>
  <si>
    <t>ショートステイ楓和（かえで）食堂</t>
  </si>
  <si>
    <t>富山市婦中町熊野道３５７</t>
  </si>
  <si>
    <t>18AA0009</t>
  </si>
  <si>
    <t>旬菜料理　ゆうき</t>
  </si>
  <si>
    <t>富山市五福５６８６</t>
  </si>
  <si>
    <t>18AI0010</t>
  </si>
  <si>
    <t>吉風家（きっぷうや）　荒町店</t>
  </si>
  <si>
    <t>富山市荒町５－７</t>
  </si>
  <si>
    <t>プラドール荒町１Ｆ</t>
  </si>
  <si>
    <t>18AA0015</t>
  </si>
  <si>
    <t>吉風家（きっぷうや）　中央通り店</t>
  </si>
  <si>
    <t>富山市中央通り２－５－１５</t>
  </si>
  <si>
    <t>中央第一ビル１Ｆ</t>
  </si>
  <si>
    <t>18AA0016</t>
  </si>
  <si>
    <t>葷酒山門（くんしゅさんもん）</t>
  </si>
  <si>
    <t>西町ビル　１０３</t>
  </si>
  <si>
    <t>18AI0013</t>
  </si>
  <si>
    <t>Ｌｕｃｉａｎｏ</t>
  </si>
  <si>
    <t>富山市総曲輪１－２－２０</t>
  </si>
  <si>
    <t>桜木町センタービル３階</t>
  </si>
  <si>
    <t>18AI0014</t>
  </si>
  <si>
    <t>割烹　宇な義</t>
  </si>
  <si>
    <t>富山県富山市中冨居２３－１８</t>
  </si>
  <si>
    <t>18AK0001</t>
  </si>
  <si>
    <t>紅蘭</t>
  </si>
  <si>
    <t>富山市桜木町６－３</t>
  </si>
  <si>
    <t>大洋第２ビル１Ｆ</t>
  </si>
  <si>
    <t>18AI0016</t>
  </si>
  <si>
    <t>八尾総合病院　喫茶室</t>
  </si>
  <si>
    <t>富山市八尾町福島７－４７</t>
  </si>
  <si>
    <t>18AJ0005</t>
  </si>
  <si>
    <t>スナック　みさき</t>
  </si>
  <si>
    <t>桜木プラザビル１Ｆ－Ｃ</t>
  </si>
  <si>
    <t>18AI0022</t>
  </si>
  <si>
    <t>＆ＢＲＥＡＤ（アンド　ブレッド）</t>
  </si>
  <si>
    <t>18AJ0008</t>
  </si>
  <si>
    <t>千里山荘</t>
  </si>
  <si>
    <t>富山市明輪町１－２２０</t>
  </si>
  <si>
    <t>18AE0024</t>
  </si>
  <si>
    <t>古市庵（こいちあん）</t>
  </si>
  <si>
    <t>18AE0025</t>
  </si>
  <si>
    <t>リンデ幼稚園食堂</t>
  </si>
  <si>
    <t>富山市八尾町高善寺１６４</t>
  </si>
  <si>
    <t>18AA0043</t>
  </si>
  <si>
    <t>富　　Ｆｕ～Ｆｕ～</t>
  </si>
  <si>
    <t>富山市上本町２－２０</t>
  </si>
  <si>
    <t>プラドール西町　１階</t>
  </si>
  <si>
    <t>18AA0045</t>
  </si>
  <si>
    <t>日医工本社　営業店</t>
  </si>
  <si>
    <t>ＴＡＭＵＲＡビル内２Ｆ</t>
  </si>
  <si>
    <t>株式会社　ニッコクトラスト</t>
  </si>
  <si>
    <t>東京都江東区新木場一丁目１８番６号</t>
  </si>
  <si>
    <t>18AA0047</t>
  </si>
  <si>
    <t>博多　かわ屋　ユウタウン総曲輪店</t>
  </si>
  <si>
    <t>富山市総曲輪３－９－１</t>
  </si>
  <si>
    <t>ユウタウン総曲輪　ホテルシネマ棟１ＦＣ１０４</t>
  </si>
  <si>
    <t>18AI0031</t>
  </si>
  <si>
    <t>ＲＡＡＺ</t>
  </si>
  <si>
    <t>桜木プラザビル地下１Ｆ</t>
  </si>
  <si>
    <t>18AI0036</t>
  </si>
  <si>
    <t>富山市米田１－１－２</t>
  </si>
  <si>
    <t>富山県射水市浄土寺１</t>
  </si>
  <si>
    <t>18AJ0014</t>
  </si>
  <si>
    <t>コテージ</t>
  </si>
  <si>
    <t>富山市神通町１－５－１８</t>
  </si>
  <si>
    <t>18AJ0015</t>
  </si>
  <si>
    <t>食堂ＭＡＲＵＫＯ</t>
  </si>
  <si>
    <t>富山市下堀４１－７</t>
  </si>
  <si>
    <t>18AA0057</t>
  </si>
  <si>
    <t>ＭＵＳＥ</t>
  </si>
  <si>
    <t>富山市桜木町７－３０</t>
  </si>
  <si>
    <t>アテナビル１Ｆ</t>
  </si>
  <si>
    <t>18AI0044</t>
  </si>
  <si>
    <t>18AJ0018</t>
  </si>
  <si>
    <t>Luxury　Space　CREA</t>
  </si>
  <si>
    <t>富山市桜木町７－２３</t>
  </si>
  <si>
    <t>ヨシミフォトビル　１Ｆ</t>
  </si>
  <si>
    <t>18AI0052</t>
  </si>
  <si>
    <t>ＬＡＣＨＩＣ</t>
  </si>
  <si>
    <t>富山市太郎丸本町三丁目１０－１</t>
  </si>
  <si>
    <t>サクラギ第２ビル１Ｆ</t>
  </si>
  <si>
    <t>18AI0054</t>
  </si>
  <si>
    <t>８番らーめん　太郎丸店</t>
  </si>
  <si>
    <t>富山市太郎丸西町２－５－１</t>
  </si>
  <si>
    <t>富山県富山市東田地方町１－５－５２</t>
  </si>
  <si>
    <t>18AD0023</t>
  </si>
  <si>
    <t>かすぼっかけうどん成</t>
  </si>
  <si>
    <t>富山市八人町３－３</t>
  </si>
  <si>
    <t>18AD0025</t>
  </si>
  <si>
    <t>かげん</t>
  </si>
  <si>
    <t>富山市総曲輪１－８－７</t>
  </si>
  <si>
    <t>ニュー総曲輪ビル２Ｆ</t>
  </si>
  <si>
    <t>18AI0069</t>
  </si>
  <si>
    <t>お肉とチーズのお店「かるね」</t>
  </si>
  <si>
    <t>富山市山室２４－１</t>
  </si>
  <si>
    <t>18AI0071</t>
  </si>
  <si>
    <t>てがるデリバリー　富山店</t>
  </si>
  <si>
    <t>富山市古沢３６６</t>
  </si>
  <si>
    <t>株式会社　ＡＢＬトラスト</t>
  </si>
  <si>
    <t>富山県富山市古沢５９３</t>
  </si>
  <si>
    <t>18AE0038</t>
  </si>
  <si>
    <t>韓国家庭料理　優韓（ユーハン）</t>
  </si>
  <si>
    <t>富山市婦中町宮ケ島３１９－１</t>
  </si>
  <si>
    <t>18AI0076</t>
  </si>
  <si>
    <t>ブラッスリー、パティスリー　シェ・ヨシ</t>
  </si>
  <si>
    <t>富山市舟橋南町２－２２</t>
  </si>
  <si>
    <t>高志の国文学館１Ｆ</t>
  </si>
  <si>
    <t>18AA0074</t>
  </si>
  <si>
    <t>ＲＡＤＯ　ＤＩＮＩＮＧ</t>
  </si>
  <si>
    <t>愛知県名古屋市熱田区玉の井町１－１　ライオンズマンション熱田神宮公園６０３</t>
  </si>
  <si>
    <t>18AI0078</t>
  </si>
  <si>
    <t>Ｃｌｕｂ　Ｈａｐｐｉｎｅｓｓ</t>
  </si>
  <si>
    <t>桜木町レストタウンビル１Ｆ</t>
  </si>
  <si>
    <t>18AH0005</t>
  </si>
  <si>
    <t>ほのか</t>
  </si>
  <si>
    <t>富山市水落９２－１５</t>
  </si>
  <si>
    <t>18AI0079</t>
  </si>
  <si>
    <t>ロシアレストラン　ボルガ</t>
  </si>
  <si>
    <t>富山市豊川町３－２３</t>
  </si>
  <si>
    <t>18AA0078</t>
  </si>
  <si>
    <t>和叶</t>
  </si>
  <si>
    <t>富山市上飯野新町３－４</t>
  </si>
  <si>
    <t>18AD0028</t>
  </si>
  <si>
    <t>富山県警察本部　１０階食堂</t>
  </si>
  <si>
    <t>富山県警察本部庁舎１０階食堂</t>
  </si>
  <si>
    <t>株式会社　Ｉｎｎｏｖａｔｉｏｎ大和</t>
  </si>
  <si>
    <t>富山県富山市石金３－１－２０－１０４</t>
  </si>
  <si>
    <t>18AA0079</t>
  </si>
  <si>
    <t>セブン－イレブン　富山水橋辻ヶ堂店</t>
  </si>
  <si>
    <t>富山市水橋辻ケ堂２１９３－１</t>
  </si>
  <si>
    <t>富山県中新川郡立山町辻５４－１</t>
  </si>
  <si>
    <t>18AN0024</t>
  </si>
  <si>
    <t>インダストリアルカフェ</t>
  </si>
  <si>
    <t>富山市桜木町１１－１５－３</t>
  </si>
  <si>
    <t>オアシスコートラリエ　２Ｆ</t>
  </si>
  <si>
    <t>18AI0084</t>
  </si>
  <si>
    <t>まるまさ家　富山駅前店</t>
  </si>
  <si>
    <t>ビブレ１０　１階Ｂ区画</t>
  </si>
  <si>
    <t>18AI0085</t>
  </si>
  <si>
    <t>サロン　ど　ゑい</t>
  </si>
  <si>
    <t>グリーンタウンビル１Ｆ</t>
  </si>
  <si>
    <t>18AI0089</t>
  </si>
  <si>
    <t>ＡＳＡＧＡＲＵ</t>
  </si>
  <si>
    <t>富山市下奥井１－２１－２０</t>
  </si>
  <si>
    <t>18AJ0024</t>
  </si>
  <si>
    <t>ローソン　富山金泉寺店</t>
  </si>
  <si>
    <t>富山市金泉寺２５１</t>
  </si>
  <si>
    <t>有限会社　東商店</t>
  </si>
  <si>
    <t>富山県滑川市中村３９－１０</t>
  </si>
  <si>
    <t>18AN0026</t>
  </si>
  <si>
    <t>ＴＲＡＴＴＯＲＩＡ　サッチ</t>
  </si>
  <si>
    <t>富山市二俣４４６－１</t>
  </si>
  <si>
    <t>18AA0085</t>
  </si>
  <si>
    <t>丸忠</t>
  </si>
  <si>
    <t>富山市呉羽町６０１８－１６</t>
  </si>
  <si>
    <t>株式会社　丸忠</t>
  </si>
  <si>
    <t>富山県富山市呉羽町６０１８－１６</t>
  </si>
  <si>
    <t>18AA0086</t>
  </si>
  <si>
    <t>とやぱん</t>
  </si>
  <si>
    <t>富山市五福３２２２</t>
  </si>
  <si>
    <t>株式会社　ａ－ｃｒｏｓｓ</t>
  </si>
  <si>
    <t>東京都港区南青山２－２－１５</t>
  </si>
  <si>
    <t>18AE0044</t>
  </si>
  <si>
    <t>ＰＥＰＥすぎもとや　和飲酒場　喜さ久</t>
  </si>
  <si>
    <t>富山市向川原町２－２１</t>
  </si>
  <si>
    <t>有限会社　ＰＥＰＥすぎもとや</t>
  </si>
  <si>
    <t>18AI0098</t>
  </si>
  <si>
    <t>富山市森３－１１－４５</t>
  </si>
  <si>
    <t>フォレスト２１</t>
  </si>
  <si>
    <t>18AE0046</t>
  </si>
  <si>
    <t>Ｃａｆｅ　Ｓｏｃｉｏ</t>
  </si>
  <si>
    <t>富山市本郷２４４４</t>
  </si>
  <si>
    <t>北日本モーター　株式会社</t>
  </si>
  <si>
    <t>富山県富山市安住町２－１４</t>
  </si>
  <si>
    <t>18AA0088</t>
  </si>
  <si>
    <t>（株）カターレ富山寮食堂</t>
  </si>
  <si>
    <t>富山市草島５１－１</t>
  </si>
  <si>
    <t>18AA0095</t>
  </si>
  <si>
    <t>牛角　布瀬けやき通り店</t>
  </si>
  <si>
    <t>富山市布瀬町南一丁目５－７</t>
  </si>
  <si>
    <t>福井県福井市大和田１－１５０５</t>
  </si>
  <si>
    <t>18AI0107</t>
  </si>
  <si>
    <t>Ｓｔｅａｋ＆Ｆｕｓｉｏｎ　ＩＺＵＭＩ</t>
  </si>
  <si>
    <t>富山市下新本町１０－５３</t>
  </si>
  <si>
    <t>富山県富山市下赤江町１－７－１０</t>
  </si>
  <si>
    <t>18AI0108</t>
  </si>
  <si>
    <t>冨久屋</t>
  </si>
  <si>
    <t>富山市白銀町７－７</t>
  </si>
  <si>
    <t>18AG0006</t>
  </si>
  <si>
    <t>居酒屋　呑食</t>
  </si>
  <si>
    <t>富山市五福末広町１３９６</t>
  </si>
  <si>
    <t>18AI0110</t>
  </si>
  <si>
    <t>富山市総曲輪１－４－６</t>
  </si>
  <si>
    <t>株式会社　オーシャン</t>
  </si>
  <si>
    <t>石川県金沢市木倉町１６６</t>
  </si>
  <si>
    <t>18AH0008</t>
  </si>
  <si>
    <t>高倉町珈琲　富山黒瀬店</t>
  </si>
  <si>
    <t>富山市黒瀬北町１－５－５</t>
  </si>
  <si>
    <t>石川県金沢市高畠１－３３５　高野ビル２０１号</t>
  </si>
  <si>
    <t>18AJ0025</t>
  </si>
  <si>
    <t>くれは苑　厨房</t>
  </si>
  <si>
    <t>富山市中老田８４５</t>
  </si>
  <si>
    <t>18AA0102</t>
  </si>
  <si>
    <t>ゴーゴーカレー＆フジヤマ５５富山掛尾店</t>
  </si>
  <si>
    <t>富山市掛尾町６２０</t>
  </si>
  <si>
    <t>株式会社　ゴーゴーカレーグループ</t>
  </si>
  <si>
    <t>東京都千代田区大手町２－６－２　日本ビル３階</t>
  </si>
  <si>
    <t>18AA0104</t>
  </si>
  <si>
    <t>星乃珈琲店　富山婦中店</t>
  </si>
  <si>
    <t>富山市婦中町下轡田７４６－１</t>
  </si>
  <si>
    <t>株式会社　北陸フードシステムズ</t>
  </si>
  <si>
    <t>福井県鯖江市水落町２－３０－２３</t>
  </si>
  <si>
    <t>18AJ0026</t>
  </si>
  <si>
    <t>（株）大和　富山店</t>
  </si>
  <si>
    <t>株式会社　大和富山店</t>
  </si>
  <si>
    <t>富山県富山市総曲輪３－８－６</t>
  </si>
  <si>
    <t>茶心伝授　こだま</t>
  </si>
  <si>
    <t>富山市吉作６９０－３</t>
  </si>
  <si>
    <t>18AJ0027</t>
  </si>
  <si>
    <t>かつや　富山インター店</t>
  </si>
  <si>
    <t>富山市上袋７２３</t>
  </si>
  <si>
    <t>株式会社　アース</t>
  </si>
  <si>
    <t>石川県石川郡野々市町横宮町１４－３０</t>
  </si>
  <si>
    <t>18AA0106</t>
  </si>
  <si>
    <t>北陸予防医学協会　とやま健診プラザ</t>
  </si>
  <si>
    <t>富山市千代田町２－１</t>
  </si>
  <si>
    <t>富山県富山市向新庄町６－９－１５</t>
  </si>
  <si>
    <t>18AA0108</t>
  </si>
  <si>
    <t>大衆酒場　五六</t>
  </si>
  <si>
    <t>富山市中島３－５－４３</t>
  </si>
  <si>
    <t>18AI0113</t>
  </si>
  <si>
    <t>ローソン　富山田中町店</t>
  </si>
  <si>
    <t>有限会社　フレックス</t>
  </si>
  <si>
    <t>岐阜県多治見市太平町６－６４－２</t>
  </si>
  <si>
    <t>18AN0033</t>
  </si>
  <si>
    <t>１、２、サントス！！</t>
  </si>
  <si>
    <t>富山市桜町１－６－１４</t>
  </si>
  <si>
    <t>桜町ビル２階</t>
  </si>
  <si>
    <t>18AI0115</t>
  </si>
  <si>
    <t>こっこ家</t>
  </si>
  <si>
    <t>富山市本町１０－７</t>
  </si>
  <si>
    <t>18AI0116</t>
  </si>
  <si>
    <t>ＤＲＴ</t>
  </si>
  <si>
    <t>富山市桜木町９－８</t>
  </si>
  <si>
    <t>フレンドビル２Ｆ－Ｂ</t>
  </si>
  <si>
    <t>18AI0117</t>
  </si>
  <si>
    <t>±０ＴｉＫｉ（ゼロティキ）</t>
  </si>
  <si>
    <t>富山市内幸町２－１４</t>
  </si>
  <si>
    <t>内幸ビルＡ館４Ｆ</t>
  </si>
  <si>
    <t>オーレス　株式会社</t>
  </si>
  <si>
    <t>富山県富山市内幸町２－１４内幸ビルＡ館３Ｆ</t>
  </si>
  <si>
    <t>18AI0118</t>
  </si>
  <si>
    <t>±０ｃａｆｅ（ゼロカフェ）</t>
  </si>
  <si>
    <t>内幸ビルＡ館３Ｆ</t>
  </si>
  <si>
    <t>18AJ0031</t>
  </si>
  <si>
    <t>±０ＳＥＡ（ゼロシー）</t>
  </si>
  <si>
    <t>内幸ビルＡ館１Ｆ</t>
  </si>
  <si>
    <t>18AI0119</t>
  </si>
  <si>
    <t>葉月</t>
  </si>
  <si>
    <t>桜木プラザビル２Ｆ</t>
  </si>
  <si>
    <t>18AI0120</t>
  </si>
  <si>
    <t>ひづき亭</t>
  </si>
  <si>
    <t>富山市羽根１１０－１</t>
  </si>
  <si>
    <t>株式会社　タイジュ</t>
  </si>
  <si>
    <t>富山県富山市総曲輪２－１－１７</t>
  </si>
  <si>
    <t>18AD0036</t>
  </si>
  <si>
    <t>ローソン　富山赤田南店</t>
  </si>
  <si>
    <t>富山市赤田８６３－１</t>
  </si>
  <si>
    <t>18AN0036</t>
  </si>
  <si>
    <t>トゥッティ・フルッティ</t>
  </si>
  <si>
    <t>富山市太郎丸西町２－９－２</t>
  </si>
  <si>
    <t>18AJ0035</t>
  </si>
  <si>
    <t>居酒屋Ｂａｒ　ＴＡＫＥ</t>
  </si>
  <si>
    <t>富山市宝町１－６－１７</t>
  </si>
  <si>
    <t>宝ビル１Ｆ</t>
  </si>
  <si>
    <t>18AI0126</t>
  </si>
  <si>
    <t>花水木</t>
  </si>
  <si>
    <t>富山市桜木町６－２６</t>
  </si>
  <si>
    <t>桜木町ビル２Ｆ２０１号</t>
  </si>
  <si>
    <t>18AH0009</t>
  </si>
  <si>
    <t>セブン－イレブン　富山古沢店</t>
  </si>
  <si>
    <t>富山市古沢４１６－５</t>
  </si>
  <si>
    <t>18AN0038</t>
  </si>
  <si>
    <t>富山市安田町３－８</t>
  </si>
  <si>
    <t>安部ビル１Ｆ</t>
  </si>
  <si>
    <t>18AI0130</t>
  </si>
  <si>
    <t>可不可</t>
  </si>
  <si>
    <t>プレイドールビル１Ｆ１０１号室</t>
  </si>
  <si>
    <t>有限会社　オアシス</t>
  </si>
  <si>
    <t>18AI0131</t>
  </si>
  <si>
    <t>ｍｏｒｉ　ｓｔｏｒｅ</t>
  </si>
  <si>
    <t>富山市山室１４－９</t>
  </si>
  <si>
    <t>山室ビル１Ｆ</t>
  </si>
  <si>
    <t>18AN0040</t>
  </si>
  <si>
    <t>いのまた</t>
  </si>
  <si>
    <t>富山市八尾町内名５７５－１</t>
  </si>
  <si>
    <t>18AA0117</t>
  </si>
  <si>
    <t>から好し　富山空港通</t>
  </si>
  <si>
    <t>富山市布瀬町南２－９－１</t>
  </si>
  <si>
    <t>18AI0140</t>
  </si>
  <si>
    <t>天丼てんや　富山本郷新店</t>
  </si>
  <si>
    <t>富山市本郷新１４－３</t>
  </si>
  <si>
    <t>長野県長野市桐原１－３－５</t>
  </si>
  <si>
    <t>18AA0123</t>
  </si>
  <si>
    <t>ソレイユ厨房</t>
  </si>
  <si>
    <t>富山市下堀５０－６</t>
  </si>
  <si>
    <t>18AA0127</t>
  </si>
  <si>
    <t>18AB0008</t>
  </si>
  <si>
    <t>のむら</t>
  </si>
  <si>
    <t>富山市岩瀬赤田町１２－８</t>
  </si>
  <si>
    <t>18AA0128</t>
  </si>
  <si>
    <t>馬喰ろう　富山店</t>
  </si>
  <si>
    <t>富山市八人町９－７</t>
  </si>
  <si>
    <t>株式会社　ＧＲＯＷＩＮ</t>
  </si>
  <si>
    <t>石川県金沢市昭和町９－８</t>
  </si>
  <si>
    <t>18AI0142</t>
  </si>
  <si>
    <t>18AA0129</t>
  </si>
  <si>
    <t>ＣＯ－ＢＯ工房</t>
  </si>
  <si>
    <t>富山市古沢６５１－１</t>
  </si>
  <si>
    <t>メツゲライ・イケダ内</t>
  </si>
  <si>
    <t>18AN0043</t>
  </si>
  <si>
    <t>ビストロ　祢保希</t>
  </si>
  <si>
    <t>富山市黒瀬２８５</t>
  </si>
  <si>
    <t>有限会社　ねぼけ</t>
  </si>
  <si>
    <t>富山県富山市黒瀬２４０－４１</t>
  </si>
  <si>
    <t>18AI0157</t>
  </si>
  <si>
    <t>ＡＫＫＯ</t>
  </si>
  <si>
    <t>富山市諏訪川原２丁目３－５－１</t>
  </si>
  <si>
    <t>18AE0072</t>
  </si>
  <si>
    <t>将軍ホルモン</t>
  </si>
  <si>
    <t>富山市総曲輪３－２－１５</t>
  </si>
  <si>
    <t>18AI0168</t>
  </si>
  <si>
    <t>スパイスルートバル</t>
  </si>
  <si>
    <t>１ｓｔＳＥＲＶＩＣＥ　株式会社</t>
  </si>
  <si>
    <t>富山市東流杉１６０－１</t>
  </si>
  <si>
    <t>18AI0169</t>
  </si>
  <si>
    <t>となりの</t>
  </si>
  <si>
    <t>富山市総曲輪三丁目２－１５</t>
  </si>
  <si>
    <t>18AI0170</t>
  </si>
  <si>
    <t>さくらとねこと</t>
  </si>
  <si>
    <t>富山市婦中町羽根新１０５－３</t>
  </si>
  <si>
    <t>18AJ0052</t>
  </si>
  <si>
    <t>ローソン　富山大島店</t>
  </si>
  <si>
    <t>富山市大島１－１３－１</t>
  </si>
  <si>
    <t>18AN0056</t>
  </si>
  <si>
    <t>シラホフーズ</t>
  </si>
  <si>
    <t>18AE0076</t>
  </si>
  <si>
    <t>一入</t>
  </si>
  <si>
    <t>富山市新桜町５－１３</t>
  </si>
  <si>
    <t>18AG0011</t>
  </si>
  <si>
    <t>ゆで太郎　呉羽本町店</t>
  </si>
  <si>
    <t>富山市呉羽町２１６４－１１</t>
  </si>
  <si>
    <t>東京都品川区西五反田２－３０－５</t>
  </si>
  <si>
    <t>18AD0047</t>
  </si>
  <si>
    <t>ローソン　富山清水町店</t>
  </si>
  <si>
    <t>富山市清水町６－５</t>
  </si>
  <si>
    <t>18AE0080</t>
  </si>
  <si>
    <t>四川乃華　飯野店</t>
  </si>
  <si>
    <t>富山市飯野３０</t>
  </si>
  <si>
    <t>株式会社　シセン</t>
  </si>
  <si>
    <t>長野県松本市双葉７－２３</t>
  </si>
  <si>
    <t>18AB0012</t>
  </si>
  <si>
    <t>ＲＯＪＩＵＲＡ</t>
  </si>
  <si>
    <t>富山県富山市桜町２－１－５　ブレイン桜ビル５Ｆ</t>
  </si>
  <si>
    <t>18AI0177</t>
  </si>
  <si>
    <t>ワイタパ</t>
  </si>
  <si>
    <t>富山市小島町２－２</t>
  </si>
  <si>
    <t>リバーサイド小島　１階</t>
  </si>
  <si>
    <t>18AA0164</t>
  </si>
  <si>
    <t>北陸電力　草島寮</t>
  </si>
  <si>
    <t>富山市草島６６０－１</t>
  </si>
  <si>
    <t>大阪府大阪市中央区北浜２－６－２６　大阪グリーンビル８階</t>
  </si>
  <si>
    <t>18AA0168</t>
  </si>
  <si>
    <t>笑色</t>
  </si>
  <si>
    <t>富山市総曲輪３－３－６</t>
  </si>
  <si>
    <t>18AI0186</t>
  </si>
  <si>
    <t>ＢＩＺＥＬＥ　ＶＩＰ</t>
  </si>
  <si>
    <t>桜木町レストタウンビル２Ｆ２１２号</t>
  </si>
  <si>
    <t>18AI0189</t>
  </si>
  <si>
    <t>バー・ホタル</t>
  </si>
  <si>
    <t>富山市内幸町９－９　</t>
  </si>
  <si>
    <t>18AI0190</t>
  </si>
  <si>
    <t>Ｐｒｉｍｅｒａ</t>
  </si>
  <si>
    <t>富山市本町９－１３</t>
  </si>
  <si>
    <t>マツモト本町ビル１Ｆ　Ａ号</t>
  </si>
  <si>
    <t>18AI0192</t>
  </si>
  <si>
    <t>ハッピーネス食堂</t>
  </si>
  <si>
    <t>富山市石金１－１１－２９</t>
  </si>
  <si>
    <t>18AA0171</t>
  </si>
  <si>
    <t>Ｋａｗａ’ｚ</t>
  </si>
  <si>
    <t>富山市総曲輪４－５－１３</t>
  </si>
  <si>
    <t>Ｆｌｏｏｒ５　１Ｆ</t>
  </si>
  <si>
    <t>18AA0172</t>
  </si>
  <si>
    <t>ドライチ</t>
  </si>
  <si>
    <t>18AD0050</t>
  </si>
  <si>
    <t>回転寿司　とらふぐ</t>
  </si>
  <si>
    <t>富山市太郎丸西町２－６－１６</t>
  </si>
  <si>
    <t>株式会社　ピアフーズ</t>
  </si>
  <si>
    <t>富山県富山市太郎丸西町２丁目６－１２</t>
  </si>
  <si>
    <t>18AC0014</t>
  </si>
  <si>
    <t>ローソン　富山下赤江店</t>
  </si>
  <si>
    <t>18AN0060</t>
  </si>
  <si>
    <t>そば処　こば</t>
  </si>
  <si>
    <t>富山市小羽２７９</t>
  </si>
  <si>
    <t>18AD0052</t>
  </si>
  <si>
    <t>Ｗａｉｔｉｎｇ</t>
  </si>
  <si>
    <t>富山市総曲輪１－４－１２</t>
  </si>
  <si>
    <t>タウン東洋ビル２－Ｃ</t>
  </si>
  <si>
    <t>18AI0195</t>
  </si>
  <si>
    <t>富山魂心家</t>
  </si>
  <si>
    <t>富山市秋吉９８－５９</t>
  </si>
  <si>
    <t>株式会社　トイダック</t>
  </si>
  <si>
    <t>神奈川県大和市大和南１－１２－１１</t>
  </si>
  <si>
    <t>18AD0053</t>
  </si>
  <si>
    <t>ニューハーフ　ＯＺＢ</t>
  </si>
  <si>
    <t>富山市桜木町７－２２</t>
  </si>
  <si>
    <t>ＤＯＫＩＤＯＫＩビル１階</t>
  </si>
  <si>
    <t>有限会社　アイワ国際観光</t>
  </si>
  <si>
    <t>富山県富山市桜木町７－２２</t>
  </si>
  <si>
    <t>18AH0014</t>
  </si>
  <si>
    <t>アオゾラ</t>
  </si>
  <si>
    <t>サカエビル　２Ｆ</t>
  </si>
  <si>
    <t>18AI0201</t>
  </si>
  <si>
    <t>ふれあいの里　ささみね</t>
  </si>
  <si>
    <t>富山市山田赤目谷１４４</t>
  </si>
  <si>
    <t>特定非営利活動法人　ワーカーズコープ</t>
  </si>
  <si>
    <t>東京都豊島区東池袋１－４４－３</t>
  </si>
  <si>
    <t>18AF0015</t>
  </si>
  <si>
    <t>山田交流促進センター</t>
  </si>
  <si>
    <t>富山市山田赤目谷１４５</t>
  </si>
  <si>
    <t>18AA0187</t>
  </si>
  <si>
    <t>ローソン　富山掛尾北店</t>
  </si>
  <si>
    <t>富山市堀川町３３０－１</t>
  </si>
  <si>
    <t>18AE0087</t>
  </si>
  <si>
    <t>カラオケ居酒屋　雅</t>
  </si>
  <si>
    <t>18AI0203</t>
  </si>
  <si>
    <t>希来里</t>
  </si>
  <si>
    <t>富山市宝町１－６－１７　１Ｆ</t>
  </si>
  <si>
    <t>18AI0204</t>
  </si>
  <si>
    <t>スナック　大連</t>
  </si>
  <si>
    <t>宝ビル００２</t>
  </si>
  <si>
    <t>18AI0205</t>
  </si>
  <si>
    <t>くるまやラーメン　山室店</t>
  </si>
  <si>
    <t>富山市公文名字西田割４６－８</t>
  </si>
  <si>
    <t>18AD0055</t>
  </si>
  <si>
    <t>Ｌｏｕｎｇｅ　Ｂａｒ　ＨＡＲＶＥＳＴ</t>
  </si>
  <si>
    <t>クイーンズビル　２Ｆ</t>
  </si>
  <si>
    <t>18AI0210</t>
  </si>
  <si>
    <t>かめや</t>
  </si>
  <si>
    <t>富山市八尾町天満町６７７６－１２</t>
  </si>
  <si>
    <t>18AJ0067</t>
  </si>
  <si>
    <t>Ｓｋｙ</t>
  </si>
  <si>
    <t>富山市桜木町８－８</t>
  </si>
  <si>
    <t>第一三愛ビル　４Ｆ</t>
  </si>
  <si>
    <t>18AI0228</t>
  </si>
  <si>
    <t>和み処　駒</t>
  </si>
  <si>
    <t>富山市稲荷元町３－１－２４</t>
  </si>
  <si>
    <t>18AA0192</t>
  </si>
  <si>
    <t>吟ちろり</t>
  </si>
  <si>
    <t>富山市宝町２－４－２０</t>
  </si>
  <si>
    <t>株式会社　サカナサケ</t>
  </si>
  <si>
    <t>富山県富山市新富町２－１－３</t>
  </si>
  <si>
    <t>18AI0236</t>
  </si>
  <si>
    <t>みんなの食堂　牛深亭</t>
  </si>
  <si>
    <t>富山市上冨居１－３－５４</t>
  </si>
  <si>
    <t>有限会社　チーム・オールウェイズ</t>
  </si>
  <si>
    <t>富山県富山市婦中町高日附８６８－５</t>
  </si>
  <si>
    <t>18AA0194</t>
  </si>
  <si>
    <t>今日和　宮越</t>
  </si>
  <si>
    <t>富山市小中３８２－３</t>
  </si>
  <si>
    <t>18AG0017</t>
  </si>
  <si>
    <t>ＢＡＲＺＥＲ（バルツェル）</t>
  </si>
  <si>
    <t>富山市総曲輪４－４－６</t>
  </si>
  <si>
    <t>広貫堂Ｈ＆Ｆ株式会社</t>
  </si>
  <si>
    <t>富山市梅沢町２丁目９－１</t>
  </si>
  <si>
    <t>18AA0195</t>
  </si>
  <si>
    <t>炭火やきとり　さくら　富山駅前店</t>
  </si>
  <si>
    <t>富山市桜町１－４－１０</t>
  </si>
  <si>
    <t>ＰＡＴＩＯ　ＳＡＫＵＲＡ　マンション棟内　２Ｆ</t>
  </si>
  <si>
    <t>石川県野々市市横宮町１４－３０</t>
  </si>
  <si>
    <t>18AI0247</t>
  </si>
  <si>
    <t>居酒屋　さかなや道場　富山駅前店</t>
  </si>
  <si>
    <t>富山市桜町１－４－２０</t>
  </si>
  <si>
    <t>専門学校棟内　１階</t>
  </si>
  <si>
    <t>18AI0248</t>
  </si>
  <si>
    <t>ＰＨＯ　ＢＡ　ＴＨＹ</t>
  </si>
  <si>
    <t>富山市下冨居３９－３７</t>
  </si>
  <si>
    <t>18AA0199</t>
  </si>
  <si>
    <t>スナック　パルパル</t>
  </si>
  <si>
    <t>18AI0260</t>
  </si>
  <si>
    <t>古久龍</t>
  </si>
  <si>
    <t>富山市清水元町３－７</t>
  </si>
  <si>
    <t>18AD0058</t>
  </si>
  <si>
    <t>Ｃａｆｅ　トワイエ</t>
  </si>
  <si>
    <t>富山市下大久保１９９５－１</t>
  </si>
  <si>
    <t>18AJ0070</t>
  </si>
  <si>
    <t>季節料理　なるみ</t>
  </si>
  <si>
    <t>富山市太郎丸本町４－３－２</t>
  </si>
  <si>
    <t>風月花ビル　１Ｆ</t>
  </si>
  <si>
    <t>18AI0262</t>
  </si>
  <si>
    <t>ＴＡＴＲＡＳ（タトラス）</t>
  </si>
  <si>
    <t>ロイヤルビル２Ｆ－Ｅ号</t>
  </si>
  <si>
    <t>18AH0021</t>
  </si>
  <si>
    <t>トゥク　トゥク（ＴＵＫ　ＴＵＫ）</t>
  </si>
  <si>
    <t>富山市石倉町２－１８</t>
  </si>
  <si>
    <t>余西ビル　１Ｆ－３</t>
  </si>
  <si>
    <t>18AI0264</t>
  </si>
  <si>
    <t>いただき繕　富山店</t>
  </si>
  <si>
    <t>富山市有沢３７０</t>
  </si>
  <si>
    <t>18AE0090</t>
  </si>
  <si>
    <t>ＴＩＥＲＲＡ　Ｃａｆｅ（ティエル　カフェ）</t>
  </si>
  <si>
    <t>富山市茶屋町７２７９－１</t>
  </si>
  <si>
    <t>株式会社　ティエルマーケット</t>
  </si>
  <si>
    <t>富山県富山市茶屋町７２７９－１</t>
  </si>
  <si>
    <t>18AJ0071</t>
  </si>
  <si>
    <t>ＬｕＲｕ（るる）</t>
  </si>
  <si>
    <t>富山市西町４－９</t>
  </si>
  <si>
    <t>18AI0267</t>
  </si>
  <si>
    <t>サンタの隠れ家</t>
  </si>
  <si>
    <t>富山市西大泉１７－２０</t>
  </si>
  <si>
    <t>浜忠第二ビル　１階</t>
  </si>
  <si>
    <t>18AJ0072</t>
  </si>
  <si>
    <t>牛岳ユースハイランド</t>
  </si>
  <si>
    <t>富山市山田小谷８６７</t>
  </si>
  <si>
    <t>射水郡小杉町三ケ１０３８</t>
  </si>
  <si>
    <t>18AF0018</t>
  </si>
  <si>
    <t>総曲輪　Ａｎｎｏ</t>
  </si>
  <si>
    <t>富山市総曲輪３－３－２１</t>
  </si>
  <si>
    <t>石曲総曲輪ビル</t>
  </si>
  <si>
    <t>19AJ0001</t>
  </si>
  <si>
    <t>すなっく　かずみ</t>
  </si>
  <si>
    <t>富山市新富町１－４－１</t>
  </si>
  <si>
    <t>ファイブワンビル１Ｆ</t>
  </si>
  <si>
    <t>19AI0001</t>
  </si>
  <si>
    <t>辯天</t>
  </si>
  <si>
    <t>富山市桜木町８－５</t>
  </si>
  <si>
    <t>ビックアベニュービル１Ｆ</t>
  </si>
  <si>
    <t>19AI0002</t>
  </si>
  <si>
    <t>だいこく食堂</t>
  </si>
  <si>
    <t>富山市婦中町砂子田１５４－９</t>
  </si>
  <si>
    <t>富山市婦中町速星６１７</t>
  </si>
  <si>
    <t>19AI0003</t>
  </si>
  <si>
    <t>ローソン　富山長江店</t>
  </si>
  <si>
    <t>富山市長江字祖父川割８８９－１</t>
  </si>
  <si>
    <t>19AN0001</t>
  </si>
  <si>
    <t>ぐのん</t>
  </si>
  <si>
    <t>富山市山岸３４４－１</t>
  </si>
  <si>
    <t>19AI0004</t>
  </si>
  <si>
    <t>通　ラーメン４つ星</t>
  </si>
  <si>
    <t>富山市中市二丁目８－５６</t>
  </si>
  <si>
    <t>19AD0001</t>
  </si>
  <si>
    <t>Ｔｅａ  Ｓｈｏｐ　ナチュラル・けしき</t>
  </si>
  <si>
    <t>富山市婦中町長沢５７６７</t>
  </si>
  <si>
    <t>19AJ0003</t>
  </si>
  <si>
    <t>旬菓処・菓　ＫＯＮＯＭＩ</t>
  </si>
  <si>
    <t>富山市西荒屋６５７</t>
  </si>
  <si>
    <t>21AJ0007</t>
  </si>
  <si>
    <t>白菊</t>
  </si>
  <si>
    <t>富山市総曲輪１－６－１０</t>
  </si>
  <si>
    <t>ダイヤモンドビルⅡ２－Ｃ</t>
  </si>
  <si>
    <t>株式会社　ＳＡＮＧＯコーポレーション</t>
  </si>
  <si>
    <t>富山県富山市総曲輪１－６－１０　ダイヤモンドビルⅡ２－Ｃ</t>
  </si>
  <si>
    <t>19AG0001</t>
  </si>
  <si>
    <t>あんくる</t>
  </si>
  <si>
    <t>富山市内幸町２－１１（ふんすい横丁００５）</t>
  </si>
  <si>
    <t>19AI0008</t>
  </si>
  <si>
    <t>チューリップ苑・チューリップ長江病院</t>
  </si>
  <si>
    <t>富山市長江５－４－３３</t>
  </si>
  <si>
    <t>19AA0003</t>
  </si>
  <si>
    <t>ピザハット富山グリーンモール山室店</t>
  </si>
  <si>
    <t>日本ピザハット　株式会社</t>
  </si>
  <si>
    <t>神奈川県横浜市西区みなとみらい４－４－５</t>
  </si>
  <si>
    <t>19AE0001</t>
  </si>
  <si>
    <t>北海道らーめん　坊や</t>
  </si>
  <si>
    <t>富山市上大久保１０２７－１</t>
  </si>
  <si>
    <t>株式会社　アップグレード北信越</t>
  </si>
  <si>
    <t>北海道札幌市北区麻生町５－５－２</t>
  </si>
  <si>
    <t>19AD0002</t>
  </si>
  <si>
    <t>黒崎屋</t>
  </si>
  <si>
    <t>富山市寺島１４５６</t>
  </si>
  <si>
    <t>株式会社　黒崎鮮魚</t>
  </si>
  <si>
    <t>富山県富山市寺島６２４－３</t>
  </si>
  <si>
    <t>19AK0001</t>
  </si>
  <si>
    <t>お食事処　おんのじ</t>
  </si>
  <si>
    <t>富山市八尾町上新町２７８９</t>
  </si>
  <si>
    <t>株式会社　おだ</t>
  </si>
  <si>
    <t>富山県富山市八尾町上新町２７６３－２</t>
  </si>
  <si>
    <t>19AA0004</t>
  </si>
  <si>
    <t>サンナインプラザ３０２号</t>
  </si>
  <si>
    <t>19AI0010</t>
  </si>
  <si>
    <t>やよい軒　富山呉羽店</t>
  </si>
  <si>
    <t>富山市本郷東部９－３</t>
  </si>
  <si>
    <t>福岡県福岡市博多区上牟田１－１９－２１</t>
  </si>
  <si>
    <t>19AA0005</t>
  </si>
  <si>
    <t>富山婦中</t>
  </si>
  <si>
    <t>株式会社　アルス</t>
  </si>
  <si>
    <t>東京都大田区蒲田３－２３－８　蒲田ビル１１階</t>
  </si>
  <si>
    <t>19AA0006</t>
  </si>
  <si>
    <t>富山婦中リハ</t>
  </si>
  <si>
    <t>富山市婦中町下轡田１０１０</t>
  </si>
  <si>
    <t>19AA0007</t>
  </si>
  <si>
    <t>スナック結子</t>
  </si>
  <si>
    <t>タウン東洋ビル２階Ｄ</t>
  </si>
  <si>
    <t>19AI0013</t>
  </si>
  <si>
    <t>ローソン　富山古沢西店</t>
  </si>
  <si>
    <t>富山市古沢５０６－１</t>
  </si>
  <si>
    <t>19AE0005</t>
  </si>
  <si>
    <t>サンフレッシュ大井</t>
  </si>
  <si>
    <t>富山市寺島１９３－３</t>
  </si>
  <si>
    <t>19AK0004</t>
  </si>
  <si>
    <t>ふじやカフェ</t>
  </si>
  <si>
    <t>富山市中老田８５７－４</t>
  </si>
  <si>
    <t>合同会社　ふじや</t>
  </si>
  <si>
    <t>富山県富山市中老田８５７－４</t>
  </si>
  <si>
    <t>19AJ0009</t>
  </si>
  <si>
    <t>エストカフェ　西長江</t>
  </si>
  <si>
    <t>富山市西長江３－６－３１</t>
  </si>
  <si>
    <t>ガッツワーク　有限会社</t>
  </si>
  <si>
    <t>富山市石金１－９－６</t>
  </si>
  <si>
    <t>19AJ0010</t>
  </si>
  <si>
    <t>呑み処　美芳</t>
  </si>
  <si>
    <t>富山市西町８－１１</t>
  </si>
  <si>
    <t>西町ビル１Ｆ　</t>
  </si>
  <si>
    <t>19AI0015</t>
  </si>
  <si>
    <t>一万三千尺物語</t>
  </si>
  <si>
    <t>富山市上赤江４１１</t>
  </si>
  <si>
    <t>あいの風とやま鉄道　株式会社</t>
  </si>
  <si>
    <t>富山県富山市牛島町２４－７</t>
  </si>
  <si>
    <t>19AA0013</t>
  </si>
  <si>
    <t>麺家　なると　掛尾店</t>
  </si>
  <si>
    <t>富山市掛尾町６０７</t>
  </si>
  <si>
    <t>19AD0006</t>
  </si>
  <si>
    <t>イタリア料理　モンテ</t>
  </si>
  <si>
    <t>富山市新庄本町３－４－４１</t>
  </si>
  <si>
    <t>19AA0016</t>
  </si>
  <si>
    <t>ＺＡＮＹＡ</t>
  </si>
  <si>
    <t>大信ビル　２Ｆ</t>
  </si>
  <si>
    <t>19AI0016</t>
  </si>
  <si>
    <t>焼肉いなせ</t>
  </si>
  <si>
    <t>富山市桜町１－６－１２</t>
  </si>
  <si>
    <t>富山県富山市桜町１－６－１３</t>
  </si>
  <si>
    <t>19AI0017</t>
  </si>
  <si>
    <t>ＩＶＹ</t>
  </si>
  <si>
    <t>桜木町センタービル　２Ｆ</t>
  </si>
  <si>
    <t>19AI0018</t>
  </si>
  <si>
    <t>ローソン　富山萩原店</t>
  </si>
  <si>
    <t>富山市萩原５４８</t>
  </si>
  <si>
    <t>19AE0008</t>
  </si>
  <si>
    <t>富山ＰＲカフェ</t>
  </si>
  <si>
    <t>富山市中央通り１－６－６</t>
  </si>
  <si>
    <t>チバヤビル２Ｆ</t>
  </si>
  <si>
    <t>株式会社　ＮＥＷ　ＳＥＬＥＣＴ</t>
  </si>
  <si>
    <t>富山県富山市磯部町３－８－１２　香和ビル３０４</t>
  </si>
  <si>
    <t>19AI0019</t>
  </si>
  <si>
    <t>浜多屋　あまよっと横丁店</t>
  </si>
  <si>
    <t>株式会社　浜多屋</t>
  </si>
  <si>
    <t>富山県魚津市末広町９－７</t>
  </si>
  <si>
    <t>19AI0020</t>
  </si>
  <si>
    <t>ＳＯＴＯ</t>
  </si>
  <si>
    <t>富山市泉町２－８－２１</t>
  </si>
  <si>
    <t>19AG0007</t>
  </si>
  <si>
    <t>八ぶんめ</t>
  </si>
  <si>
    <t>富山市西町８－２－２</t>
  </si>
  <si>
    <t>ゴソービル２Ｆ</t>
  </si>
  <si>
    <t>19AA0018</t>
  </si>
  <si>
    <t>ローズギャラリー　富山大和店</t>
  </si>
  <si>
    <t>富山大和５Ｆ</t>
  </si>
  <si>
    <t>ジャパンフラワーグループ　株式会社</t>
  </si>
  <si>
    <t>東京都中央区銀座８－４－２７</t>
  </si>
  <si>
    <t>19AJ0017</t>
  </si>
  <si>
    <t>セブン－イレブン　富山窪新町店</t>
  </si>
  <si>
    <t>富山市窪新町６－４８</t>
  </si>
  <si>
    <t>有限会社　オヤシキ商事</t>
  </si>
  <si>
    <t>長野県千曲市磯部１０４６－１</t>
  </si>
  <si>
    <t>19AN0009</t>
  </si>
  <si>
    <t>ローソン　富山窪本町店</t>
  </si>
  <si>
    <t>富山市窪本町字鶴田割１－１</t>
  </si>
  <si>
    <t>19AN0010</t>
  </si>
  <si>
    <t>神戸クックワールドビュッフェ　マイプラザ南富山店</t>
  </si>
  <si>
    <t>富山市堀川町３５５－７</t>
  </si>
  <si>
    <t>マイプラザ２Ｆ　</t>
  </si>
  <si>
    <t>19AA0023</t>
  </si>
  <si>
    <t>富山市高園町１１－１２</t>
  </si>
  <si>
    <t>19AA0028</t>
  </si>
  <si>
    <t>ＳＭＫ（株）食堂</t>
  </si>
  <si>
    <t>富山市八尾町保内１－１</t>
  </si>
  <si>
    <t>19AA0029</t>
  </si>
  <si>
    <t>北陸電気工業（株）</t>
  </si>
  <si>
    <t>富山市下大久保３１５８</t>
  </si>
  <si>
    <t>19AD0008</t>
  </si>
  <si>
    <t>寧桜</t>
  </si>
  <si>
    <t>富山市桜町２－１－９</t>
  </si>
  <si>
    <t>ＴＳビル４Ｆ</t>
  </si>
  <si>
    <t>19AH0001</t>
  </si>
  <si>
    <t>ＳＥＣＯＮＤ　ＫＩＴＣＨＥＮ</t>
  </si>
  <si>
    <t>富山市五福３５４８－７</t>
  </si>
  <si>
    <t>富山県高岡市京田６１９</t>
  </si>
  <si>
    <t>19AA0034</t>
  </si>
  <si>
    <t>割烹　魚希</t>
  </si>
  <si>
    <t>富山市総曲輪３－２－６</t>
  </si>
  <si>
    <t>池田ビル１Ｆ</t>
  </si>
  <si>
    <t>19AA0035</t>
  </si>
  <si>
    <t>肉山　富山</t>
  </si>
  <si>
    <t>富山市新富町一丁目３－２２</t>
  </si>
  <si>
    <t>やま基ビル２Ｆ</t>
  </si>
  <si>
    <t>19AI0026</t>
  </si>
  <si>
    <t>安松鮮魚店</t>
  </si>
  <si>
    <t>富山市長柄町１－１１－１</t>
  </si>
  <si>
    <t>19AE0017</t>
  </si>
  <si>
    <t>シンデレラ</t>
  </si>
  <si>
    <t>富山市総曲輪１－３－２２</t>
  </si>
  <si>
    <t>アイカアビル３階３０２</t>
  </si>
  <si>
    <t>19AH0002</t>
  </si>
  <si>
    <t>メフォス東日本　１０３９９　号店</t>
  </si>
  <si>
    <t>富山市大町１区西部３</t>
  </si>
  <si>
    <t>堀川幼稚園食堂</t>
  </si>
  <si>
    <t>株式会社　メフォス東日本</t>
  </si>
  <si>
    <t>19AA0040</t>
  </si>
  <si>
    <t>水曜美の朝</t>
  </si>
  <si>
    <t>富山市桜木町６－１６</t>
  </si>
  <si>
    <t>松本第３ビル２Ｆ</t>
  </si>
  <si>
    <t>19AI0029</t>
  </si>
  <si>
    <t>８番らーめん　中川原店</t>
  </si>
  <si>
    <t>富山市中川原３９７－１</t>
  </si>
  <si>
    <t>19AD0010</t>
  </si>
  <si>
    <t>炙庵　とやま鮨</t>
  </si>
  <si>
    <t>富山市桜町１－３－１</t>
  </si>
  <si>
    <t>ダイワロイネットホテル駅前１Ｆ</t>
  </si>
  <si>
    <t>富山県富山市布瀬本町４－１２</t>
  </si>
  <si>
    <t>19AC0006</t>
  </si>
  <si>
    <t>茶藝館ＪＡＳＭＩＮＥ</t>
  </si>
  <si>
    <t>アーバンプレイス１Ｆ</t>
  </si>
  <si>
    <t>19AJ0031</t>
  </si>
  <si>
    <t>てば壱　富山駅前店</t>
  </si>
  <si>
    <t>富山市新富町２－４－３　３Ｆ４Ｆ</t>
  </si>
  <si>
    <t>富山県富山市高田５２７情報ビル５Ｆ</t>
  </si>
  <si>
    <t>19AI0031</t>
  </si>
  <si>
    <t>はなさき苑　合同厨房</t>
  </si>
  <si>
    <t>富山市花崎８５</t>
  </si>
  <si>
    <t>19AA0042</t>
  </si>
  <si>
    <t>魚国総本社・富山２３３６８０</t>
  </si>
  <si>
    <t>富山市八尾町黒田２６３０</t>
  </si>
  <si>
    <t>杉原こども園</t>
  </si>
  <si>
    <t>19AA0043</t>
  </si>
  <si>
    <t>福祉コミュニティ　呉羽あいの風</t>
  </si>
  <si>
    <t>富山市野々上３４０</t>
  </si>
  <si>
    <t>ケービーエフ　株式会社</t>
  </si>
  <si>
    <t>石川県金沢市尾張町２－１６－３</t>
  </si>
  <si>
    <t>19AA0047</t>
  </si>
  <si>
    <t>20AJ0001</t>
  </si>
  <si>
    <t>魚国総本社・２３４９５０</t>
  </si>
  <si>
    <t>富山市上大久保２６７－５</t>
  </si>
  <si>
    <t>19AA0049</t>
  </si>
  <si>
    <t>伊酒場ジラソーレ</t>
  </si>
  <si>
    <t>宝ビル２階</t>
  </si>
  <si>
    <t>19AI0036</t>
  </si>
  <si>
    <t>Ｃａｔｔｌｅ</t>
  </si>
  <si>
    <t>富山市桜木町６－２１</t>
  </si>
  <si>
    <t>桜木町ビル　１階</t>
  </si>
  <si>
    <t>19AI0037</t>
  </si>
  <si>
    <t>富山県呉羽青少年自然の家</t>
  </si>
  <si>
    <t>富山市西金屋字長尾８１９４</t>
  </si>
  <si>
    <t>株式会社　東洋サービス北陸</t>
  </si>
  <si>
    <t>富山県富山市千歳町１－６－１８</t>
  </si>
  <si>
    <t>19AA0050</t>
  </si>
  <si>
    <t>Ｃｏｎｎｅｃｔ</t>
  </si>
  <si>
    <t>19AI0038</t>
  </si>
  <si>
    <t>やむなし</t>
  </si>
  <si>
    <t>富山市大泉町１－７－１４　１Ｆ</t>
  </si>
  <si>
    <t>19AA0053</t>
  </si>
  <si>
    <t>富山県広域消防防災センター食堂</t>
  </si>
  <si>
    <t>富山市惣在寺１０９０－１</t>
  </si>
  <si>
    <t>19AA0054</t>
  </si>
  <si>
    <t>にしの茶屋</t>
  </si>
  <si>
    <t>富山市八尾町西町２２７４－３</t>
  </si>
  <si>
    <t>19AA0055</t>
  </si>
  <si>
    <t>Ｇｒａｃｅ　Ｐａｒａｄｉｓｅ</t>
  </si>
  <si>
    <t>19AI0042</t>
  </si>
  <si>
    <t>富山県立大学生協</t>
  </si>
  <si>
    <t>富山県立大学生活協同組合</t>
  </si>
  <si>
    <t>富山県射水市黒河５１８０</t>
  </si>
  <si>
    <t>19AA0058</t>
  </si>
  <si>
    <t>らぁめん　めん丸　新庄銀座店</t>
  </si>
  <si>
    <t>富山市新庄銀座３－１－５６</t>
  </si>
  <si>
    <t>株式会社　リビック</t>
  </si>
  <si>
    <t>富山県富山市高木２０００</t>
  </si>
  <si>
    <t>19AD0014</t>
  </si>
  <si>
    <t>Ｇｏｏｄ　Ｅｎｏｕｇｈ　Ｃｏｆｆｅｅ　Ｔｏｙａｍａ</t>
  </si>
  <si>
    <t>富山市藤木２７１０</t>
  </si>
  <si>
    <t>19AJ0039</t>
  </si>
  <si>
    <t>スシロー　富山中川原店</t>
  </si>
  <si>
    <t>富山市中川原４０９</t>
  </si>
  <si>
    <t>19AC0008</t>
  </si>
  <si>
    <t>炭火焼居酒屋　逢月</t>
  </si>
  <si>
    <t>パレブラン高志会館内</t>
  </si>
  <si>
    <t>19AI0044</t>
  </si>
  <si>
    <t>カフェ　ラカンカ</t>
  </si>
  <si>
    <t>富山市大島１－１３６</t>
  </si>
  <si>
    <t>19AJ0040</t>
  </si>
  <si>
    <t>アップステージ．ＪＰ</t>
  </si>
  <si>
    <t>１７番街ビル４０１号室</t>
  </si>
  <si>
    <t>株式会社　ジェイディレクション</t>
  </si>
  <si>
    <t>富山県富山市桜木町１２－８　１７番街ビル４０１号室</t>
  </si>
  <si>
    <t>19AH0003</t>
  </si>
  <si>
    <t>文化幼稚園</t>
  </si>
  <si>
    <t>富山市窪本町３－５</t>
  </si>
  <si>
    <t>株式会社　なごみキッズサービス</t>
  </si>
  <si>
    <t>愛知県名古屋市中川区服部２－１０６</t>
  </si>
  <si>
    <t>19AA0061</t>
  </si>
  <si>
    <t>旬鮮酒場　山ちゃん</t>
  </si>
  <si>
    <t>富山市栄新町９８</t>
  </si>
  <si>
    <t>19AI0048</t>
  </si>
  <si>
    <t>ＳＨＩＲＯＫＵＭＡ　ＩＮＮ</t>
  </si>
  <si>
    <t>富山市東岩瀬村（岩瀬表町）１３３－２</t>
  </si>
  <si>
    <t>19AA0063</t>
  </si>
  <si>
    <t>19AE0025</t>
  </si>
  <si>
    <t>カレーハウス ＣｏＣｏ壱番屋　富山上飯野店</t>
  </si>
  <si>
    <t>富山市飯野八幡割１４－２</t>
  </si>
  <si>
    <t>19AA0065</t>
  </si>
  <si>
    <t>Ｃａｆｅ’　ＦＥＬＬＯＷ</t>
  </si>
  <si>
    <t>富山市町村１丁目１８４－３</t>
  </si>
  <si>
    <t>株式会社　たにぐちや</t>
  </si>
  <si>
    <t>富山県魚津市青島６７９－４</t>
  </si>
  <si>
    <t>19AJ0043</t>
  </si>
  <si>
    <t>富山市旭町２番地２９</t>
  </si>
  <si>
    <t>19AI0053</t>
  </si>
  <si>
    <t>鮮魚丸和　大沢野店</t>
  </si>
  <si>
    <t>富山市上大久保１２１０－１　バロー大沢野店内</t>
  </si>
  <si>
    <t>合同会社　鮮魚丸和</t>
  </si>
  <si>
    <t>富山県魚津市住吉２０７</t>
  </si>
  <si>
    <t>19AE0027</t>
  </si>
  <si>
    <t>台湾菜館　任海酒場</t>
  </si>
  <si>
    <t>富山市任海字宮田割６９５－３</t>
  </si>
  <si>
    <t>株式会社　旭</t>
  </si>
  <si>
    <t>富山県中新川郡立山町江崎８</t>
  </si>
  <si>
    <t>19AB0005</t>
  </si>
  <si>
    <t>19AG0016</t>
  </si>
  <si>
    <t>富山市長附６９３－４</t>
  </si>
  <si>
    <t>19AI0062</t>
  </si>
  <si>
    <t>Ｄｉｎｉｎｇ＆Ｂａｒ　Ｂｅｌ Ｃａｎｔｏ</t>
  </si>
  <si>
    <t>19AI0063</t>
  </si>
  <si>
    <t>逢泉</t>
  </si>
  <si>
    <t>19AI0065</t>
  </si>
  <si>
    <t>（学）藤園幼稚園</t>
  </si>
  <si>
    <t>富山市赤江町６－７</t>
  </si>
  <si>
    <t>有限会社　食養の杜とやま</t>
  </si>
  <si>
    <t>富山県中新川郡立山町蔵本新２６６－２</t>
  </si>
  <si>
    <t>19AA0075</t>
  </si>
  <si>
    <t>（学）藤園南幼稚園　</t>
  </si>
  <si>
    <t>富山市朝菜町１－１５</t>
  </si>
  <si>
    <t>19AA0076</t>
  </si>
  <si>
    <t>ＩＴＴＯＧＹＵ</t>
  </si>
  <si>
    <t>サンコレクト桜木町センタービル１Ｆ</t>
  </si>
  <si>
    <t>岐阜県高山市名田町６－１０－２</t>
  </si>
  <si>
    <t>19AI0067</t>
  </si>
  <si>
    <t>麺や皐</t>
  </si>
  <si>
    <t>富山市中川原新町６５</t>
  </si>
  <si>
    <t>19AD0016</t>
  </si>
  <si>
    <t>Ｂ＆Ｇ</t>
  </si>
  <si>
    <t>富山市総曲輪１－８－６</t>
  </si>
  <si>
    <t>クリスタルビル５Ｆ</t>
  </si>
  <si>
    <t>アコスグループ　株式会社</t>
  </si>
  <si>
    <t>大阪府大阪市中央区安土町２－３－１３　大阪国際ビルディング３１階</t>
  </si>
  <si>
    <t>19AI0068</t>
  </si>
  <si>
    <t>飛弾</t>
  </si>
  <si>
    <t>富山市上本町４－７</t>
  </si>
  <si>
    <t>ＦＩＲＳＴ　ＳＯＮＧ</t>
  </si>
  <si>
    <t>19AI0070</t>
  </si>
  <si>
    <t>ｓｐｉｃｅ　ｓｔａｎｄ　カレーガーデン</t>
  </si>
  <si>
    <t>19AA0079</t>
  </si>
  <si>
    <t>スーパーキュウリ</t>
  </si>
  <si>
    <t>富山市堤町通り２－１－３０</t>
  </si>
  <si>
    <t>19AI0073</t>
  </si>
  <si>
    <t>ＥＲＲＯＲ’Ｓ</t>
  </si>
  <si>
    <t>富山市桜木町１４－３</t>
  </si>
  <si>
    <t>第２桜ビル３Ｆ</t>
  </si>
  <si>
    <t>19AI0081</t>
  </si>
  <si>
    <t>だるま亭</t>
  </si>
  <si>
    <t>富山市宝町２－２－１３</t>
  </si>
  <si>
    <t>19AI0091</t>
  </si>
  <si>
    <t>ちいろ</t>
  </si>
  <si>
    <t>富山市牛島新町３－７</t>
  </si>
  <si>
    <t>レジデンス牛島　棟１階１０１</t>
  </si>
  <si>
    <t>19AI0092</t>
  </si>
  <si>
    <t>しゃぶ葉　富山高屋敷店</t>
  </si>
  <si>
    <t>19AA0086</t>
  </si>
  <si>
    <t>とやま金泉寺ケアセンターそよ風</t>
  </si>
  <si>
    <t>富山市中野新２９－１</t>
  </si>
  <si>
    <t>19AA0089</t>
  </si>
  <si>
    <t>ｍｏｎｏｋａｋｉ</t>
  </si>
  <si>
    <t>19AJ0050</t>
  </si>
  <si>
    <t>２ＫＡＤＯ</t>
  </si>
  <si>
    <t>富山市桜町２－２－７</t>
  </si>
  <si>
    <t>小杉ビル２階</t>
  </si>
  <si>
    <t>株式会社　スタイルオフ</t>
  </si>
  <si>
    <t>富山県富山市桜町２－２－７　小杉ビル２階</t>
  </si>
  <si>
    <t>19AI0106</t>
  </si>
  <si>
    <t>オークスセレモニーホール二口</t>
  </si>
  <si>
    <t>富山市二口町１－８－１０</t>
  </si>
  <si>
    <t>19AA0092</t>
  </si>
  <si>
    <t>和彩ダイニング　す美れ</t>
  </si>
  <si>
    <t>富山市桜町１－３－４</t>
  </si>
  <si>
    <t>藤江ビル２Ｆ</t>
  </si>
  <si>
    <t>株式会社　諏訪</t>
  </si>
  <si>
    <t>富山県富山市諏訪川原２－２－３</t>
  </si>
  <si>
    <t>19AI0113</t>
  </si>
  <si>
    <t>麺屋達古沢店</t>
  </si>
  <si>
    <t>富山市古沢５１２－２</t>
  </si>
  <si>
    <t>麺達フーズ　株式会社</t>
  </si>
  <si>
    <t>石川県金沢市中橋町１１－１３</t>
  </si>
  <si>
    <t>19AD0022</t>
  </si>
  <si>
    <t>富山医療生活協同組合　在宅福祉総合センターきずな</t>
  </si>
  <si>
    <t>富山市柳町１－２－１８</t>
  </si>
  <si>
    <t>富山医療生活協同組合</t>
  </si>
  <si>
    <t>富山市豊田町１－１－８</t>
  </si>
  <si>
    <t>19AA0096</t>
  </si>
  <si>
    <t>Ｎａｄｉａ　ナディア</t>
  </si>
  <si>
    <t>プレイドールビル１０６</t>
  </si>
  <si>
    <t>19AI0117</t>
  </si>
  <si>
    <t>ＴｉＧＥＲ</t>
  </si>
  <si>
    <t>富山市上冨居３－１２－１８</t>
  </si>
  <si>
    <t>19AA0097</t>
  </si>
  <si>
    <t>パキザ　カレーハウス</t>
  </si>
  <si>
    <t>富山市野口１０３３－６</t>
  </si>
  <si>
    <t>19AA0098</t>
  </si>
  <si>
    <t>バーラウンジ　プッチ</t>
  </si>
  <si>
    <t>富山市総曲輪１－４－１４　Ａ号</t>
  </si>
  <si>
    <t>第２松本ビル２Ｆ</t>
  </si>
  <si>
    <t>19AI0118</t>
  </si>
  <si>
    <t>ＣＬＵＢ　ａｌｂａ</t>
  </si>
  <si>
    <t>ヒフティーンハウス３Ｆ</t>
  </si>
  <si>
    <t>19AH0004</t>
  </si>
  <si>
    <t>ＮＡＺ　ＲＥＳＴＡＵＲＡＮＴ</t>
  </si>
  <si>
    <t>富山市大島２－３３２</t>
  </si>
  <si>
    <t>19AI0121</t>
  </si>
  <si>
    <t>スナック　千代</t>
  </si>
  <si>
    <t>富山市東富山寿町三丁目１５－２３</t>
  </si>
  <si>
    <t>20AI0129</t>
  </si>
  <si>
    <t>キトキ酒場食堂</t>
  </si>
  <si>
    <t>富山市中央通り３－２－１７</t>
  </si>
  <si>
    <t>19AI0123</t>
  </si>
  <si>
    <t>ふるかじ２－１４</t>
  </si>
  <si>
    <t>富山市古鍛冶町２－１４</t>
  </si>
  <si>
    <t>19AI0124</t>
  </si>
  <si>
    <t>肉匠坂井　富山黒瀬店</t>
  </si>
  <si>
    <t>富山市黒瀬北町１－３－２</t>
  </si>
  <si>
    <t>株式会社　ゆらら</t>
  </si>
  <si>
    <t>富山県砺波市五郎丸６３０</t>
  </si>
  <si>
    <t>19AA0109</t>
  </si>
  <si>
    <t>特別養護老人ホーム　梨雲苑</t>
  </si>
  <si>
    <t>富山市吉作１７２５</t>
  </si>
  <si>
    <t>社会福祉法人　梨雲福祉会</t>
  </si>
  <si>
    <t>富山県富山市吉作１７２５</t>
  </si>
  <si>
    <t>19AA0110</t>
  </si>
  <si>
    <t>ひだコロッケ本舗（飛騨８００さ３１０３）</t>
  </si>
  <si>
    <t>19AM0008</t>
  </si>
  <si>
    <t>Ｆｕｎ　ｔｉｍｅ</t>
  </si>
  <si>
    <t>田村ビル１階２号室</t>
  </si>
  <si>
    <t>19AI0126</t>
  </si>
  <si>
    <t>セブン－イレブン　富山小倉店</t>
  </si>
  <si>
    <t>富山市婦中町小倉字苅杉１３３３</t>
  </si>
  <si>
    <t>19AN0036</t>
  </si>
  <si>
    <t>スナック　なつみ</t>
  </si>
  <si>
    <t>19AI0127</t>
  </si>
  <si>
    <t>ウィンク</t>
  </si>
  <si>
    <t>甲ビル３Ｆ</t>
  </si>
  <si>
    <t>19AI0128</t>
  </si>
  <si>
    <t>ｃａｆｅ　ａｍｉｔｉｅ</t>
  </si>
  <si>
    <t>富山市大泉中町２－３</t>
  </si>
  <si>
    <t>19AI0129</t>
  </si>
  <si>
    <t>来人喜人　はぎ原</t>
  </si>
  <si>
    <t>富山市堀端町１－１１</t>
  </si>
  <si>
    <t>19AG0021</t>
  </si>
  <si>
    <t>らぁ麵　麻</t>
  </si>
  <si>
    <t>富山市桜木町８－４</t>
  </si>
  <si>
    <t>19AD0025</t>
  </si>
  <si>
    <t>ｔａａｋｏ　ｉｓ</t>
  </si>
  <si>
    <t>富山市桜木町１４－１２</t>
  </si>
  <si>
    <t>カルナビル２－Ｂ</t>
  </si>
  <si>
    <t>19AI0132</t>
  </si>
  <si>
    <t>ＢＥＮＴＥＮ</t>
  </si>
  <si>
    <t>19AI0136</t>
  </si>
  <si>
    <t>百福　長江店</t>
  </si>
  <si>
    <t>富山市長江本町８－１４</t>
  </si>
  <si>
    <t>富山県富山市桜町２－２－１　２１ビル４Ｆ</t>
  </si>
  <si>
    <t>19AA0116</t>
  </si>
  <si>
    <t>ゲストハウス岩瀬</t>
  </si>
  <si>
    <t>富山市高畠町１－２－４３</t>
  </si>
  <si>
    <t>19AA0117</t>
  </si>
  <si>
    <t>かみだき農場</t>
  </si>
  <si>
    <t>富山市中番２４９</t>
  </si>
  <si>
    <t>アグリサポートネットワーク　株式会社</t>
  </si>
  <si>
    <t>富山県富山市中番２４９</t>
  </si>
  <si>
    <t>19AA0118</t>
  </si>
  <si>
    <t>北聖病院</t>
  </si>
  <si>
    <t>富山市下冨居二丁目１－５</t>
  </si>
  <si>
    <t>19AA0119</t>
  </si>
  <si>
    <t>ポムズカリー＆珈琲</t>
  </si>
  <si>
    <t>富山市悪王寺６７－１</t>
  </si>
  <si>
    <t>19AA0120</t>
  </si>
  <si>
    <t>Ｒｉｃｈ</t>
  </si>
  <si>
    <t>富山市桜木町８－１２</t>
  </si>
  <si>
    <t>ビックアベニュー８６　３Ｆ</t>
  </si>
  <si>
    <t>19AI0139</t>
  </si>
  <si>
    <t>石窯Ｐｉｚｚａちょけらまいか（岐阜８００せ７０６３）</t>
  </si>
  <si>
    <t>19AM0009</t>
  </si>
  <si>
    <t>こうその樹</t>
  </si>
  <si>
    <t>富山市下奥井１－２１－１</t>
  </si>
  <si>
    <t>19AJ0058</t>
  </si>
  <si>
    <t>このはな酵素風呂　楽</t>
  </si>
  <si>
    <t>富山市婦中町広田５５１０</t>
  </si>
  <si>
    <t>19AJ0059</t>
  </si>
  <si>
    <t>19AA0122</t>
  </si>
  <si>
    <t>Ｌｕｃｉａ</t>
  </si>
  <si>
    <t>富山市秋吉１１４－１３</t>
  </si>
  <si>
    <t>19AJ0061</t>
  </si>
  <si>
    <t>ツタヤコーヒー店</t>
  </si>
  <si>
    <t>富山市堤町通り１－４－１</t>
  </si>
  <si>
    <t>西町プレミア　１Ｆ</t>
  </si>
  <si>
    <t>19AJ0062</t>
  </si>
  <si>
    <t>魚国総本社・富山２３３６６０</t>
  </si>
  <si>
    <t>富山市北代４１３５－２６・２７</t>
  </si>
  <si>
    <t>まどか幼稚園</t>
  </si>
  <si>
    <t>19AA0127</t>
  </si>
  <si>
    <t>富山市総曲輪１－６－７</t>
  </si>
  <si>
    <t>一番館ビル１階</t>
  </si>
  <si>
    <t>株式会社　Ａ．Ｉ．Ｃｏｌｌｅｃｔｉｏｎ</t>
  </si>
  <si>
    <t>石川県金沢市片町２－１３－１１</t>
  </si>
  <si>
    <t>19AH0006</t>
  </si>
  <si>
    <t>19AG0022</t>
  </si>
  <si>
    <t>Ｎｅｘｕｓ</t>
  </si>
  <si>
    <t>19AI0144</t>
  </si>
  <si>
    <t>ＪＡＳＭＩＮＥ</t>
  </si>
  <si>
    <t>19AI0145</t>
  </si>
  <si>
    <t>ドッグカフェ　ナイン　／　肴　頓珍漢</t>
  </si>
  <si>
    <t>富山市下赤江町２－４－３</t>
  </si>
  <si>
    <t>19AA0136</t>
  </si>
  <si>
    <t>東雲（しののめ）</t>
  </si>
  <si>
    <t>富山市総曲輪２－３－２</t>
  </si>
  <si>
    <t>メリー荒町ビル１Ｆ</t>
  </si>
  <si>
    <t>19AI0148</t>
  </si>
  <si>
    <t>ＤＥＥＰ</t>
  </si>
  <si>
    <t>桜第二ビル　１０１号室</t>
  </si>
  <si>
    <t>19AI0149</t>
  </si>
  <si>
    <t>ＣＬＵＢ　ＭＩＮＥＲＶＡ</t>
  </si>
  <si>
    <t>タウンＴＯＹＯ　２Ｆ</t>
  </si>
  <si>
    <t>19AI0150</t>
  </si>
  <si>
    <t>Ｌｏｕｎｇｅ　葉月生</t>
  </si>
  <si>
    <t>レストタウンビル２０９</t>
  </si>
  <si>
    <t>19AI0151</t>
  </si>
  <si>
    <t>ナミキ</t>
  </si>
  <si>
    <t>富山市磯部町２－７－１</t>
  </si>
  <si>
    <t>19AI0152</t>
  </si>
  <si>
    <t>ＧＲＡＮＤＩＲ</t>
  </si>
  <si>
    <t>１７番街ビル　３Ｆ</t>
  </si>
  <si>
    <t>19AI0154</t>
  </si>
  <si>
    <t>富山市婦中町笹倉５３１－２</t>
  </si>
  <si>
    <t>19AI0155</t>
  </si>
  <si>
    <t>ｋｎｏｐｐ．</t>
  </si>
  <si>
    <t>富山市二口町１－２－７</t>
  </si>
  <si>
    <t>株式会社　クノップ</t>
  </si>
  <si>
    <t>富山県富山市二口町１－２－７</t>
  </si>
  <si>
    <t>19AJ0065</t>
  </si>
  <si>
    <t>ＡＩＲＰＯＲＴ　ＫＩＴＣＨＥＮ</t>
  </si>
  <si>
    <t>富山市秋ケ島３０</t>
  </si>
  <si>
    <t>富山空港ターミナルビル２Ｆ</t>
  </si>
  <si>
    <t>株式会社　ＲＥＣＲＥＶＡ</t>
  </si>
  <si>
    <t>石川県小松市問屋町２８</t>
  </si>
  <si>
    <t>19AA0140</t>
  </si>
  <si>
    <t>花</t>
  </si>
  <si>
    <t>富山市新富町１－３－３</t>
  </si>
  <si>
    <t>19AI0156</t>
  </si>
  <si>
    <t>博多ラーメン１０</t>
  </si>
  <si>
    <t>富山市新庄本町１－７９－１</t>
  </si>
  <si>
    <t>19AD0027</t>
  </si>
  <si>
    <t>ＫＯＫＵＳＡＩ　ＥＬＥＣＴＯＲＩＣ　富山</t>
  </si>
  <si>
    <t>富山市八尾町保内２－１</t>
  </si>
  <si>
    <t>19AA0143</t>
  </si>
  <si>
    <t>ふじいお好み焼店</t>
  </si>
  <si>
    <t>富山市石倉町２－７</t>
  </si>
  <si>
    <t>19AN0044</t>
  </si>
  <si>
    <t>さくらの樹</t>
  </si>
  <si>
    <t>19AI0160</t>
  </si>
  <si>
    <t>仁歩地区自治振興会　ほたるの館</t>
  </si>
  <si>
    <t>富山市八尾町三ツ松９５７</t>
  </si>
  <si>
    <t>19AA0152</t>
  </si>
  <si>
    <t>ＳＨＩＮＹ　ＭＯＵＮＴＡＩＮ</t>
  </si>
  <si>
    <t>アルペン村新桜町ビル</t>
  </si>
  <si>
    <t>19AI0163</t>
  </si>
  <si>
    <t>大集酒場　サカナヤオアジ</t>
  </si>
  <si>
    <t>富山市桜町２－３－４</t>
  </si>
  <si>
    <t>19AI0164</t>
  </si>
  <si>
    <t>お好み焼・鉄板焼　ヤキドキ</t>
  </si>
  <si>
    <t>桜第二ビル１０２</t>
  </si>
  <si>
    <t>19AI0165</t>
  </si>
  <si>
    <t>富山国際大学食堂</t>
  </si>
  <si>
    <t>富山市東黒牧６５－１</t>
  </si>
  <si>
    <t>19AA0160</t>
  </si>
  <si>
    <t>ろこん</t>
  </si>
  <si>
    <t>富山市上大久保１０６２</t>
  </si>
  <si>
    <t>株式会社　フォーシーム</t>
  </si>
  <si>
    <t>富山県富山市本郷新７０－３</t>
  </si>
  <si>
    <t>19AI0167</t>
  </si>
  <si>
    <t>天ぷら　小泉　たかの</t>
  </si>
  <si>
    <t>アーバンプレイスＢ１</t>
  </si>
  <si>
    <t>ＩＭＦ　株式会社</t>
  </si>
  <si>
    <t>富山県富山市才覚寺２４６－４</t>
  </si>
  <si>
    <t>19AA0161</t>
  </si>
  <si>
    <t>焼肉　楸（ひさぎ）</t>
  </si>
  <si>
    <t>富山市大町２４１－３</t>
  </si>
  <si>
    <t>株式会社　柊</t>
  </si>
  <si>
    <t>富山県中新川郡立山町浅生１３５</t>
  </si>
  <si>
    <t>19AI0168</t>
  </si>
  <si>
    <t>創作料理　門</t>
  </si>
  <si>
    <t>富山市大町二区１７３</t>
  </si>
  <si>
    <t>株式会社イズミックス</t>
  </si>
  <si>
    <t>富山県射水市棚田１１６</t>
  </si>
  <si>
    <t>19AA0167</t>
  </si>
  <si>
    <t>Ｂｏｏｚｅｒ</t>
  </si>
  <si>
    <t>大洋第二ビル２階</t>
  </si>
  <si>
    <t>19AI0170</t>
  </si>
  <si>
    <t>ｅｔｈｉｃａ...</t>
  </si>
  <si>
    <t>富山市常盤町４－１６</t>
  </si>
  <si>
    <t>19AA0169</t>
  </si>
  <si>
    <t>純喫茶　フジヤ</t>
  </si>
  <si>
    <t>富山市内幸町１－６</t>
  </si>
  <si>
    <t>19AI0172</t>
  </si>
  <si>
    <t>ＣＡＮＤＹ　ＰＥＡＲＬ</t>
  </si>
  <si>
    <t>富山市秋吉１９１－１</t>
  </si>
  <si>
    <t>アンテナショップ山室Ｂ－２</t>
  </si>
  <si>
    <t>株式会社　ノアズグループ</t>
  </si>
  <si>
    <t>19AJ0075</t>
  </si>
  <si>
    <t>ほんごうの木珈琲　ピエロ</t>
  </si>
  <si>
    <t>富山市本郷町６２－２</t>
  </si>
  <si>
    <t>株式会社　Ｌｉ　Ｓｔａｒ</t>
  </si>
  <si>
    <t>富山県富山市本郷町６２－２</t>
  </si>
  <si>
    <t>19AJ0076</t>
  </si>
  <si>
    <t>うちんち。</t>
  </si>
  <si>
    <t>桜木プラザビルＢ１－Ｂ</t>
  </si>
  <si>
    <t>19AI0174</t>
  </si>
  <si>
    <t>ほっともっと　富山問屋センター</t>
  </si>
  <si>
    <t>富山市問屋町１－３－１８</t>
  </si>
  <si>
    <t>19AE0069</t>
  </si>
  <si>
    <t>Ｂａｋｅ　ｓｈｏｐ　ＴＡＫＵ</t>
  </si>
  <si>
    <t>富山市堀川町４８３</t>
  </si>
  <si>
    <t>株式会社　拓新</t>
  </si>
  <si>
    <t>富山県富山市月岡町４－６８０－５</t>
  </si>
  <si>
    <t>19AJ0079</t>
  </si>
  <si>
    <t>19AJ0082</t>
  </si>
  <si>
    <t>よなよな</t>
  </si>
  <si>
    <t>富山市北代４５２７－２</t>
  </si>
  <si>
    <t>19AI0180</t>
  </si>
  <si>
    <t>居酒屋ＤＩＮＮＥＲ　つばめ食堂</t>
  </si>
  <si>
    <t>富山市花園町３－５－２１</t>
  </si>
  <si>
    <t>19AA0189</t>
  </si>
  <si>
    <t>日本酒ＢＡＲ　ＵＺＵＭＡＫＩ</t>
  </si>
  <si>
    <t>久郷ビル２Ｆ</t>
  </si>
  <si>
    <t>19AI0191</t>
  </si>
  <si>
    <t>富山市総曲輪１－８</t>
  </si>
  <si>
    <t>19AA0194</t>
  </si>
  <si>
    <t>和食　くすの木</t>
  </si>
  <si>
    <t>第２松本ビル１ＦＣ号</t>
  </si>
  <si>
    <t>19AG0026</t>
  </si>
  <si>
    <t>らーめん　ひでお屋　藤ノ木店</t>
  </si>
  <si>
    <t>富山市開８７－１</t>
  </si>
  <si>
    <t>19AD0038</t>
  </si>
  <si>
    <t>らーめん　ひでお屋　中田店</t>
  </si>
  <si>
    <t>富山市中田１－１１－１７</t>
  </si>
  <si>
    <t>19AD0039</t>
  </si>
  <si>
    <t>花保里</t>
  </si>
  <si>
    <t>桜木プラザビルＢ１Ｆ－Ｅ</t>
  </si>
  <si>
    <t>19AI0196</t>
  </si>
  <si>
    <t>ラブィフーズ</t>
  </si>
  <si>
    <t>富山市八尾町上新町２６７７－１</t>
  </si>
  <si>
    <t>株式会社　フィール</t>
  </si>
  <si>
    <t>富山県富山市婦中町田島９４１－８</t>
  </si>
  <si>
    <t>21AE0007</t>
  </si>
  <si>
    <t>マルカ食堂</t>
  </si>
  <si>
    <t>富山市新庄北町２０－２２</t>
  </si>
  <si>
    <t>21AA0022</t>
  </si>
  <si>
    <t>富山市下堀７４－１</t>
  </si>
  <si>
    <t>21AB0002</t>
  </si>
  <si>
    <t>倉式珈琲店　ファボーレ富山店</t>
  </si>
  <si>
    <t>株式会社　倉式珈琲</t>
  </si>
  <si>
    <t>岡山県岡山市北区平田１７３－１０４</t>
  </si>
  <si>
    <t>19AJ0089</t>
  </si>
  <si>
    <t>長崎ちゃんぽん　リンガーハット</t>
  </si>
  <si>
    <t>ささや　株式会社</t>
  </si>
  <si>
    <t>長野県上田市中央２－１５－１２</t>
  </si>
  <si>
    <t>19AA0195</t>
  </si>
  <si>
    <t>京のおばんざい　ぴあ</t>
  </si>
  <si>
    <t>富山市堤町通り１－４－９</t>
  </si>
  <si>
    <t>トレッドビル２Ｆ</t>
  </si>
  <si>
    <t>19AI0197</t>
  </si>
  <si>
    <t>石焼ステーキ贅　富山下飯野店</t>
  </si>
  <si>
    <t>富山市下飯野１７</t>
  </si>
  <si>
    <t>新潟県三条市石上１－４－１２</t>
  </si>
  <si>
    <t>19AA0197</t>
  </si>
  <si>
    <t>ｋｎｏｐｐ．ファボーレ店</t>
  </si>
  <si>
    <t>19AJ0092</t>
  </si>
  <si>
    <t>山桜花</t>
  </si>
  <si>
    <t>ファボーレ２Ｆ</t>
  </si>
  <si>
    <t>石川県金沢市北町丁５６－１</t>
  </si>
  <si>
    <t>19AA0201</t>
  </si>
  <si>
    <t>ケンタッキーフライドチキン　ファボーレ富山店</t>
  </si>
  <si>
    <t>長野県長野市中御所５－１－１８</t>
  </si>
  <si>
    <t>19AJ0093</t>
  </si>
  <si>
    <t>ｆａｒｍｅｒｓ　ｅｇｇ　ｋｉｔｃｈｅｎ</t>
  </si>
  <si>
    <t>株式会社　トコシエ</t>
  </si>
  <si>
    <t>石川県金沢市富樫１－５－２</t>
  </si>
  <si>
    <t>19AJ0094</t>
  </si>
  <si>
    <t>そば処　花凛　ファボーレ店</t>
  </si>
  <si>
    <t>株式会社　味一番フード</t>
  </si>
  <si>
    <t>石川県金沢市笠舞本町１－６－６７</t>
  </si>
  <si>
    <t>19AD0040</t>
  </si>
  <si>
    <t>花あかり</t>
  </si>
  <si>
    <t>ザ・ロイヤルビル１Ｆ</t>
  </si>
  <si>
    <t>19AI0204</t>
  </si>
  <si>
    <t>１００時間カレー</t>
  </si>
  <si>
    <t>株式会社　エス・エープランニング</t>
  </si>
  <si>
    <t>石川県金沢市新保本三丁目４０番地</t>
  </si>
  <si>
    <t>19AA0202</t>
  </si>
  <si>
    <t>お肉のナカノ</t>
  </si>
  <si>
    <t>株式会社　ナカノ</t>
  </si>
  <si>
    <t>石川県野々市市粟田２丁目１４８</t>
  </si>
  <si>
    <t>19AA0204</t>
  </si>
  <si>
    <t>ｙｏｇｏｒｉｎｏ　ｃａｆｆｅ</t>
  </si>
  <si>
    <t>19AJ0096</t>
  </si>
  <si>
    <t>ウェンディーズファーストキッチン富山ファボーレ店</t>
  </si>
  <si>
    <t>富山県富山市婦中町増田３０－１</t>
  </si>
  <si>
    <t>19AJ0097</t>
  </si>
  <si>
    <t>はなまるうどん　富山ファボーレ店</t>
  </si>
  <si>
    <t>株式会社　はなまる</t>
  </si>
  <si>
    <t>19AD0041</t>
  </si>
  <si>
    <t>コムクレープ　富山ファボーレ店</t>
  </si>
  <si>
    <t>19AJ0098</t>
  </si>
  <si>
    <t>台湾甜商店</t>
  </si>
  <si>
    <t>富山市水橋伊勢屋２８０</t>
  </si>
  <si>
    <t>19AJ0099</t>
  </si>
  <si>
    <t>いきなりステーキ　ファボーレ富山店</t>
  </si>
  <si>
    <t>富山市桜木町１１－２</t>
  </si>
  <si>
    <t>19AA0206</t>
  </si>
  <si>
    <t>築地銀だこ　富山ファボーレ店</t>
  </si>
  <si>
    <t>東京都中央区新富１－９－６　ザ・パークレックス新富町ビル４Ｆ</t>
  </si>
  <si>
    <t>19AN0053</t>
  </si>
  <si>
    <t>金澤味噌ラーメン神仙</t>
  </si>
  <si>
    <t>石川県金沢市西念４－７－１</t>
  </si>
  <si>
    <t>19AD0042</t>
  </si>
  <si>
    <t>つりや　東岩瀬</t>
  </si>
  <si>
    <t>富山市東岩瀬町１２０</t>
  </si>
  <si>
    <t>株式会社　釣屋魚問屋</t>
  </si>
  <si>
    <t>富山県氷見市中央町８－２４</t>
  </si>
  <si>
    <t>19AI0209</t>
  </si>
  <si>
    <t>株式会社　原信　下飯野店</t>
  </si>
  <si>
    <t>富山市下飯野３５６</t>
  </si>
  <si>
    <t>株式会社　原信</t>
  </si>
  <si>
    <t>新潟県長岡市中興野１８－２</t>
  </si>
  <si>
    <t>19AK0020</t>
  </si>
  <si>
    <t>19AE0081</t>
  </si>
  <si>
    <t>スタイリッシュバー　ＡＸＩＳ</t>
  </si>
  <si>
    <t>富山市桜木町９－１５　</t>
  </si>
  <si>
    <t>株式会社　Ｋ－プランニング</t>
  </si>
  <si>
    <t>富山県富山市桜木町９－１５</t>
  </si>
  <si>
    <t>19AI0214</t>
  </si>
  <si>
    <t>Ｇｌｏｒｉｏｕｓ</t>
  </si>
  <si>
    <t>富山市総曲輪一丁目２－１３</t>
  </si>
  <si>
    <t>ザ・ロイヤルビル　２Ｆ　ＡＢ</t>
  </si>
  <si>
    <t>19AI0220</t>
  </si>
  <si>
    <t>ＢＡＲ　ＥＤＥＮ</t>
  </si>
  <si>
    <t>１７番街ビル　１０３号</t>
  </si>
  <si>
    <t>19AI0221</t>
  </si>
  <si>
    <t>カラオケ　ひまわり</t>
  </si>
  <si>
    <t>ＴＳビル３Ｆ</t>
  </si>
  <si>
    <t>株式会社　ＭＳＣ</t>
  </si>
  <si>
    <t>富山県富山市石坂新２８２－１１</t>
  </si>
  <si>
    <t>19AI0222</t>
  </si>
  <si>
    <t>Ｋｉｔｃｈｅｎ＆Ｃａｆｅ　ＧＡＲＥ　ＧＡＲＥ</t>
  </si>
  <si>
    <t>富山市岩瀬天神町３</t>
  </si>
  <si>
    <t>19AA0212</t>
  </si>
  <si>
    <t>Ｆｉｒｓｔ</t>
  </si>
  <si>
    <t>富山市婦中町速星１００５－２　１Ｆ</t>
  </si>
  <si>
    <t>19AI0223</t>
  </si>
  <si>
    <t>ＶＡＤ　ＢＡＲ　ＣｈＡｏＳ</t>
  </si>
  <si>
    <t>プレイドールビル２Ｆ</t>
  </si>
  <si>
    <t>19AI0225</t>
  </si>
  <si>
    <t>Ｌａ　ｆｅｅ　ｄｅ　ｎｕｉｔ</t>
  </si>
  <si>
    <t>桜木町レストタウンビル１Ｆ　１０６</t>
  </si>
  <si>
    <t>19AI0232</t>
  </si>
  <si>
    <t>ベールパン</t>
  </si>
  <si>
    <t>富山市粟島町１－２－４９</t>
  </si>
  <si>
    <t>19AE0083</t>
  </si>
  <si>
    <t>19AN0058</t>
  </si>
  <si>
    <t>パン香房ジャックと豆の木</t>
  </si>
  <si>
    <t>富山市高島１００－１２</t>
  </si>
  <si>
    <t>19AE0084</t>
  </si>
  <si>
    <t>のらりくらり</t>
  </si>
  <si>
    <t>富山市西町４－２１</t>
  </si>
  <si>
    <t>クレムペラビル　１Ｆ</t>
  </si>
  <si>
    <t>19AI0244</t>
  </si>
  <si>
    <t>ローソン　婦中中名店</t>
  </si>
  <si>
    <t>富山市婦中町中名筒田１６６３－１０</t>
  </si>
  <si>
    <t>19AE0085</t>
  </si>
  <si>
    <t>バオバブ</t>
  </si>
  <si>
    <t>富山市婦中町西本郷７１－４</t>
  </si>
  <si>
    <t>１階右室</t>
  </si>
  <si>
    <t>19AI0249</t>
  </si>
  <si>
    <t>ａｎ　ａｎ</t>
  </si>
  <si>
    <t>第一三愛ビル　４－Ｐ</t>
  </si>
  <si>
    <t>19AI0250</t>
  </si>
  <si>
    <t>カーブ・ド・キキ</t>
  </si>
  <si>
    <t>富山市桜町２－１－１０</t>
  </si>
  <si>
    <t>山本ビル　２Ｆ</t>
  </si>
  <si>
    <t>株式会社　キキ</t>
  </si>
  <si>
    <t>富山県富山市桜町２－１－１０</t>
  </si>
  <si>
    <t>19AI0260</t>
  </si>
  <si>
    <t>ＩＢＩＺＡ</t>
  </si>
  <si>
    <t>西野ビル　２階０１１号、０１２号</t>
  </si>
  <si>
    <t>株式会社　ランクアップ</t>
  </si>
  <si>
    <t>富山県富山市本郷町７０－４　オールージュ２０５号室</t>
  </si>
  <si>
    <t>19AH0012</t>
  </si>
  <si>
    <t>ジプシー</t>
  </si>
  <si>
    <t>19AI0261</t>
  </si>
  <si>
    <t>かめ英</t>
  </si>
  <si>
    <t>富山市総曲輪１－１－１７</t>
  </si>
  <si>
    <t>リンカーンホール１Ｆ</t>
  </si>
  <si>
    <t>19AG0032</t>
  </si>
  <si>
    <t>ＪＩＮＪＩＮＲＡＫＵ</t>
  </si>
  <si>
    <t>株式会社　Ｆ＆Ｄサービス</t>
  </si>
  <si>
    <t>大阪府大阪市西区江戸堀３－１－３１</t>
  </si>
  <si>
    <t>19AA0224</t>
  </si>
  <si>
    <t>海軍カレー　アンカーズ</t>
  </si>
  <si>
    <t>ＣＩＣビル　Ｂ１階</t>
  </si>
  <si>
    <t>有限会社　バル</t>
  </si>
  <si>
    <t>富山市西長江１－６－１４</t>
  </si>
  <si>
    <t>19AA0225</t>
  </si>
  <si>
    <t>蛭子房　</t>
  </si>
  <si>
    <t>松よしビル２Ｆ８号</t>
  </si>
  <si>
    <t>19AI0267</t>
  </si>
  <si>
    <t>ＣＬＵＢ　ＣＲＯＮＵＳ</t>
  </si>
  <si>
    <t>富山市桜木町８－２２</t>
  </si>
  <si>
    <t>サンライズビル　２Ｆ</t>
  </si>
  <si>
    <t>19AI0268</t>
  </si>
  <si>
    <t>ジョリーパスタ　富山二口店</t>
  </si>
  <si>
    <t>富山市二口町１－１１－１</t>
  </si>
  <si>
    <t>19AA0227</t>
  </si>
  <si>
    <t>ＢＡＲ　梟</t>
  </si>
  <si>
    <t>富山市宝町１－５－１４</t>
  </si>
  <si>
    <t>アミティ宝２Ｆ</t>
  </si>
  <si>
    <t>19AI0274</t>
  </si>
  <si>
    <t>ＧＢ’Ｓ　ＣＡＦＥ　富山大学前店</t>
  </si>
  <si>
    <t>富山市五福８区３３８６</t>
  </si>
  <si>
    <t>19AI0275</t>
  </si>
  <si>
    <t>19AI0278</t>
  </si>
  <si>
    <t>居酒屋たすき</t>
  </si>
  <si>
    <t>富山市新富町１－３－９</t>
  </si>
  <si>
    <t>19AI0280</t>
  </si>
  <si>
    <t>Ｒｕｍｂａｒ　ＳＵＮ－ＳＨＯＴ</t>
  </si>
  <si>
    <t>19AI0281</t>
  </si>
  <si>
    <t>19AD0045</t>
  </si>
  <si>
    <t>ＲＡＹ</t>
  </si>
  <si>
    <t>富山市総曲輪１－４－１７</t>
  </si>
  <si>
    <t>第３ＫＳビル２Ｆ</t>
  </si>
  <si>
    <t>19AI0282</t>
  </si>
  <si>
    <t>麺吉平</t>
  </si>
  <si>
    <t>19AD0046</t>
  </si>
  <si>
    <t>道とん堀　富山天正寺店</t>
  </si>
  <si>
    <t>富山市天正寺７１－１</t>
  </si>
  <si>
    <t>富山県富山市天正寺１０８３番地　カワカミビル８Ｆ</t>
  </si>
  <si>
    <t>19AA0229</t>
  </si>
  <si>
    <t>スズキーマ</t>
  </si>
  <si>
    <t>富山市西町６－４　１Ｆ－Ａ</t>
  </si>
  <si>
    <t>19AA0230</t>
  </si>
  <si>
    <t>ａｒｋ</t>
  </si>
  <si>
    <t>富山市総曲輪１－３－１</t>
  </si>
  <si>
    <t>アイカアビル３Ｆ</t>
  </si>
  <si>
    <t>19AI0285</t>
  </si>
  <si>
    <t>みつ葉</t>
  </si>
  <si>
    <t>富山市上袋３５３</t>
  </si>
  <si>
    <t>上武ビルテナントＣ</t>
  </si>
  <si>
    <t>19AI0286</t>
  </si>
  <si>
    <t>焼肉や</t>
  </si>
  <si>
    <t>富山市下堀２－１</t>
  </si>
  <si>
    <t>19AI0287</t>
  </si>
  <si>
    <t>富山市太田口通り１－１－８</t>
  </si>
  <si>
    <t>19AI0288</t>
  </si>
  <si>
    <t>富山大学附属病院　食堂店</t>
  </si>
  <si>
    <t>富山市杉谷２６３０　富山大学附属病院内</t>
  </si>
  <si>
    <t>富山県砺波市大門２６４－２</t>
  </si>
  <si>
    <t>19AA0232</t>
  </si>
  <si>
    <t>居酒屋　福丸</t>
  </si>
  <si>
    <t>富山市粟島町三丁目３－２</t>
  </si>
  <si>
    <t>19AI0289</t>
  </si>
  <si>
    <t>めし酒場　しろくま</t>
  </si>
  <si>
    <t>富山市南田町１－１－１１</t>
  </si>
  <si>
    <t>木村ビル１Ｆ</t>
  </si>
  <si>
    <t>19AI0290</t>
  </si>
  <si>
    <t>酒場　桜町笑店</t>
  </si>
  <si>
    <t>富山市桜町２－１</t>
  </si>
  <si>
    <t>山本ビル２Ｆ</t>
  </si>
  <si>
    <t>株式会社　０１</t>
  </si>
  <si>
    <t>富山県富山市黒瀬８１－２</t>
  </si>
  <si>
    <t>19AI0291</t>
  </si>
  <si>
    <t>六腑</t>
  </si>
  <si>
    <t>富山市総曲輪４－８－１０</t>
  </si>
  <si>
    <t>高井ビル１Ｆ</t>
  </si>
  <si>
    <t>19AI0292</t>
  </si>
  <si>
    <t>ＩＮＤＩＡＮ　ＨＡＴ</t>
  </si>
  <si>
    <t>富山市今泉北部町１－１</t>
  </si>
  <si>
    <t>ＺＥＡＬビル　１Ｆ</t>
  </si>
  <si>
    <t>ＰｅａｃｅＴｒａｄｉｎｇ　合同会社</t>
  </si>
  <si>
    <t>富山県富山市今泉北部町１－１　ＺＥＡＬＢＬＤＧ１Ｆ</t>
  </si>
  <si>
    <t>19AA0233</t>
  </si>
  <si>
    <t>松涛庵</t>
  </si>
  <si>
    <t>富山市浜黒崎２４２</t>
  </si>
  <si>
    <t>前田薬品工業　株式会社</t>
  </si>
  <si>
    <t>富山県富山市向新庄町１－１８－４７</t>
  </si>
  <si>
    <t>19AD0047</t>
  </si>
  <si>
    <t>広島自転車商会</t>
  </si>
  <si>
    <t>富山市三番町２－１５</t>
  </si>
  <si>
    <t>19AI0293</t>
  </si>
  <si>
    <t>サンポーロ　よってかれ</t>
  </si>
  <si>
    <t>富山市中央通り１－１－１４</t>
  </si>
  <si>
    <t>シャルムビル　１階</t>
  </si>
  <si>
    <t>株式会社　あるぺん村</t>
  </si>
  <si>
    <t>富山県富山市中央通り１－１－１４　</t>
  </si>
  <si>
    <t>19AN0062</t>
  </si>
  <si>
    <t>株式会社　ＡＩＶＩＣＫ</t>
  </si>
  <si>
    <t>富山市太田口通り３－２－１１</t>
  </si>
  <si>
    <t>京都市南区八条通大宮西入ル八条町４１６</t>
  </si>
  <si>
    <t>19AE0089</t>
  </si>
  <si>
    <t>富の極み　ｓｅｉ</t>
  </si>
  <si>
    <t>富山市新富町二丁目５－１７</t>
  </si>
  <si>
    <t>ＳＳビル１Ｆ</t>
  </si>
  <si>
    <t>靜月　株式会社</t>
  </si>
  <si>
    <t>富山県富山市桜町２－４－４　富山センタービル２Ｆ</t>
  </si>
  <si>
    <t>19AI0295</t>
  </si>
  <si>
    <t>Ｃｏｆｆｅｅ　＆　Ｔｅａ　ｌｉｐｉｎｅ</t>
  </si>
  <si>
    <t>20AA0001</t>
  </si>
  <si>
    <t>セブン－イレブン　富山城川原３丁目店</t>
  </si>
  <si>
    <t>富山市城川原３－４－２３</t>
  </si>
  <si>
    <t>20AN0001</t>
  </si>
  <si>
    <t>ローソン　富山森店</t>
  </si>
  <si>
    <t>富山市森３－２７－１</t>
  </si>
  <si>
    <t>20AE0001</t>
  </si>
  <si>
    <t>ローソン　富山本郷東部店</t>
  </si>
  <si>
    <t>富山市本郷東部９２</t>
  </si>
  <si>
    <t>株式会社　ｗｅｓｔｄｏｏｒ</t>
  </si>
  <si>
    <t>富山県富山市神通本町１－３－１６－６０２エスポワール神通</t>
  </si>
  <si>
    <t>20AE0002</t>
  </si>
  <si>
    <t>ローソン　富山呉羽店</t>
  </si>
  <si>
    <t>富山市呉羽町６９４９－１</t>
  </si>
  <si>
    <t>20AE0003</t>
  </si>
  <si>
    <t>ローソン　富山日赤病院前店</t>
  </si>
  <si>
    <t>富山市牛島本町１－１－７３</t>
  </si>
  <si>
    <t>20AE0004</t>
  </si>
  <si>
    <t>ローソン　富山大学西門前店</t>
  </si>
  <si>
    <t>富山市五福３３４１－２</t>
  </si>
  <si>
    <t>20AN0003</t>
  </si>
  <si>
    <t>澤屋</t>
  </si>
  <si>
    <t>富山市三番町２－１４　１階</t>
  </si>
  <si>
    <t>20AI0002</t>
  </si>
  <si>
    <t>鮨　つか田</t>
  </si>
  <si>
    <t>チェリーポートビル　２階</t>
  </si>
  <si>
    <t>合同会社　つか田</t>
  </si>
  <si>
    <t>富山県富山市総曲輪１－８－１　チェリーポートビル　２階</t>
  </si>
  <si>
    <t>20AC0001</t>
  </si>
  <si>
    <t>町中華　華山椒</t>
  </si>
  <si>
    <t>センチュリービル２Ｆ</t>
  </si>
  <si>
    <t>株式会社　Ｋ－ＯＮＥ</t>
  </si>
  <si>
    <t>20AI0004</t>
  </si>
  <si>
    <t>Ｂｕｎｎｙ’ｓ</t>
  </si>
  <si>
    <t>20AI0005</t>
  </si>
  <si>
    <t>ＧＯＳＳＩＰ</t>
  </si>
  <si>
    <t>桜木町中央ビル２０２</t>
  </si>
  <si>
    <t>20AI0006</t>
  </si>
  <si>
    <t>カルナビル１Ｆ</t>
  </si>
  <si>
    <t>20AI0008</t>
  </si>
  <si>
    <t>さっちゃん家（富山８００す４８３４）</t>
  </si>
  <si>
    <t>20AM0001</t>
  </si>
  <si>
    <t>べんてんさん</t>
  </si>
  <si>
    <t>ジェイズテナント５号</t>
  </si>
  <si>
    <t>20AI0009</t>
  </si>
  <si>
    <t>ＶＡＬＥＲＩ　Ｇｉｒｌｓ</t>
  </si>
  <si>
    <t>１７番街ビル　Ｂ－２</t>
  </si>
  <si>
    <t>20AI0010</t>
  </si>
  <si>
    <t>おうち猫カフェ　ねこやすみ</t>
  </si>
  <si>
    <t>富山市堀川本郷１５―１５７</t>
  </si>
  <si>
    <t>20AJ0003</t>
  </si>
  <si>
    <t>ＨＡＰＰＹ ＤＩＮＮＩＮＧ ｊｏｉｅ</t>
  </si>
  <si>
    <t>富山市赤田７３５－６</t>
  </si>
  <si>
    <t>20AA0004</t>
  </si>
  <si>
    <t>富山市布市２７８</t>
  </si>
  <si>
    <t>20AA0006</t>
  </si>
  <si>
    <t>20AE0007</t>
  </si>
  <si>
    <t>リベル</t>
  </si>
  <si>
    <t>富山市総曲輪１－５－１１</t>
  </si>
  <si>
    <t>20AI0013</t>
  </si>
  <si>
    <t>ぷにぷに</t>
  </si>
  <si>
    <t>富山市蜷川２４６</t>
  </si>
  <si>
    <t>20AI0015</t>
  </si>
  <si>
    <t>旨豚やまちゃん</t>
  </si>
  <si>
    <t>富山市田畠１２－１</t>
  </si>
  <si>
    <t>20AE0009</t>
  </si>
  <si>
    <t>Ｉｎｖｅｓｔｏｒ　Ｌｏｕｎｇｅ</t>
  </si>
  <si>
    <t>富山市桜木町６－４</t>
  </si>
  <si>
    <t>千歳ビル２－Ｅ</t>
  </si>
  <si>
    <t>株式会社　ＪＣＥ</t>
  </si>
  <si>
    <t>富山県滑川市開７５４－６</t>
  </si>
  <si>
    <t>20AI0018</t>
  </si>
  <si>
    <t>ｓｎａｃｋ　ｖｏｙａｇｅ</t>
  </si>
  <si>
    <t>ふるさとビル１Ｆ２号室</t>
  </si>
  <si>
    <t>20AI0021</t>
  </si>
  <si>
    <t>漁夫</t>
  </si>
  <si>
    <t>富山市水橋辻ケ堂４０－２２</t>
  </si>
  <si>
    <t>20AE0010</t>
  </si>
  <si>
    <t>スナック　千恵子</t>
  </si>
  <si>
    <t>ヴィガビル１Ｆ　正面東側</t>
  </si>
  <si>
    <t>20AI0022</t>
  </si>
  <si>
    <t>太陽のプリズム西荒屋</t>
  </si>
  <si>
    <t>富山市西荒屋５１１</t>
  </si>
  <si>
    <t>株式会社　ＬＥＯＣ</t>
  </si>
  <si>
    <t>東京都千代田区大手町１－１－３</t>
  </si>
  <si>
    <t>20AA0009</t>
  </si>
  <si>
    <t>洋食屋　大人のお子様ランチ</t>
  </si>
  <si>
    <t>20AA0014</t>
  </si>
  <si>
    <t>ワンプレートキッチン１６</t>
  </si>
  <si>
    <t>株式会社　アイ・アール</t>
  </si>
  <si>
    <t>富山県富山市旭町３－１</t>
  </si>
  <si>
    <t>20AA0015</t>
  </si>
  <si>
    <t>Ａ！！Ｂｏａ</t>
  </si>
  <si>
    <t>富山市桜町２－１－１４</t>
  </si>
  <si>
    <t>富山県富山市水落１１９－３０</t>
  </si>
  <si>
    <t>20AI0025</t>
  </si>
  <si>
    <t>四六八ちゃ　個室別館</t>
  </si>
  <si>
    <t>富山市新桜町５－２</t>
  </si>
  <si>
    <t>ホテルリブマックス１Ｆ</t>
  </si>
  <si>
    <t>20AG0002</t>
  </si>
  <si>
    <t>グレース</t>
  </si>
  <si>
    <t>富山市新根塚町２－８－５</t>
  </si>
  <si>
    <t>グレース株式会社</t>
  </si>
  <si>
    <t>富山県富山市新根塚町２－８－５</t>
  </si>
  <si>
    <t>20AI0028</t>
  </si>
  <si>
    <t>餃子の恵</t>
  </si>
  <si>
    <t>田村ビル　１Ｆ</t>
  </si>
  <si>
    <t>20AB0001</t>
  </si>
  <si>
    <t>白昼夢</t>
  </si>
  <si>
    <t>20AI0029</t>
  </si>
  <si>
    <t>○福（まるふく）</t>
  </si>
  <si>
    <t>富山市田中町４－１３－３４</t>
  </si>
  <si>
    <t>ハイコーポ田中１０１号</t>
  </si>
  <si>
    <t>株式会社　Ｄ－ＳＴＡ</t>
  </si>
  <si>
    <t>富山県富山市富岡町３３－１６</t>
  </si>
  <si>
    <t>20AI0030</t>
  </si>
  <si>
    <t>ショックラブ</t>
  </si>
  <si>
    <t>富山市桜町２－２－１</t>
  </si>
  <si>
    <t>２１ビル２Ｆ</t>
  </si>
  <si>
    <t>20AI0031</t>
  </si>
  <si>
    <t>志摩</t>
  </si>
  <si>
    <t>20AI0032</t>
  </si>
  <si>
    <t>富山屋　本店</t>
  </si>
  <si>
    <t>富山市桜町２－３－１５</t>
  </si>
  <si>
    <t>20AI0036</t>
  </si>
  <si>
    <t>ローソン　富山山室中央店</t>
  </si>
  <si>
    <t>富山市山室字浦田割３６６－７</t>
  </si>
  <si>
    <t>20AN0008</t>
  </si>
  <si>
    <t>ＣＬＯＶＥＲ＆Ｃｏ</t>
  </si>
  <si>
    <t>１７番街ビル１Ｆ</t>
  </si>
  <si>
    <t>20AI0037</t>
  </si>
  <si>
    <t>ロビンソン</t>
  </si>
  <si>
    <t>富山市中央通り１－４－１０</t>
  </si>
  <si>
    <t>ウルワツビルＢ１Ｆ</t>
  </si>
  <si>
    <t>株式会社　ＬＬＣｔｏｙ</t>
  </si>
  <si>
    <t>富山県富山市荒川３－１７３－４</t>
  </si>
  <si>
    <t>20AI0038</t>
  </si>
  <si>
    <t>ローソン　富山新保店</t>
  </si>
  <si>
    <t>富山市新保６６９－１</t>
  </si>
  <si>
    <t>20AN0009</t>
  </si>
  <si>
    <t>プティボヌール</t>
  </si>
  <si>
    <t>富山市向新庄町６－３－１７</t>
  </si>
  <si>
    <t>20AJ0018</t>
  </si>
  <si>
    <t>ＬＵＭＩＮＯＵＳ</t>
  </si>
  <si>
    <t>富山市総曲輪１－４－２８</t>
  </si>
  <si>
    <t>朱實ビル１０２</t>
  </si>
  <si>
    <t>20AI0040</t>
  </si>
  <si>
    <t>ローソン　富山下堀店</t>
  </si>
  <si>
    <t>富山市下堀７</t>
  </si>
  <si>
    <t>20AN0010</t>
  </si>
  <si>
    <t>ＫＥＢＡＫＯ</t>
  </si>
  <si>
    <t>富山市五福１８７１－３</t>
  </si>
  <si>
    <t>セプト・クルール　１Ｆ</t>
  </si>
  <si>
    <t>プレジャーワーク　富山株式会社</t>
  </si>
  <si>
    <t>富山県中新川郡上市町川原田２１</t>
  </si>
  <si>
    <t>20AA0021</t>
  </si>
  <si>
    <t>20AE0013</t>
  </si>
  <si>
    <t>カラオケスナック　きてぃ物語</t>
  </si>
  <si>
    <t>富山市常盤町１－１０</t>
  </si>
  <si>
    <t>山口ビル１Ｆ</t>
  </si>
  <si>
    <t>20AI0041</t>
  </si>
  <si>
    <t>20AI0042</t>
  </si>
  <si>
    <t>米久</t>
  </si>
  <si>
    <t>富山市石坂３３５８</t>
  </si>
  <si>
    <t>株式会社　米久</t>
  </si>
  <si>
    <t>富山県富山市石坂３３５８</t>
  </si>
  <si>
    <t>20AE0014</t>
  </si>
  <si>
    <t>寿し工房大辻　一番町店</t>
  </si>
  <si>
    <t>富山市一番町３－２６</t>
  </si>
  <si>
    <t>富山県富山市中央通り１－１－１４</t>
  </si>
  <si>
    <t>20AE0015</t>
  </si>
  <si>
    <t>ダイニング　はな咲　３Ｆ</t>
  </si>
  <si>
    <t>富山市北新町二丁目１－１４</t>
  </si>
  <si>
    <t>シニアタウン龍宮</t>
  </si>
  <si>
    <t>カナタスタイル　合同会社</t>
  </si>
  <si>
    <t>富山県富山市北新町２－１－１４</t>
  </si>
  <si>
    <t>20AA0025</t>
  </si>
  <si>
    <t>ラウンジ　華ぐや　１Ｆ</t>
  </si>
  <si>
    <t>20AJ0024</t>
  </si>
  <si>
    <t>ローソン　富山田尻店</t>
  </si>
  <si>
    <t>富山市田尻西１１９－２</t>
  </si>
  <si>
    <t>20AN0015</t>
  </si>
  <si>
    <t>ピーコック</t>
  </si>
  <si>
    <t>アピタ富山東店内１Ｆ</t>
  </si>
  <si>
    <t>株式会社　美屋古屋</t>
  </si>
  <si>
    <t>富山県魚津市文化町８－２</t>
  </si>
  <si>
    <t>20AA0033</t>
  </si>
  <si>
    <t>レストラン　ユース丸</t>
  </si>
  <si>
    <t>富山市上大久保１０６１－２</t>
  </si>
  <si>
    <t>20AA0034</t>
  </si>
  <si>
    <t>はるかぜの丘</t>
  </si>
  <si>
    <t>富山市南野田７０</t>
  </si>
  <si>
    <t>株式会社　みんなの輪</t>
  </si>
  <si>
    <t>富山県富山市大宮町２４</t>
  </si>
  <si>
    <t>20AA0035</t>
  </si>
  <si>
    <t>Ｋｏｂｏ　ｂｒｅｗ　ｐｕｂ</t>
  </si>
  <si>
    <t>富山市東岩瀬町１０７－２</t>
  </si>
  <si>
    <t>岩瀬まちづくり　株式会社</t>
  </si>
  <si>
    <t>20AI0047</t>
  </si>
  <si>
    <t>シャオチーＣＩＣ店</t>
  </si>
  <si>
    <t>ＣＩＣ　１Ｆ</t>
  </si>
  <si>
    <t>20AI0049</t>
  </si>
  <si>
    <t>ｍｏｄｅｒｎ　ｓｔｙｌｅ　Ｃｈｉｎａ　満寿園</t>
  </si>
  <si>
    <t>富山市上袋３６０－１</t>
  </si>
  <si>
    <t>20AB0004</t>
  </si>
  <si>
    <t>学校法人　剛琳寺学園　めぐみ幼稚園</t>
  </si>
  <si>
    <t>富山市太田北区１５９</t>
  </si>
  <si>
    <t>20AA0039</t>
  </si>
  <si>
    <t>バーミヤン　富山二口店</t>
  </si>
  <si>
    <t>富山市二口町五丁目８－５</t>
  </si>
  <si>
    <t>20AB0006</t>
  </si>
  <si>
    <t>つけめん　えびすこ</t>
  </si>
  <si>
    <t>富山市上袋５７－１</t>
  </si>
  <si>
    <t>20AD0010</t>
  </si>
  <si>
    <t>Ｔｅｒｍｉｎｉ</t>
  </si>
  <si>
    <t>富山市岩瀬天神町４８</t>
  </si>
  <si>
    <t>岩瀬カナル会館　別館</t>
  </si>
  <si>
    <t>日進商事　株式会社</t>
  </si>
  <si>
    <t>富山県富山市岩瀬天神町４８</t>
  </si>
  <si>
    <t>20AA0043</t>
  </si>
  <si>
    <t>スナック　さつき</t>
  </si>
  <si>
    <t>上武ビル１Ｆ（Ｄ）</t>
  </si>
  <si>
    <t>20AI0056</t>
  </si>
  <si>
    <t>富山市上冨居三丁目１２－１８</t>
  </si>
  <si>
    <t>20AA0045</t>
  </si>
  <si>
    <t>和らぎ処　心酔</t>
  </si>
  <si>
    <t>桜木プラザビル１Ｆ－Ｏ</t>
  </si>
  <si>
    <t>20AG0008</t>
  </si>
  <si>
    <t>廻転　とやま鮨</t>
  </si>
  <si>
    <t>富山空港ターミナルビル１Ｆ</t>
  </si>
  <si>
    <t>富山市布瀬本町４－１２</t>
  </si>
  <si>
    <t>20AC0005</t>
  </si>
  <si>
    <t>ローソン　東老田中央店</t>
  </si>
  <si>
    <t>富山市東老田１２４４－７</t>
  </si>
  <si>
    <t>20AE0024</t>
  </si>
  <si>
    <t>大将軍　駅前店</t>
  </si>
  <si>
    <t>富山市桜町二丁目４－２０</t>
  </si>
  <si>
    <t>20AA0046</t>
  </si>
  <si>
    <t>ピザーラ　奥田店（ＣＶ）（富山８３０そ１８００）</t>
  </si>
  <si>
    <t>20AM0002</t>
  </si>
  <si>
    <t>アカプルコ</t>
  </si>
  <si>
    <t>富山市桜町二丁目６－１８</t>
  </si>
  <si>
    <t>祐象ビル１階２階</t>
  </si>
  <si>
    <t>20AH0001</t>
  </si>
  <si>
    <t>太陽のプリズム才覚寺</t>
  </si>
  <si>
    <t>富山市才覚寺２５９</t>
  </si>
  <si>
    <t>20AA0048</t>
  </si>
  <si>
    <t>ラウンジ　エス</t>
  </si>
  <si>
    <t>第一三愛ビル　３Ｆ</t>
  </si>
  <si>
    <t>20AI0059</t>
  </si>
  <si>
    <t>ＭＡＫＡＮＡ</t>
  </si>
  <si>
    <t>桜木町レストタウンビル１１３号室</t>
  </si>
  <si>
    <t>20AI0060</t>
  </si>
  <si>
    <t>ＵＯ　ＢＡＬ　魚ぎょぎょ</t>
  </si>
  <si>
    <t>富山市桜木町１２－１０</t>
  </si>
  <si>
    <t>富山横丁</t>
  </si>
  <si>
    <t>20AI0064</t>
  </si>
  <si>
    <t>Ａｍｉｕ</t>
  </si>
  <si>
    <t>富山市総曲輪一丁目４－２４</t>
  </si>
  <si>
    <t>リセス総曲輪　１Ｆ</t>
  </si>
  <si>
    <t>20AI0066</t>
  </si>
  <si>
    <t>富山第一家</t>
  </si>
  <si>
    <t>富山市上飯野６０－３</t>
  </si>
  <si>
    <t>20AI0067</t>
  </si>
  <si>
    <t>越中膳所　海の神山の神</t>
  </si>
  <si>
    <t>富山市総曲輪二丁目１－１７　２Ｆ</t>
  </si>
  <si>
    <t>20AG0009</t>
  </si>
  <si>
    <t>とんから亭　富山新庄</t>
  </si>
  <si>
    <t>富山市新庄町三丁目７－３５</t>
  </si>
  <si>
    <t>20AA0049</t>
  </si>
  <si>
    <t>ドレミファ</t>
  </si>
  <si>
    <t>富山市中島三丁目６－４５</t>
  </si>
  <si>
    <t>ドレミファビル２Ｆ</t>
  </si>
  <si>
    <t>20AJ0030</t>
  </si>
  <si>
    <t>セブン－イレブン　富山中市店</t>
  </si>
  <si>
    <t>富山市中市一丁目３－２</t>
  </si>
  <si>
    <t>20AN0017</t>
  </si>
  <si>
    <t>ＧＲＡＺＩＥ　ＧＲＡＮＩＴＡ　２ｎｄ（富山８００す４９６７）</t>
  </si>
  <si>
    <t>20AM0003</t>
  </si>
  <si>
    <t>美加月</t>
  </si>
  <si>
    <t>富山市桜木町１２－１</t>
  </si>
  <si>
    <t>中央ホールビル１Ｆ</t>
  </si>
  <si>
    <t>富山県富山市東町２－２－１９</t>
  </si>
  <si>
    <t>20AH0003</t>
  </si>
  <si>
    <t>ＢＵＳＨＩＫＥＩ</t>
  </si>
  <si>
    <t>富山市山室１８５－１</t>
  </si>
  <si>
    <t>レジデンス蘭１－Ｃ</t>
  </si>
  <si>
    <t>20AD0014</t>
  </si>
  <si>
    <t>Ｌｉｇｈｔｎｉｎｇ　Ｄｉｎｅｒ</t>
  </si>
  <si>
    <t>浜忠第２ビル</t>
  </si>
  <si>
    <t>20AJ0031</t>
  </si>
  <si>
    <t>ｃａｆｅ　珈音</t>
  </si>
  <si>
    <t>富山市八尾町字上新町２６７７－１</t>
  </si>
  <si>
    <t>20AA0051</t>
  </si>
  <si>
    <t>ＫＡＩＭＡＲＥ（カイマーレ）</t>
  </si>
  <si>
    <t>富山市桜町二丁目２－１８　１Ｆ</t>
  </si>
  <si>
    <t>富山県富山市桜町二丁目２－１８　３Ｆ</t>
  </si>
  <si>
    <t>20AI0072</t>
  </si>
  <si>
    <t>アミューズ新桜ビル　１Ｆ</t>
  </si>
  <si>
    <t>20AI0073</t>
  </si>
  <si>
    <t>小路</t>
  </si>
  <si>
    <t>富山市東町二丁目１－４</t>
  </si>
  <si>
    <t>20AE0027</t>
  </si>
  <si>
    <t>新時代富山駅店</t>
  </si>
  <si>
    <t>富山市明輪町１－２２０とやマルシェ内</t>
  </si>
  <si>
    <t>株式会社　ＤＨＲ</t>
  </si>
  <si>
    <t>富山県氷見市朝日丘１－４１</t>
  </si>
  <si>
    <t>20AI0075</t>
  </si>
  <si>
    <t>富山県氷見市本町１１－１０</t>
  </si>
  <si>
    <t>20AI0076</t>
  </si>
  <si>
    <t>きときと寿し　富山駅店</t>
  </si>
  <si>
    <t>富山市明輪町１－９０</t>
  </si>
  <si>
    <t>黒部市前沢１５５６</t>
  </si>
  <si>
    <t>20AC0006</t>
  </si>
  <si>
    <t>８番らーめん　富山駅店</t>
  </si>
  <si>
    <t>富山市明輪町１－７０</t>
  </si>
  <si>
    <t>富山県富山市千代田町７－５０</t>
  </si>
  <si>
    <t>20AD0015</t>
  </si>
  <si>
    <t>サンマルクカフェ　富山駅店</t>
  </si>
  <si>
    <t>株式会社　サンマルクカフェ</t>
  </si>
  <si>
    <t>20AJ0037</t>
  </si>
  <si>
    <t>麺屋つくし　富山駅店</t>
  </si>
  <si>
    <t>富山県富山市黒瀬北町１－１－４</t>
  </si>
  <si>
    <t>20AD0016</t>
  </si>
  <si>
    <t>寿司居酒屋　こざる</t>
  </si>
  <si>
    <t>富山市常盤町１－４６</t>
  </si>
  <si>
    <t>株式会社　ＷＥＴ</t>
  </si>
  <si>
    <t>富山県富山市常盤町１－４６</t>
  </si>
  <si>
    <t>20AC0007</t>
  </si>
  <si>
    <t>パブハウス　モンモン</t>
  </si>
  <si>
    <t>富山市桜町二丁目２－２９</t>
  </si>
  <si>
    <t>20AI0079</t>
  </si>
  <si>
    <t>らーめんまる</t>
  </si>
  <si>
    <t>富山市豊田本町二丁目５０番</t>
  </si>
  <si>
    <t>20AD0018</t>
  </si>
  <si>
    <t>セブン－イレブン　ハートインあいの風鉄道富山駅店</t>
  </si>
  <si>
    <t>富山市明輪町７５－４</t>
  </si>
  <si>
    <t>株式会社　ジェイアールサービスネット金沢</t>
  </si>
  <si>
    <t>金沢市日吉町７－４</t>
  </si>
  <si>
    <t>20AN0018</t>
  </si>
  <si>
    <t>かに・海鮮問屋　魚どん亭</t>
  </si>
  <si>
    <t>富山市明輪町１番９０号</t>
  </si>
  <si>
    <t>きときと市場とやマルシェのれん横丁</t>
  </si>
  <si>
    <t>富山県富山市新富町２－４－２２</t>
  </si>
  <si>
    <t>20AA0058</t>
  </si>
  <si>
    <t>はなまるうどん富山駅前店</t>
  </si>
  <si>
    <t>富山市明輪町１―２２０　Ｗ１０１区画</t>
  </si>
  <si>
    <t>東京都中央区日本橋箱崎町３６―２</t>
  </si>
  <si>
    <t>20AD0020</t>
  </si>
  <si>
    <t>20AJ0040</t>
  </si>
  <si>
    <t>居酒屋スナック　笑</t>
  </si>
  <si>
    <t>富山市旭町２－４</t>
  </si>
  <si>
    <t>サンシャイン１Ｆ</t>
  </si>
  <si>
    <t>20AI0088</t>
  </si>
  <si>
    <t>ＳＥＶＥＮ</t>
  </si>
  <si>
    <t>20AI0091</t>
  </si>
  <si>
    <t>20AE0031</t>
  </si>
  <si>
    <t>お好み　ふくちゃん</t>
  </si>
  <si>
    <t>富山市若竹町六丁目</t>
  </si>
  <si>
    <t>20AN0020</t>
  </si>
  <si>
    <t>20AN0021</t>
  </si>
  <si>
    <t>食肴旬菜　富一</t>
  </si>
  <si>
    <t>20AI0094</t>
  </si>
  <si>
    <t>とやま鮨　富山駅前店</t>
  </si>
  <si>
    <t>富山市桜町一丁目４―９</t>
  </si>
  <si>
    <t>富山市布瀬本町４－１２第二若林ビル２Ｆ</t>
  </si>
  <si>
    <t>20AC0009</t>
  </si>
  <si>
    <t>ファットリアデルグラッソ</t>
  </si>
  <si>
    <t>20AI0095</t>
  </si>
  <si>
    <t>うしまる</t>
  </si>
  <si>
    <t>株式会社　テッド</t>
  </si>
  <si>
    <t>富山県富山市町村２３８－９</t>
  </si>
  <si>
    <t>20AI0097</t>
  </si>
  <si>
    <t>清傳</t>
  </si>
  <si>
    <t>富山市婦中町道場８５０</t>
  </si>
  <si>
    <t>20AE0032</t>
  </si>
  <si>
    <t>宝屋（富山４８０を１１７）</t>
  </si>
  <si>
    <t>20AM0006</t>
  </si>
  <si>
    <t>冨よし商店（富山１００せ５１３７）</t>
  </si>
  <si>
    <t>20AM0007</t>
  </si>
  <si>
    <t>ＭＡＫＯ’Ｓ</t>
  </si>
  <si>
    <t>富山市下大久保３２３１－９</t>
  </si>
  <si>
    <t>富山県富山市下大久保３２３１－９</t>
  </si>
  <si>
    <t>20AE0033</t>
  </si>
  <si>
    <t>あ！！ｐｏｎｔｅ</t>
  </si>
  <si>
    <t>富山市新富町一丁目３―２１</t>
  </si>
  <si>
    <t>20AI0099</t>
  </si>
  <si>
    <t>幵</t>
  </si>
  <si>
    <t>富山市桜木町１１－２２</t>
  </si>
  <si>
    <t>中央パークビル１階</t>
  </si>
  <si>
    <t>20AD0022</t>
  </si>
  <si>
    <t>小木曽製粉所　富山中島店</t>
  </si>
  <si>
    <t>富山市中島二丁目４－２７－２</t>
  </si>
  <si>
    <t>20AD0023</t>
  </si>
  <si>
    <t>さんかく</t>
  </si>
  <si>
    <t>富山市四方新出町９２－７</t>
  </si>
  <si>
    <t>ティーズプラス　合同会社</t>
  </si>
  <si>
    <t>富山県富山市西公文名町５－１５</t>
  </si>
  <si>
    <t>20AA0068</t>
  </si>
  <si>
    <t>ガールズバー　ハニービー</t>
  </si>
  <si>
    <t>富山市総曲輪一丁目８－２</t>
  </si>
  <si>
    <t>サンクイーンビル１Ｆ２０２</t>
  </si>
  <si>
    <t>20AI0104</t>
  </si>
  <si>
    <t>こころの花</t>
  </si>
  <si>
    <t>富山市粟島町一丁目１９－２７</t>
  </si>
  <si>
    <t>20AA0069</t>
  </si>
  <si>
    <t>ＬＯＵＮＧＥ　ＪＯＵＥＲ</t>
  </si>
  <si>
    <t>富山市桜木町１２―５</t>
  </si>
  <si>
    <t>20AI0105</t>
  </si>
  <si>
    <t>麺屋　豚道場</t>
  </si>
  <si>
    <t>富山市五福１９２２－５</t>
  </si>
  <si>
    <t>20AD0026</t>
  </si>
  <si>
    <t>20AD0027</t>
  </si>
  <si>
    <t>特選牛食堂　タベルナ</t>
  </si>
  <si>
    <t>富山市八日町３</t>
  </si>
  <si>
    <t>株式会社　中田工務店</t>
  </si>
  <si>
    <t>富山市婦中町分田１５７</t>
  </si>
  <si>
    <t>20AA0071</t>
  </si>
  <si>
    <t>有限会社　ミートサポート　イズミ</t>
  </si>
  <si>
    <t>富山市下赤江町一丁目７－１０</t>
  </si>
  <si>
    <t>20AE0036</t>
  </si>
  <si>
    <t>居酒屋　かわ屋</t>
  </si>
  <si>
    <t>富山市総曲輪三丁目９－３</t>
  </si>
  <si>
    <t>ユウタウン総曲輪１Ｆ</t>
  </si>
  <si>
    <t>株式会社　長谷川</t>
  </si>
  <si>
    <t>富山県富山市古沢３６４番地５</t>
  </si>
  <si>
    <t>20AI0110</t>
  </si>
  <si>
    <t>カメラード</t>
  </si>
  <si>
    <t>富山市神通本町二丁目３－２９</t>
  </si>
  <si>
    <t>20AI0112</t>
  </si>
  <si>
    <t>セレモニーホール太田</t>
  </si>
  <si>
    <t>富山市太田中区２２０－１</t>
  </si>
  <si>
    <t>20AA0076</t>
  </si>
  <si>
    <t>一条</t>
  </si>
  <si>
    <t>富山市桜町二丁目６－４</t>
  </si>
  <si>
    <t>布一ビル１Ｆ</t>
  </si>
  <si>
    <t>20AI0114</t>
  </si>
  <si>
    <t>ドルチェ</t>
  </si>
  <si>
    <t>富山市桜木町８－２４</t>
  </si>
  <si>
    <t>ウェーブコートビル２Ｆ</t>
  </si>
  <si>
    <t>20AI0115</t>
  </si>
  <si>
    <t>白岩川有料老人ホーム</t>
  </si>
  <si>
    <t>20AA0078</t>
  </si>
  <si>
    <t>明洞（みょんどん）</t>
  </si>
  <si>
    <t>富山市弥生町一丁目４－４</t>
  </si>
  <si>
    <t>20AI0116</t>
  </si>
  <si>
    <t>ローソン　富山大泉店</t>
  </si>
  <si>
    <t>富山市大泉町二丁目１－３</t>
  </si>
  <si>
    <t>20AE0040</t>
  </si>
  <si>
    <t>セブン－イレブン　富山上二杉店</t>
  </si>
  <si>
    <t>富山市上二杉３９８</t>
  </si>
  <si>
    <t>20AN0028</t>
  </si>
  <si>
    <t>らーめん楓</t>
  </si>
  <si>
    <t>富山市婦中町西本郷６２６</t>
  </si>
  <si>
    <t>20AD0029</t>
  </si>
  <si>
    <t>花富貴</t>
  </si>
  <si>
    <t>有限会社　西島化成</t>
  </si>
  <si>
    <t>富山県富山市西番４８８</t>
  </si>
  <si>
    <t>20AI0119</t>
  </si>
  <si>
    <t>ブラッサム</t>
  </si>
  <si>
    <t>サンクイーンビル２Ｆ</t>
  </si>
  <si>
    <t>20AI0120</t>
  </si>
  <si>
    <t>浪花点心堂（三重１００せ６９－１４）</t>
  </si>
  <si>
    <t>20AM0010</t>
  </si>
  <si>
    <t>いその（富山８００す５０２８）</t>
  </si>
  <si>
    <t>株式会社　　ＫＡＫＥＲＵ　ＰＬＵＳ</t>
  </si>
  <si>
    <t>富山県富山市藤木１６９１</t>
  </si>
  <si>
    <t>20AM0011</t>
  </si>
  <si>
    <t>ロゼッタ　オ　ミケッタ</t>
  </si>
  <si>
    <t>Ｆｉｒｓｔ　Ｓｏｎｇ</t>
  </si>
  <si>
    <t>20AJ0048</t>
  </si>
  <si>
    <t>酒肴　ひらい家</t>
  </si>
  <si>
    <t>富山市本郷新４０－５</t>
  </si>
  <si>
    <t>20AI0121</t>
  </si>
  <si>
    <t>おばんざい　華ら</t>
  </si>
  <si>
    <t>富山市本町５－１３</t>
  </si>
  <si>
    <t>20AI0122</t>
  </si>
  <si>
    <t>ますのすし金龍</t>
  </si>
  <si>
    <t>富山市北代４１３９－１６</t>
  </si>
  <si>
    <t>20AE0041</t>
  </si>
  <si>
    <t>ＳＰＵＲ（シュプール）</t>
  </si>
  <si>
    <t>ダイヤモンドビル　Ｂ１Ｆ</t>
  </si>
  <si>
    <t>株式会社　ＯＫＤ</t>
  </si>
  <si>
    <t>富山県高岡市御旅屋町１５－６</t>
  </si>
  <si>
    <t>20AH0004</t>
  </si>
  <si>
    <t>ミス＆ミセス</t>
  </si>
  <si>
    <t>富山市新富町二丁目４－２２</t>
  </si>
  <si>
    <t>第２ＫＫビル３Ｆ</t>
  </si>
  <si>
    <t>株式会社　アップスタイル</t>
  </si>
  <si>
    <t>富山県富山市内幸町８－５　太田ビル３Ｆ</t>
  </si>
  <si>
    <t>20AH0005</t>
  </si>
  <si>
    <t>からやま　富山飯野店</t>
  </si>
  <si>
    <t>富山市飯野２２－１</t>
  </si>
  <si>
    <t>20AA0082</t>
  </si>
  <si>
    <t>ＳＮＡＣＫ　ＬＵＡＮＡ</t>
  </si>
  <si>
    <t>ＥＳＴＹ５ビル　１階Ａ号</t>
  </si>
  <si>
    <t>20AI0126</t>
  </si>
  <si>
    <t>Ｎｏｂｌｅ（ノーブル）</t>
  </si>
  <si>
    <t>富山市総曲輪一丁目４－１</t>
  </si>
  <si>
    <t>サンライトビル１Ｆ</t>
  </si>
  <si>
    <t>20AI0130</t>
  </si>
  <si>
    <t>ローソン富山中川原店</t>
  </si>
  <si>
    <t>富山市中川原１２６－１</t>
  </si>
  <si>
    <t>20AE0043</t>
  </si>
  <si>
    <t>風花</t>
  </si>
  <si>
    <t>富山市西長江三丁目２－１２</t>
  </si>
  <si>
    <t>永森ビル　１Ｆ</t>
  </si>
  <si>
    <t>20AI0132</t>
  </si>
  <si>
    <t>ローソン　婦中鵜坂店</t>
  </si>
  <si>
    <t>富山市婦中町鵜坂１５２</t>
  </si>
  <si>
    <t>20AN0029</t>
  </si>
  <si>
    <t>レストラン・ガストロノミック・ピュール</t>
  </si>
  <si>
    <t>富山市上本町８－７</t>
  </si>
  <si>
    <t>ＰＵＲ－Ｔ　合同会社</t>
  </si>
  <si>
    <t>富山県富山市米田町２－１０－５４</t>
  </si>
  <si>
    <t>20AG0014</t>
  </si>
  <si>
    <t>甘味処　京</t>
  </si>
  <si>
    <t>富山市上大久保８４９－２０</t>
  </si>
  <si>
    <t>20AJ0050</t>
  </si>
  <si>
    <t>インド料理　サガール</t>
  </si>
  <si>
    <t>富山市桜町一丁目２－６</t>
  </si>
  <si>
    <t>20AA0084</t>
  </si>
  <si>
    <t>ファミリー銭湯くさじま</t>
  </si>
  <si>
    <t>富山市草島２３６－４</t>
  </si>
  <si>
    <t>有限会社　エノキ産業</t>
  </si>
  <si>
    <t>富山県富山市草島２３６－４</t>
  </si>
  <si>
    <t>20AJ0051</t>
  </si>
  <si>
    <t>ＩＮＡＢＡＲ</t>
  </si>
  <si>
    <t>富山市堤町通り二丁目２－１８－１</t>
  </si>
  <si>
    <t>Ｉ．Ｎ．Ａ＆Ｃｏ合同会社</t>
  </si>
  <si>
    <t>富山県富山市堤町通り２丁目２－１８－１</t>
  </si>
  <si>
    <t>20AI0134</t>
  </si>
  <si>
    <t>旬と鮮　伊真沁</t>
  </si>
  <si>
    <t>富山市新富町一丁目１－１４</t>
  </si>
  <si>
    <t>20AI0139</t>
  </si>
  <si>
    <t>六月の青い鳥</t>
  </si>
  <si>
    <t>富山市田中町五丁目５－２５</t>
  </si>
  <si>
    <t>20AA0087</t>
  </si>
  <si>
    <t>クラブ　アズール</t>
  </si>
  <si>
    <t>ふるさとビル２Ｆ－３Ｆ</t>
  </si>
  <si>
    <t>有限会社　アクシス</t>
  </si>
  <si>
    <t>富山市下新町３６－１６</t>
  </si>
  <si>
    <t>20AH0006</t>
  </si>
  <si>
    <t>月ノ雫</t>
  </si>
  <si>
    <t>桜木プラザ２Ｆ</t>
  </si>
  <si>
    <t>20AI0140</t>
  </si>
  <si>
    <t>集い処　あき</t>
  </si>
  <si>
    <t>富山市婦中町麦島２３－６</t>
  </si>
  <si>
    <t>20AI0142</t>
  </si>
  <si>
    <t>新世界</t>
  </si>
  <si>
    <t>20AI0144</t>
  </si>
  <si>
    <t>ＤＵＯ</t>
  </si>
  <si>
    <t>富山市総曲輪一丁目２－４　</t>
  </si>
  <si>
    <t>センタービル２Ｆ</t>
  </si>
  <si>
    <t>20AI0145</t>
  </si>
  <si>
    <t>釣師の休日</t>
  </si>
  <si>
    <t>富山市新富町一丁目３－１４</t>
  </si>
  <si>
    <t>20AI0146</t>
  </si>
  <si>
    <t>いっかく</t>
  </si>
  <si>
    <t>富山市東岩瀬町（岩瀬大町）１３０</t>
  </si>
  <si>
    <t>20AI0147</t>
  </si>
  <si>
    <t>きゃ羅</t>
  </si>
  <si>
    <t>富山市桜木町１０－２０</t>
  </si>
  <si>
    <t>稲荷ドラックストアービル</t>
  </si>
  <si>
    <t>20AI0148</t>
  </si>
  <si>
    <t>魚訓</t>
  </si>
  <si>
    <t>富山市総曲輪三丁目４－１</t>
  </si>
  <si>
    <t>ＳＯＧＡＷＡ　ＢＡＳＥ　１Ｆ</t>
  </si>
  <si>
    <t>株式会社　多奈香</t>
  </si>
  <si>
    <t>富山県高岡市江尻２１０</t>
  </si>
  <si>
    <t>20AE0044</t>
  </si>
  <si>
    <t>ＧＧ　ＤＥＬＩ　ＳＴＯＲＥ</t>
  </si>
  <si>
    <t>かねぶん青果　株式会社</t>
  </si>
  <si>
    <t>富山県富山市掛尾町５００</t>
  </si>
  <si>
    <t>20AN0031</t>
  </si>
  <si>
    <t>Ｂｏｕｌａｎｇｅｒｉｅ　Ｄｏｙｏ　（ブーランジェリー　ドーヨー）</t>
  </si>
  <si>
    <t>20AE0045</t>
  </si>
  <si>
    <t>ＢＲＥＷＭＩＮ’総曲輪</t>
  </si>
  <si>
    <t>株式会社　ブルーミン</t>
  </si>
  <si>
    <t>富山県氷見市窪６７５－４</t>
  </si>
  <si>
    <t>20AI0151</t>
  </si>
  <si>
    <t>ＣＩＢＯ　ＶＥＲＡ　ＰＡＳＴＡ</t>
  </si>
  <si>
    <t>20AA0091</t>
  </si>
  <si>
    <t>インド料理　ＫＨＵＳＨＩ　総曲輪ベース</t>
  </si>
  <si>
    <t>20AA0092</t>
  </si>
  <si>
    <t>ｂｅｅｆ　ｋｉｔｃｈｅｎ　ｂｙ　Ｋ・ＭＥＡＴ</t>
  </si>
  <si>
    <t>株式会社　Ｋ・ＭＥＡＴ</t>
  </si>
  <si>
    <t>富山県中新川郡上市町若杉１６－２</t>
  </si>
  <si>
    <t>20AI0152</t>
  </si>
  <si>
    <t>Ｘ（エックス）</t>
  </si>
  <si>
    <t>ティファニービル２０３</t>
  </si>
  <si>
    <t>20AI0153</t>
  </si>
  <si>
    <t>ル・クラブ</t>
  </si>
  <si>
    <t>桜木町センタービル７Ｆ</t>
  </si>
  <si>
    <t>株式会社　ル・クラブ</t>
  </si>
  <si>
    <t>富山県富山市荒川６２－１６９</t>
  </si>
  <si>
    <t>20AI0154</t>
  </si>
  <si>
    <t>五万石茶寮</t>
  </si>
  <si>
    <t>富山市婦中町島本郷１０－１０</t>
  </si>
  <si>
    <t>富山市桜町一丁目６－４</t>
  </si>
  <si>
    <t>20AA0093</t>
  </si>
  <si>
    <t>バー　ＥＡＲＬ（アール）</t>
  </si>
  <si>
    <t>甲ビル１階</t>
  </si>
  <si>
    <t>20AI0155</t>
  </si>
  <si>
    <t>空の森</t>
  </si>
  <si>
    <t>富山市呉羽町１６０</t>
  </si>
  <si>
    <t>20AJ0055</t>
  </si>
  <si>
    <t>小夏</t>
  </si>
  <si>
    <t>第一三愛ビル３Ｆ－Ｋ</t>
  </si>
  <si>
    <t>20AI0157</t>
  </si>
  <si>
    <t>猫八</t>
  </si>
  <si>
    <t>富山市越前町３－１５</t>
  </si>
  <si>
    <t>有限会社　エドヤ洋服店</t>
  </si>
  <si>
    <t>富山県富山市西中野町２－９－１９</t>
  </si>
  <si>
    <t>20AI0158</t>
  </si>
  <si>
    <t>食べ処　ぜん味</t>
  </si>
  <si>
    <t>富山市総曲輪三丁目９－１</t>
  </si>
  <si>
    <t>株式会社　ひとと樹富山</t>
  </si>
  <si>
    <t>富山県富山市町村６９－１</t>
  </si>
  <si>
    <t>20AA0097</t>
  </si>
  <si>
    <t>魚丁　富山東店</t>
  </si>
  <si>
    <t>アピタ富山東店１階</t>
  </si>
  <si>
    <t>株式会社　カジサキ</t>
  </si>
  <si>
    <t>富山県高岡市京町１３－３</t>
  </si>
  <si>
    <t>20AK0014</t>
  </si>
  <si>
    <t>ＡＩ探究学院</t>
  </si>
  <si>
    <t>富山市東田地方町一丁目４－２０</t>
  </si>
  <si>
    <t>福山ビル２Ｆ</t>
  </si>
  <si>
    <t>20AA0098</t>
  </si>
  <si>
    <t>中国食堂　月とパンダ</t>
  </si>
  <si>
    <t>クレムペラビル２Ｆ</t>
  </si>
  <si>
    <t>20AB0009</t>
  </si>
  <si>
    <t>ファボーレの湯　まんぷく亭</t>
  </si>
  <si>
    <t>株式会社　Ｎｅｘｔ　Ｆｏｏｄｓ</t>
  </si>
  <si>
    <t>愛知県名古屋市守山区新守山３４１３</t>
  </si>
  <si>
    <t>20AA0099</t>
  </si>
  <si>
    <t>焼肉ホルモンＫＡＷＡＮＯ</t>
  </si>
  <si>
    <t>富山市山室２７０－３</t>
  </si>
  <si>
    <t>メゾン小柴１階</t>
  </si>
  <si>
    <t>株式会社　ＫＡＷＡＮＯ</t>
  </si>
  <si>
    <t>富山県富山市山室２７０－３　メゾン小柴１階</t>
  </si>
  <si>
    <t>20AA0100</t>
  </si>
  <si>
    <t>富山市中川原３８９－１</t>
  </si>
  <si>
    <t>20AI0161</t>
  </si>
  <si>
    <t>セブン－イレブン　富山経堂店</t>
  </si>
  <si>
    <t>富山市天正寺１００５</t>
  </si>
  <si>
    <t>20AN0034</t>
  </si>
  <si>
    <t>バーベキューガーデン　神通</t>
  </si>
  <si>
    <t>富山市岩木新２７０</t>
  </si>
  <si>
    <t>20AA0102</t>
  </si>
  <si>
    <t>水天</t>
  </si>
  <si>
    <t>ティファニービル　２０２号</t>
  </si>
  <si>
    <t>20AI0162</t>
  </si>
  <si>
    <t>クラブ　リッツ</t>
  </si>
  <si>
    <t>富山市総曲輪一丁目３－１</t>
  </si>
  <si>
    <t>アイカアビル　２Ｆ</t>
  </si>
  <si>
    <t>富山県富山市下新町３６－１６</t>
  </si>
  <si>
    <t>20AH0007</t>
  </si>
  <si>
    <t>ローソン　婦中田島店</t>
  </si>
  <si>
    <t>富山市婦中町田島６１５</t>
  </si>
  <si>
    <t>20AN0035</t>
  </si>
  <si>
    <t>居酒屋　七夕</t>
  </si>
  <si>
    <t>20AI0163</t>
  </si>
  <si>
    <t>Ｒｅｇｉｎａ（レジーナ）</t>
  </si>
  <si>
    <t>ダイヤモンドビルⅠ　３Ｆ</t>
  </si>
  <si>
    <t>20AI0164</t>
  </si>
  <si>
    <t>水中花</t>
  </si>
  <si>
    <t>サンナインプラザビル１０１</t>
  </si>
  <si>
    <t>20AI0165</t>
  </si>
  <si>
    <t>すし福ちゃん</t>
  </si>
  <si>
    <t>20AE0047</t>
  </si>
  <si>
    <t>魚国総本社・富山２３４０４０１</t>
  </si>
  <si>
    <t>富山市海岸通り３</t>
  </si>
  <si>
    <t>三菱ケミカル　株式会社内</t>
  </si>
  <si>
    <t>20AA0104</t>
  </si>
  <si>
    <t>Ｒｏｖｅ</t>
  </si>
  <si>
    <t>富山市内幸町３－３</t>
  </si>
  <si>
    <t>第三　三上ビル１Ｆ</t>
  </si>
  <si>
    <t>20AI0168</t>
  </si>
  <si>
    <t>ＭＯＭＩ＆ＴＯＹ’Ｓ　マリエとやま店</t>
  </si>
  <si>
    <t>20AJ0057</t>
  </si>
  <si>
    <t>酒粋　醍醐　富山駅前店</t>
  </si>
  <si>
    <t>富山市内幸町２－１</t>
  </si>
  <si>
    <t>Ａ´ビル１Ｆ</t>
  </si>
  <si>
    <t>富山県富山市水橋上条新町４－２</t>
  </si>
  <si>
    <t>20AI0169</t>
  </si>
  <si>
    <t>ベジタブルキッチン　ウーマ</t>
  </si>
  <si>
    <t>富山市新根塚町二丁目１６－８</t>
  </si>
  <si>
    <t>20AA0109</t>
  </si>
  <si>
    <t>アロハ</t>
  </si>
  <si>
    <t>富山市中島三丁目５－４３　１Ｆ</t>
  </si>
  <si>
    <t>20AI0170</t>
  </si>
  <si>
    <t>どないや</t>
  </si>
  <si>
    <t>中央ホールビル　１Ｆ</t>
  </si>
  <si>
    <t>富山県高岡市城東一丁目１３－３０</t>
  </si>
  <si>
    <t>20AN0036</t>
  </si>
  <si>
    <t>日本酒バー　ニュー竹鶴</t>
  </si>
  <si>
    <t>西町ビル　１Ｆ</t>
  </si>
  <si>
    <t>20AI0174</t>
  </si>
  <si>
    <t>高木焼菓子製作所</t>
  </si>
  <si>
    <t>富山市中大久保１１８－２</t>
  </si>
  <si>
    <t>20AJ0058</t>
  </si>
  <si>
    <t>ねこのいる占いカフェ　ｎｉｌ</t>
  </si>
  <si>
    <t>富山市五福１５９０－４</t>
  </si>
  <si>
    <t>株式会社　インフィニティ</t>
  </si>
  <si>
    <t>富山県富山市本郷</t>
  </si>
  <si>
    <t>20AJ0060</t>
  </si>
  <si>
    <t>Ａ－ＭＩＯＮ</t>
  </si>
  <si>
    <t>ザ・ロイヤルビル３Ｆ</t>
  </si>
  <si>
    <t>20AH0008</t>
  </si>
  <si>
    <t>富山市米田町二丁目３１１－１</t>
  </si>
  <si>
    <t>芋つる　合同会社</t>
  </si>
  <si>
    <t>富山県富山市桜木町９－２１第二サンナインプラザ１Ｆ</t>
  </si>
  <si>
    <t>20AA0117</t>
  </si>
  <si>
    <t>麺屋達　富山掛尾店</t>
  </si>
  <si>
    <t>富山市今泉１７２－１</t>
  </si>
  <si>
    <t>20AD0033</t>
  </si>
  <si>
    <t>煮干しそば　銀</t>
  </si>
  <si>
    <t>富山市高内１４９</t>
  </si>
  <si>
    <t>20AD0034</t>
  </si>
  <si>
    <t>ＢＡＲ　ネオ</t>
  </si>
  <si>
    <t>アテナビル　１Ｆ</t>
  </si>
  <si>
    <t>20AI0181</t>
  </si>
  <si>
    <t>ｃａｆｅ　ｌｕａｎａ　ｓｍｉｌｅ</t>
  </si>
  <si>
    <t>富山市布瀬町南二丁目１０－８</t>
  </si>
  <si>
    <t>ｗａｎｚパートナーサービス　株式会社</t>
  </si>
  <si>
    <t>石川県かほく市長柄町ソ６０－４</t>
  </si>
  <si>
    <t>20AJ0061</t>
  </si>
  <si>
    <t>Ｂａｒ　ｍｉ　ｐａｄｒｅ（ミ　パドレ）</t>
  </si>
  <si>
    <t>富山市桜木町９－２１</t>
  </si>
  <si>
    <t>第二サンナインプラザビル１Ｆ</t>
  </si>
  <si>
    <t>ＣＡＤＥＮＡ　株式会社</t>
  </si>
  <si>
    <t>富山県富山市清水町１－１－３－１００２号</t>
  </si>
  <si>
    <t>20AI0183</t>
  </si>
  <si>
    <t>ＬＯＵＮＧＥ　美都（ミント）</t>
  </si>
  <si>
    <t>富山市総曲輪一丁目５－６</t>
  </si>
  <si>
    <t>三愛第２ビル２Ｆ</t>
  </si>
  <si>
    <t>20AH0009</t>
  </si>
  <si>
    <t>ｃａｆｅ　ｇｌａｄ</t>
  </si>
  <si>
    <t>20AJ0062</t>
  </si>
  <si>
    <t>カレーのチャンピオン</t>
  </si>
  <si>
    <t>富山市太郎丸西町一丁目２－４</t>
  </si>
  <si>
    <t>株式会社　悠Ｕ</t>
  </si>
  <si>
    <t>富山県富山市今泉３２番地５－６０１号</t>
  </si>
  <si>
    <t>20AA0122</t>
  </si>
  <si>
    <t>富山市花園町三丁目２－１</t>
  </si>
  <si>
    <t>20AI0187</t>
  </si>
  <si>
    <t>神戸屋西店</t>
  </si>
  <si>
    <t>富山市諏訪川原一丁目１０－１７</t>
  </si>
  <si>
    <t>20AK0015</t>
  </si>
  <si>
    <t>焼肉ビア神戸屋</t>
  </si>
  <si>
    <t>20AI0189</t>
  </si>
  <si>
    <t>クレイジーガールズ</t>
  </si>
  <si>
    <t>富山市桜町一丁目７－２２</t>
  </si>
  <si>
    <t>平岡ビル３Ｆ</t>
  </si>
  <si>
    <t>20AH0010</t>
  </si>
  <si>
    <t>北陸内観研修所</t>
  </si>
  <si>
    <t>富山市文珠寺２３５</t>
  </si>
  <si>
    <t>20AF0008</t>
  </si>
  <si>
    <t>ｃｈａ－ｃａｆｅ　わつき</t>
  </si>
  <si>
    <t>富山市藤の木園町８５</t>
  </si>
  <si>
    <t>20AA0126</t>
  </si>
  <si>
    <t>丸超ラーメン（富山８００す５５４０）</t>
  </si>
  <si>
    <t>20AM0013</t>
  </si>
  <si>
    <t>ラ　キャン</t>
  </si>
  <si>
    <t>富山市上飯野６０－１２</t>
  </si>
  <si>
    <t>20AI0191</t>
  </si>
  <si>
    <t>ＣＯＬＯＲＳ</t>
  </si>
  <si>
    <t>グリーンタウンビル２ＦＢ</t>
  </si>
  <si>
    <t>20AI0192</t>
  </si>
  <si>
    <t>Ｂｉｂｂｉ　ｄｅ　ＢＡＬ　ｄｅ　ＳＡＮ</t>
  </si>
  <si>
    <t>富山市新富町一丁目４－７</t>
  </si>
  <si>
    <t>かめやビル３Ｆ</t>
  </si>
  <si>
    <t>20AI0197</t>
  </si>
  <si>
    <t>お食事処　初光（はつみ）</t>
  </si>
  <si>
    <t>アピア２Ｆ</t>
  </si>
  <si>
    <t>20AA0130</t>
  </si>
  <si>
    <t>富山市今泉５４－３</t>
  </si>
  <si>
    <t>20AB0014</t>
  </si>
  <si>
    <t>点点茶</t>
  </si>
  <si>
    <t>富山市下新町３５－２３</t>
  </si>
  <si>
    <t>20AJ0070</t>
  </si>
  <si>
    <t>富山市粟島町１－２３－２３－Ｂ</t>
  </si>
  <si>
    <t>20AN0047</t>
  </si>
  <si>
    <t>新出製パン所　富山分家</t>
  </si>
  <si>
    <t>富山市山室１４０－３</t>
  </si>
  <si>
    <t>ＤＥＬＩＧＨＴ　合同会社</t>
  </si>
  <si>
    <t>石川県金沢市東山３－２４－１０</t>
  </si>
  <si>
    <t>20AE0061</t>
  </si>
  <si>
    <t>あさ乃</t>
  </si>
  <si>
    <t>富山市八尾町西町２３５３－９</t>
  </si>
  <si>
    <t>20AA0135</t>
  </si>
  <si>
    <t>旬の戴き　はるや</t>
  </si>
  <si>
    <t>松よしビル１Ｆ</t>
  </si>
  <si>
    <t>株式会社　旬の戴き　はるや</t>
  </si>
  <si>
    <t>富山県富山市婦中町上吉川５５５－１</t>
  </si>
  <si>
    <t>20AI0202</t>
  </si>
  <si>
    <t>総曲輪ウィズビル４Ｆ</t>
  </si>
  <si>
    <t>株式会社　ＥverＴ</t>
  </si>
  <si>
    <t>富山県富山市高畠町一丁目２－３</t>
  </si>
  <si>
    <t>20AI0208</t>
  </si>
  <si>
    <t>ローソン　富山北新町店</t>
  </si>
  <si>
    <t>富山市北新町二丁目２－２２</t>
  </si>
  <si>
    <t>20AE0064</t>
  </si>
  <si>
    <t>和栗モンブラン専門店　栗歩</t>
  </si>
  <si>
    <t>富山市堤町通り一丁目１－１</t>
  </si>
  <si>
    <t>ジュゴンビル２Ｆ</t>
  </si>
  <si>
    <t>株式会社　ＲＡＩＤＥＮＴＳ　ＪＡＰＡＮ</t>
  </si>
  <si>
    <t>石川県金沢市藤江北二丁目３７５番地</t>
  </si>
  <si>
    <t>20AJ0075</t>
  </si>
  <si>
    <t>西町ｗｉｌｌｏｗ．</t>
  </si>
  <si>
    <t>富山市中央通り一丁目１－４</t>
  </si>
  <si>
    <t>若林ビルＢ１Ｆ</t>
  </si>
  <si>
    <t>株式会社　ＧＧＹ</t>
  </si>
  <si>
    <t>富山県富山市内幸町１－１４</t>
  </si>
  <si>
    <t>20AI0212</t>
  </si>
  <si>
    <t>越中膳所　海の神山の神　富山駅前店</t>
  </si>
  <si>
    <t>株式会社　　タイジュ</t>
  </si>
  <si>
    <t>20AI0213</t>
  </si>
  <si>
    <t>富山市総曲輪一丁目３－２１</t>
  </si>
  <si>
    <t>日之出ビル３Ｆ</t>
  </si>
  <si>
    <t>きのか</t>
  </si>
  <si>
    <t>富山市宝町一丁目５－１１</t>
  </si>
  <si>
    <t>合同会社　きのか</t>
  </si>
  <si>
    <t>富山県富山市宝町１－５－１１　宝ビル２階</t>
  </si>
  <si>
    <t>20AI0218</t>
  </si>
  <si>
    <t>たかはし屋</t>
  </si>
  <si>
    <t>富山市豊若町三丁目３－３３</t>
  </si>
  <si>
    <t>20AK0018</t>
  </si>
  <si>
    <t>いっぴん屋</t>
  </si>
  <si>
    <t>特定非営利活動法人　アメニティトータルマネジメントとやま</t>
  </si>
  <si>
    <t>富山県富山市総曲輪三丁目９－１</t>
  </si>
  <si>
    <t>20AJ0077</t>
  </si>
  <si>
    <t>チーズラボ</t>
  </si>
  <si>
    <t>株式会社　エモーション</t>
  </si>
  <si>
    <t>埼玉県さいたま市浦和区高砂一丁目１４－１０　山保ビル３Ｆ</t>
  </si>
  <si>
    <t>20AI0220</t>
  </si>
  <si>
    <t>囲</t>
  </si>
  <si>
    <t>20AI0221</t>
  </si>
  <si>
    <t>みんなＤＥステーキ　富山店</t>
  </si>
  <si>
    <t>富山市秋吉１９１－７</t>
  </si>
  <si>
    <t>株式会社　きずな</t>
  </si>
  <si>
    <t>石川県金沢市黒田１－１２９</t>
  </si>
  <si>
    <t>20AA0143</t>
  </si>
  <si>
    <t>麺処　福助</t>
  </si>
  <si>
    <t>富山市五福３５４７－１</t>
  </si>
  <si>
    <t>20AD0038</t>
  </si>
  <si>
    <t>Ｃａｌｉｎ（カラン）</t>
  </si>
  <si>
    <t>プレイドールビル２階</t>
  </si>
  <si>
    <t>20AI0223</t>
  </si>
  <si>
    <t>フィリピン料理　ＡＹＡＮＡ（アヤナ）</t>
  </si>
  <si>
    <t>アカイアビル　１Ｆ</t>
  </si>
  <si>
    <t>20AA0146</t>
  </si>
  <si>
    <t>Ｌｏｕｎｇｅ　心花咲　～Ｋｏｈａｋｕ～</t>
  </si>
  <si>
    <t>ツインビル　２Ｆ　２－Ａ号室</t>
  </si>
  <si>
    <t>20AH0013</t>
  </si>
  <si>
    <t>ふるさとセンター（村上山荘）</t>
  </si>
  <si>
    <t>富山市八尾町庵谷１０</t>
  </si>
  <si>
    <t>20AA0147</t>
  </si>
  <si>
    <t>スナック  Ｊａｃｋｙ</t>
  </si>
  <si>
    <t>20AI0225</t>
  </si>
  <si>
    <t>ｅｔｒｅ</t>
  </si>
  <si>
    <t>富山市舟橋南町１－１３</t>
  </si>
  <si>
    <t>20AA0149</t>
  </si>
  <si>
    <t>ｓｏｇａｗａ　ｐａｒｆａｉｔ　ｌａｓｃｏｏ</t>
  </si>
  <si>
    <t>富山市総曲輪三丁目３－２１</t>
  </si>
  <si>
    <t>20AJ0080</t>
  </si>
  <si>
    <t>グラッツェ　グラニータ（富山１００せ５５０９）</t>
  </si>
  <si>
    <t>株式会社　桐屋</t>
  </si>
  <si>
    <t>20AM0016</t>
  </si>
  <si>
    <t>富美菊酒造　株式会社</t>
  </si>
  <si>
    <t>富山市百塚１３４－３</t>
  </si>
  <si>
    <t>富美菊酒造　株式会社　</t>
  </si>
  <si>
    <t>富山県富山市百塚１３４－３</t>
  </si>
  <si>
    <t>20AK0019</t>
  </si>
  <si>
    <t>まるくーぷ</t>
  </si>
  <si>
    <t>富山市五福４５４８番地</t>
  </si>
  <si>
    <t>リズエールウエスト２０３号</t>
  </si>
  <si>
    <t>20AN0053</t>
  </si>
  <si>
    <t>富山市総曲輪一丁目４－５</t>
  </si>
  <si>
    <t>20AI0232</t>
  </si>
  <si>
    <t>むすびや</t>
  </si>
  <si>
    <t>富山市黒瀬北町二丁目９－２２　１Ｆ</t>
  </si>
  <si>
    <t>ロルドコミュニケーションズ　株式会社</t>
  </si>
  <si>
    <t>富山県富山市古沢４１０－２</t>
  </si>
  <si>
    <t>20AE0070</t>
  </si>
  <si>
    <t>ワインバル三ツ矢堂商店</t>
  </si>
  <si>
    <t>アーバンプレイス　Ｂ１Ｆ</t>
  </si>
  <si>
    <t>20AI0234</t>
  </si>
  <si>
    <t>ジョーカー</t>
  </si>
  <si>
    <t>桜木プラザビル　Ｂ１Ｊ</t>
  </si>
  <si>
    <t>20AI0235</t>
  </si>
  <si>
    <t>ダカラ今日も、キタ</t>
  </si>
  <si>
    <t>松よしビル　２Ｆ１２</t>
  </si>
  <si>
    <t>20AH0015</t>
  </si>
  <si>
    <t>イタリアン酒場　Ｂｅａｔｏ</t>
  </si>
  <si>
    <t>富山市根塚町三丁目１－４</t>
  </si>
  <si>
    <t>株式会社　Ｂ－ｂｌｌｅ</t>
  </si>
  <si>
    <t>20AI0241</t>
  </si>
  <si>
    <t>フルハウス</t>
  </si>
  <si>
    <t>富山市総曲輪三丁目２－７</t>
  </si>
  <si>
    <t>20AI0242</t>
  </si>
  <si>
    <t>ラーメン山岡家　富山田尻店</t>
  </si>
  <si>
    <t>富山市田尻南９７</t>
  </si>
  <si>
    <t>株式会社　丸千代山岡家</t>
  </si>
  <si>
    <t>北海道札幌市東区東雁来七条１－４－３２</t>
  </si>
  <si>
    <t>20AD0039</t>
  </si>
  <si>
    <t>Ｔｈｅ　Ｐａｓａｄｅｎａ　１１　Ｈｏｔｅｌ（ザ　パサディナ　１１　ホテル）</t>
  </si>
  <si>
    <t>富山市黒崎８５</t>
  </si>
  <si>
    <t>株式会社　生明振興</t>
  </si>
  <si>
    <t>東京都新宿区西落合３－８－５－１０６</t>
  </si>
  <si>
    <t>20AF0019</t>
  </si>
  <si>
    <t>ＣＬＵＢ　ＴＥＲＲＡＣＥ（テラス）</t>
  </si>
  <si>
    <t>サンクイーンビル３Ｆ</t>
  </si>
  <si>
    <t>20AH0019</t>
  </si>
  <si>
    <t>ヤーミン</t>
  </si>
  <si>
    <t>富山市八尾町井田４０５６</t>
  </si>
  <si>
    <t>20AI0243</t>
  </si>
  <si>
    <t>たこ焼き　仁　金沢１００さ６５６５</t>
  </si>
  <si>
    <t>20AM0017</t>
  </si>
  <si>
    <t>Ｒｏｙ’ｓ</t>
  </si>
  <si>
    <t>富山市総曲輪一丁目３－１０</t>
  </si>
  <si>
    <t>20AI0245</t>
  </si>
  <si>
    <t>スナック　アンディ</t>
  </si>
  <si>
    <t>オレンジビルＢ１－Ｃ</t>
  </si>
  <si>
    <t>株式会社　０１－ゼロワン－</t>
  </si>
  <si>
    <t>20AI0248</t>
  </si>
  <si>
    <t>赤い糸</t>
  </si>
  <si>
    <t>第一三愛ビル２Ｆ－Ｅ</t>
  </si>
  <si>
    <t>20AI0249</t>
  </si>
  <si>
    <t>ローソン　富山草島中央店</t>
  </si>
  <si>
    <t>富山市草島２３５－１１１</t>
  </si>
  <si>
    <t>20AE0071</t>
  </si>
  <si>
    <t>まいもん洞</t>
  </si>
  <si>
    <t>富山市日之出町３－６</t>
  </si>
  <si>
    <t>だいどころ屋倶楽部２Ｆ</t>
  </si>
  <si>
    <t>20AI0254</t>
  </si>
  <si>
    <t>Ｍｙｋｏｎｏｓ</t>
  </si>
  <si>
    <t>富山市越前町４－８　２Ｆ</t>
  </si>
  <si>
    <t>20AJ0090</t>
  </si>
  <si>
    <t>20AJ0092</t>
  </si>
  <si>
    <t>肉居酒屋　月桜</t>
  </si>
  <si>
    <t>富山市桜木町７－２</t>
  </si>
  <si>
    <t>ミカド第２ビル　１Ｆ</t>
  </si>
  <si>
    <t>株式会社　四季</t>
  </si>
  <si>
    <t>富山県富山市桜木町７－２</t>
  </si>
  <si>
    <t>20AI0258</t>
  </si>
  <si>
    <t>Ｅ　ｂａｒ</t>
  </si>
  <si>
    <t>環水テラス　３階</t>
  </si>
  <si>
    <t>20AI0261</t>
  </si>
  <si>
    <t>ラボンバンス環水公園</t>
  </si>
  <si>
    <t>環水テラス　２Ｆ</t>
  </si>
  <si>
    <t>20AG0023</t>
  </si>
  <si>
    <t>Ｓｐｉｃｅ　Ｋｉｎｇｄｏｍ　フューチャーシティーファボーレ店</t>
  </si>
  <si>
    <t>株式会社　スパイス王国</t>
  </si>
  <si>
    <t>愛媛県伊予郡砥部町宮内１４０４－１</t>
  </si>
  <si>
    <t>20AA0161</t>
  </si>
  <si>
    <t>バーおぎん。　ＡＮＤ　ＦＩＳＨ</t>
  </si>
  <si>
    <t>富山市宝町二丁目４－２０</t>
  </si>
  <si>
    <t>宝町ビル２Ｆ</t>
  </si>
  <si>
    <t>20AI0264</t>
  </si>
  <si>
    <t>クマさんの台所　アピア店</t>
  </si>
  <si>
    <t>アピア１Ｆ</t>
  </si>
  <si>
    <t>株式会社　いづみや</t>
  </si>
  <si>
    <t>滑川市常盤町２５４</t>
  </si>
  <si>
    <t>20AK0021</t>
  </si>
  <si>
    <t>富山市経田１２５７</t>
  </si>
  <si>
    <t>20AJ0093</t>
  </si>
  <si>
    <t>モスバーガー　富山天正寺店</t>
  </si>
  <si>
    <t>富山市町村１１４</t>
  </si>
  <si>
    <t>株式会社　ダイケイ</t>
  </si>
  <si>
    <t>富山県射水市片口高場６５－１２</t>
  </si>
  <si>
    <t>20AJ0094</t>
  </si>
  <si>
    <t>月の丘</t>
  </si>
  <si>
    <t>富山市月岡町二丁目６０</t>
  </si>
  <si>
    <t>20AA0163</t>
  </si>
  <si>
    <t>団欒　富山店</t>
  </si>
  <si>
    <t>富山市桜町一丁目４－１０</t>
  </si>
  <si>
    <t>パティオさくら２Ｆ</t>
  </si>
  <si>
    <t>株式会社　ＣＯＬＯＲＳ</t>
  </si>
  <si>
    <t>東京都品川区上大崎３－１１－１２</t>
  </si>
  <si>
    <t>20AI0269</t>
  </si>
  <si>
    <t>ＤＡＲＩＡ</t>
  </si>
  <si>
    <t>桜木プラザビル　２Ｆ</t>
  </si>
  <si>
    <t>20AI0271</t>
  </si>
  <si>
    <t>政岡内科病院厨房</t>
  </si>
  <si>
    <t>富山市下新町２８－２３</t>
  </si>
  <si>
    <t>政岡内科病院１Ｆ</t>
  </si>
  <si>
    <t>20AA0165</t>
  </si>
  <si>
    <t>ＢＡＲ　フィンガーワン</t>
  </si>
  <si>
    <t>ウエストハウスビル　２Ｆ</t>
  </si>
  <si>
    <t>20AI0275</t>
  </si>
  <si>
    <t>ル・トンネル</t>
  </si>
  <si>
    <t>富山市総曲輪三丁目３－２５</t>
  </si>
  <si>
    <t>福一ビル総曲輪　Ｂ１Ｆ</t>
  </si>
  <si>
    <t>20AI0276</t>
  </si>
  <si>
    <t>富山市五福５４３６－１</t>
  </si>
  <si>
    <t>富山県富山市五福５４３６－１</t>
  </si>
  <si>
    <t>20AJ0096</t>
  </si>
  <si>
    <t>たこ三（富山８００す５１８９）</t>
  </si>
  <si>
    <t>20AM0018</t>
  </si>
  <si>
    <t>智鑫物産（チシンブッサン）</t>
  </si>
  <si>
    <t>富山市清水元町１－３　キャロットハウス赤祖父１０１号室</t>
  </si>
  <si>
    <t>20AI0279</t>
  </si>
  <si>
    <t>ルシエル</t>
  </si>
  <si>
    <t>桜木センタービル２Ｆ２０６</t>
  </si>
  <si>
    <t>20AI0280</t>
  </si>
  <si>
    <t>ｂｒｉｇｈｔ</t>
  </si>
  <si>
    <t>富山市総曲輪一丁目１－５</t>
  </si>
  <si>
    <t>サンバードビル１Ｆ</t>
  </si>
  <si>
    <t>株式会社　不動産部</t>
  </si>
  <si>
    <t>富山県富山市東町１－５－８　クリスタルビル１０２</t>
  </si>
  <si>
    <t>20AH0022</t>
  </si>
  <si>
    <t>くるまやラーメン婦中店</t>
  </si>
  <si>
    <t>富山市婦中町分田１８１－５</t>
  </si>
  <si>
    <t>株式会社　ＴＳ　Ａｄｖａｎｃｅ</t>
  </si>
  <si>
    <t>富山県高岡市石瀬８１５－１</t>
  </si>
  <si>
    <t>20AD0042</t>
  </si>
  <si>
    <t>グリシーヌ</t>
  </si>
  <si>
    <t>20AJ0097</t>
  </si>
  <si>
    <t>富山二口酒場　情熱ホルモン</t>
  </si>
  <si>
    <t>富山市二口町五丁目１０－１</t>
  </si>
  <si>
    <t>20AA0168</t>
  </si>
  <si>
    <t>３５９</t>
  </si>
  <si>
    <t>20AI0282</t>
  </si>
  <si>
    <t>寿司正</t>
  </si>
  <si>
    <t>富山市一番町４－２９</t>
  </si>
  <si>
    <t>20AC0014</t>
  </si>
  <si>
    <t>スナック　ＴＯＭＯ</t>
  </si>
  <si>
    <t>第一三愛ビル</t>
  </si>
  <si>
    <t>20AI0283</t>
  </si>
  <si>
    <t>旺勝</t>
  </si>
  <si>
    <t>富山市栄町一丁目３－１７</t>
  </si>
  <si>
    <t>20AB0021</t>
  </si>
  <si>
    <t>20AJ0098</t>
  </si>
  <si>
    <t>ノンノ（ｎｏｎｎｏ）</t>
  </si>
  <si>
    <t>富山市掛尾町３６５－１</t>
  </si>
  <si>
    <t>ドン・キホーテ内１階</t>
  </si>
  <si>
    <t>富山県富山市桜町二丁目２－７　小杉ビル２階</t>
  </si>
  <si>
    <t>20AN0059</t>
  </si>
  <si>
    <t>プレイボール</t>
  </si>
  <si>
    <t>サンナインプラザ　２階</t>
  </si>
  <si>
    <t>20AI0284</t>
  </si>
  <si>
    <t>かあかのらぼはちみつごはん</t>
  </si>
  <si>
    <t>富山市東黒牧２４１－１</t>
  </si>
  <si>
    <t>20AK0022</t>
  </si>
  <si>
    <t>ＳＯＡｒ（ソア）</t>
  </si>
  <si>
    <t>富山市堤町通り一丁目１－１６</t>
  </si>
  <si>
    <t>20AJ0099</t>
  </si>
  <si>
    <t>さくら食堂</t>
  </si>
  <si>
    <t>富山市下新本町３－５</t>
  </si>
  <si>
    <t>さくらメディカルガーデン１Ｆ</t>
  </si>
  <si>
    <t>株式会社　エルダーファーム</t>
  </si>
  <si>
    <t>富山県富山市奥田町２２－２７</t>
  </si>
  <si>
    <t>20AA0169</t>
  </si>
  <si>
    <t>ＦＲＵＣＲＵ</t>
  </si>
  <si>
    <t>富山市下奥井一丁目２１－１</t>
  </si>
  <si>
    <t>20AJ0100</t>
  </si>
  <si>
    <t>やけるやんか千房富山駅前店</t>
  </si>
  <si>
    <t>Ｇｈａｄ　株式会社</t>
  </si>
  <si>
    <t>富山県富山市上飯野８－３</t>
  </si>
  <si>
    <t>20AI0285</t>
  </si>
  <si>
    <t>やけるやんか千房（富山１００せ５５０８）</t>
  </si>
  <si>
    <t>20AM0019</t>
  </si>
  <si>
    <t>焼肉酒場４４６</t>
  </si>
  <si>
    <t>富山市桜町一丁目６－１２</t>
  </si>
  <si>
    <t>株式会社　４４６</t>
  </si>
  <si>
    <t>20AI0286</t>
  </si>
  <si>
    <t>ＢＥＴＴＹ</t>
  </si>
  <si>
    <t>ビッグアベニュービル３Ｆ</t>
  </si>
  <si>
    <t>株式会社　ダイヤモンドグループ</t>
  </si>
  <si>
    <t>富山県富山市桜木町７－９</t>
  </si>
  <si>
    <t>20AH0023</t>
  </si>
  <si>
    <t>かたばみ</t>
  </si>
  <si>
    <t>西野ビル１階</t>
  </si>
  <si>
    <t>20AI0287</t>
  </si>
  <si>
    <t>城北食堂</t>
  </si>
  <si>
    <t>富山市城北町１８－１</t>
  </si>
  <si>
    <t>北陸電力　城北寮</t>
  </si>
  <si>
    <t>20AA0171</t>
  </si>
  <si>
    <t>万宝</t>
  </si>
  <si>
    <t>三愛第２ビル　１０１</t>
  </si>
  <si>
    <t>20AI0288</t>
  </si>
  <si>
    <t>ウッドペッカーカフェ　富山４８０せ１３４３</t>
  </si>
  <si>
    <t>有限会社　ＷＩＺＡＲＤ</t>
  </si>
  <si>
    <t>富山県富山市秋吉１９１－９</t>
  </si>
  <si>
    <t>20AM0020</t>
  </si>
  <si>
    <t>串道楽</t>
  </si>
  <si>
    <t>ビジネスホテル佐渡１Ｆ</t>
  </si>
  <si>
    <t>20AI0290</t>
  </si>
  <si>
    <t>ハナミズキノヘヤ</t>
  </si>
  <si>
    <t>富山市南田町一丁目６－１</t>
  </si>
  <si>
    <t>ラ・アンサンブル１Ｆ</t>
  </si>
  <si>
    <t>富山県富山市南田町１－６－１</t>
  </si>
  <si>
    <t>21AI0001</t>
  </si>
  <si>
    <t>レジデンス牛島Ⅰ棟１０１</t>
  </si>
  <si>
    <t>21AE0002</t>
  </si>
  <si>
    <t>喫茶サロンひとつ</t>
  </si>
  <si>
    <t>富山市五番町８－２</t>
  </si>
  <si>
    <t>富山県富山市五番町８－２</t>
  </si>
  <si>
    <t>21AA0001</t>
  </si>
  <si>
    <t>インド料理専門店　サントシ</t>
  </si>
  <si>
    <t>富山市神通本町一丁目３－１３</t>
  </si>
  <si>
    <t>株式会社　美麗ヘナ・ワールド</t>
  </si>
  <si>
    <t>富山市神通本町１－３－１７</t>
  </si>
  <si>
    <t>21AA0002</t>
  </si>
  <si>
    <t>まごころ居酒屋はなれ</t>
  </si>
  <si>
    <t>駅前プラザビル３階北側</t>
  </si>
  <si>
    <t>株式会社　Ａｒｉｅｓ</t>
  </si>
  <si>
    <t>静岡県浜松市中区鍛冶町　３２０－２３　Ｑ：ＦＡＣＥビル１階</t>
  </si>
  <si>
    <t>21AI0002</t>
  </si>
  <si>
    <t>21AE0003</t>
  </si>
  <si>
    <t>ＭＩＹＡＢＩ</t>
  </si>
  <si>
    <t>大学堂ビル　１Ｆ</t>
  </si>
  <si>
    <t>株式会社　Ｉｎ　ｓｅｎｓｅ</t>
  </si>
  <si>
    <t>富山県富山市中央通り一丁目４－１３</t>
  </si>
  <si>
    <t>21AK0001</t>
  </si>
  <si>
    <t>ローソン　富山大学前店</t>
  </si>
  <si>
    <t>富山市五福３４２０－２０</t>
  </si>
  <si>
    <t>21AN0001</t>
  </si>
  <si>
    <t>ねこのいる占いカフェ　ｎｉｌ（ニル）２</t>
  </si>
  <si>
    <t>富山市本郷西部８３－１</t>
  </si>
  <si>
    <t>富山県富山市本郷８３－１</t>
  </si>
  <si>
    <t>21AJ0002</t>
  </si>
  <si>
    <t>ＭＩＲＡＮ</t>
  </si>
  <si>
    <t>富山市大町３０８－１４</t>
  </si>
  <si>
    <t>西野ビル　１Ｆ</t>
  </si>
  <si>
    <t>21AI0004</t>
  </si>
  <si>
    <t>いろどり屋</t>
  </si>
  <si>
    <t>富山市上袋１００－１　アピタ富山店　１Ｆ</t>
  </si>
  <si>
    <t>21AA0003</t>
  </si>
  <si>
    <t>ＢＩＧ　ＢＡＢＹ</t>
  </si>
  <si>
    <t>桜木プラザビル　１ＦＢ号室</t>
  </si>
  <si>
    <t>21AI0006</t>
  </si>
  <si>
    <t>ポールスター</t>
  </si>
  <si>
    <t>桜木プラザビル　１Ｆ</t>
  </si>
  <si>
    <t>21AI0008</t>
  </si>
  <si>
    <t>ヤットルゾー五條５４０（富山８００す５３２６）</t>
  </si>
  <si>
    <t>富山市新富町１－３－６</t>
  </si>
  <si>
    <t>21AM0002</t>
  </si>
  <si>
    <t>ｃａｎａｄｅｌｌｂｅｒｒｙ（富山８００す５２７８）</t>
  </si>
  <si>
    <t>21AM0003</t>
  </si>
  <si>
    <t>Ｓｅｃｒｅｔ</t>
  </si>
  <si>
    <t>21AI0010</t>
  </si>
  <si>
    <t>朶（ひとふさ）</t>
  </si>
  <si>
    <t>富山市横内４０５</t>
  </si>
  <si>
    <t>21AA0011</t>
  </si>
  <si>
    <t>ＩＶＹＰＬＵＳ</t>
  </si>
  <si>
    <t>西町ビル２Ｆ</t>
  </si>
  <si>
    <t>21AI0015</t>
  </si>
  <si>
    <t>ローソン　富山吉岡店</t>
  </si>
  <si>
    <t>富山市吉岡６５９－２</t>
  </si>
  <si>
    <t>21AE0005</t>
  </si>
  <si>
    <t>寿司清</t>
  </si>
  <si>
    <t>やま基ビル１Ｆ</t>
  </si>
  <si>
    <t>株式会社　ＯＮＥ’Ｓ　ＨＥＡＲＴ</t>
  </si>
  <si>
    <t>富山県富山市向新庄</t>
  </si>
  <si>
    <t>21AC0001</t>
  </si>
  <si>
    <t>ＣＯＣＯＡ</t>
  </si>
  <si>
    <t>十七番街ビル　２０５号室</t>
  </si>
  <si>
    <t>21AI0016</t>
  </si>
  <si>
    <t>やけるやんか千房　上飯野店</t>
  </si>
  <si>
    <t>富山市上飯野８－３</t>
  </si>
  <si>
    <t>21AA0019</t>
  </si>
  <si>
    <t>トントンハウス　八尾店</t>
  </si>
  <si>
    <t>富山市八尾町井田５８０－１</t>
  </si>
  <si>
    <t>風の街モアショッピングセンター　１階</t>
  </si>
  <si>
    <t>21AE0006</t>
  </si>
  <si>
    <t>やなぎ屋</t>
  </si>
  <si>
    <t>富山市内幸町８－１２</t>
  </si>
  <si>
    <t>21AI0017</t>
  </si>
  <si>
    <t>居酒屋　茄子び</t>
  </si>
  <si>
    <t>21AI0018</t>
  </si>
  <si>
    <t>Ｂａｒ　ｓｐｏｔ</t>
  </si>
  <si>
    <t>ザ・ロイヤルビル　２Ｆ　Ａ・Ｂ</t>
  </si>
  <si>
    <t>21AI0021</t>
  </si>
  <si>
    <t>21AA0021</t>
  </si>
  <si>
    <t>Ｃｈｅａｔ</t>
  </si>
  <si>
    <t>富山市桜町二丁目１－１２</t>
  </si>
  <si>
    <t>ＴＳビル　３Ｆ</t>
  </si>
  <si>
    <t>エーエヌアイ　株式会社</t>
  </si>
  <si>
    <t>埼玉県さいたま市南区大字広ヶ谷戸７５－２４</t>
  </si>
  <si>
    <t>21AI0023</t>
  </si>
  <si>
    <t>来来亭　富山本店</t>
  </si>
  <si>
    <t>富山市稲荷町四丁目９－７</t>
  </si>
  <si>
    <t>株式会社　ＴＳＵ・ＢＡ・ＳＡ</t>
  </si>
  <si>
    <t>福井県敦賀市木崎１５－７－１</t>
  </si>
  <si>
    <t>21AD0004</t>
  </si>
  <si>
    <t>つだ</t>
  </si>
  <si>
    <t>21AI0024</t>
  </si>
  <si>
    <t>セブン－イレブン　富山安養寺店</t>
  </si>
  <si>
    <t>富山市安養寺５１７</t>
  </si>
  <si>
    <t>21AN0003</t>
  </si>
  <si>
    <t>よっちゃん</t>
  </si>
  <si>
    <t>富山市中沖１５０－２</t>
  </si>
  <si>
    <t>21AJ0008</t>
  </si>
  <si>
    <t>ジャンボカラオケ広場　富山駅前店</t>
  </si>
  <si>
    <t>富山市桜町二丁目２－１０</t>
  </si>
  <si>
    <t>アクロスキューブ　富山桜町２～５Ｆ</t>
  </si>
  <si>
    <t>有限会社　ジャンカラ三条</t>
  </si>
  <si>
    <t>京都府京都市中京区三条道河原町西入ル２９－１</t>
  </si>
  <si>
    <t>21AI0025</t>
  </si>
  <si>
    <t>太閤山カントリークラブ　コース売店　楠コース</t>
  </si>
  <si>
    <t>富山市山本１７－１</t>
  </si>
  <si>
    <t>株式会社　ダイナック</t>
  </si>
  <si>
    <t>東京都港区台場２－３－３</t>
  </si>
  <si>
    <t>21AJ0009</t>
  </si>
  <si>
    <t>太閤山カントリークラブ　コース売店　蘭コース</t>
  </si>
  <si>
    <t>富山市山本２８－１</t>
  </si>
  <si>
    <t>21AJ0010</t>
  </si>
  <si>
    <t>平城苑　富山店</t>
  </si>
  <si>
    <t>アクロスキューブ桜町１Ｆ</t>
  </si>
  <si>
    <t>株式会社　オリノ</t>
  </si>
  <si>
    <t>東京都中野区東中野</t>
  </si>
  <si>
    <t>21AI0028</t>
  </si>
  <si>
    <t>サロン・ど・ゑい</t>
  </si>
  <si>
    <t>21AI0029</t>
  </si>
  <si>
    <t>とんちゃんやきとり　まさむ</t>
  </si>
  <si>
    <t>富山市牛島新町８－１３</t>
  </si>
  <si>
    <t>21AI0032</t>
  </si>
  <si>
    <t>らあめん花月嵐　黒瀬北町店</t>
  </si>
  <si>
    <t>富山市黒瀬北町二丁目４－１</t>
  </si>
  <si>
    <t>株式会社　徳蔵</t>
  </si>
  <si>
    <t>富山県富山市赤田６９９－７</t>
  </si>
  <si>
    <t>21AD0006</t>
  </si>
  <si>
    <t>シルク</t>
  </si>
  <si>
    <t>富山市総曲輪一丁目５－４</t>
  </si>
  <si>
    <t>21AI0033</t>
  </si>
  <si>
    <t>うーたん牧場</t>
  </si>
  <si>
    <t>富山市桜町二丁目２－１１</t>
  </si>
  <si>
    <t>21AJ0013</t>
  </si>
  <si>
    <t>ＡＮＥＭＯＮＥ（アネモネ）</t>
  </si>
  <si>
    <t>富山市本町９－１５</t>
  </si>
  <si>
    <t>第５マツモトビル１－Ｃ</t>
  </si>
  <si>
    <t>21AI0034</t>
  </si>
  <si>
    <t>居酒屋　よりみち</t>
  </si>
  <si>
    <t>富山市桜木町６－１８</t>
  </si>
  <si>
    <t>大洋第二ビル　１Ｆ</t>
  </si>
  <si>
    <t>21AI0035</t>
  </si>
  <si>
    <t>ゆうすげ</t>
  </si>
  <si>
    <t>富山市中島二丁目４－３１</t>
  </si>
  <si>
    <t>21AI0036</t>
  </si>
  <si>
    <t>とんかつ勝亭　牛かつＲＩＫＩ</t>
  </si>
  <si>
    <t>富山市有沢７９１－１</t>
  </si>
  <si>
    <t>九頭龍フーズ　株式会社</t>
  </si>
  <si>
    <t>富山県富山市緑町二丁目３－５</t>
  </si>
  <si>
    <t>21AA0026</t>
  </si>
  <si>
    <t>つけめん桜　富山上袋店</t>
  </si>
  <si>
    <t>富山市上袋６１０－１</t>
  </si>
  <si>
    <t>21AD0007</t>
  </si>
  <si>
    <t>ＣＡＦＥ　ＲＥＳＵＴＡＵＲＡＮＴ　ＲＵＳＣＥＬＬＯ</t>
  </si>
  <si>
    <t>富山市桜木町３－１１</t>
  </si>
  <si>
    <t>株式会社　Ｅａｔ　Ｒｅａｌ　Ｃｏｏｋｉｎｇ</t>
  </si>
  <si>
    <t>石川県金沢市片町１－１２－６</t>
  </si>
  <si>
    <t>21AI0040</t>
  </si>
  <si>
    <t>居酒屋　ｍａｒｕ</t>
  </si>
  <si>
    <t>平岡ビル１Ｆ</t>
  </si>
  <si>
    <t>21AI0041</t>
  </si>
  <si>
    <t>キッチン　オムレット</t>
  </si>
  <si>
    <t>21AA0028</t>
  </si>
  <si>
    <t>Ｓｕｎポ</t>
  </si>
  <si>
    <t>富山市安養寺３２８</t>
  </si>
  <si>
    <t>21AJ0016</t>
  </si>
  <si>
    <t>白い泡沫</t>
  </si>
  <si>
    <t>マツモト本町ビル２Ｆ</t>
  </si>
  <si>
    <t>21AI0046</t>
  </si>
  <si>
    <t>松本第３ビル　２Ｆ</t>
  </si>
  <si>
    <t>株式会社　水曜美の朝</t>
  </si>
  <si>
    <t>富山県富山市東田地方町一丁目５－５２－１０２２号</t>
  </si>
  <si>
    <t>21AI0048</t>
  </si>
  <si>
    <t>美喜多寿し</t>
  </si>
  <si>
    <t>富山市四方二番町３０－１</t>
  </si>
  <si>
    <t>21AC0003</t>
  </si>
  <si>
    <t>富山市北学校給食センター</t>
  </si>
  <si>
    <t>富山市水落６１－１</t>
  </si>
  <si>
    <t>株式会社　東洋食品</t>
  </si>
  <si>
    <t>東京都台東区東上野１－１４－４</t>
  </si>
  <si>
    <t>21AA0032</t>
  </si>
  <si>
    <t>富山市南学校給食センター</t>
  </si>
  <si>
    <t>富山市大宮町１２５</t>
  </si>
  <si>
    <t>21AA0033</t>
  </si>
  <si>
    <t>朝から居酒屋　千路</t>
  </si>
  <si>
    <t>21AI0051</t>
  </si>
  <si>
    <t>ＣＬＵＢ　愛蓮　ＡＩＲＡ</t>
  </si>
  <si>
    <t>桜木中央ビル４Ｆ</t>
  </si>
  <si>
    <t>合同会社　美楽</t>
  </si>
  <si>
    <t>富山県滑川市有金１０７８</t>
  </si>
  <si>
    <t>21AH0001</t>
  </si>
  <si>
    <t>おにぎりとおみそしる　具うたん</t>
  </si>
  <si>
    <t>富山市桜町二丁目４－２</t>
  </si>
  <si>
    <t>富山センタービル１Ｆ角</t>
  </si>
  <si>
    <t>21AE0013</t>
  </si>
  <si>
    <t>れんま　富山駅前店</t>
  </si>
  <si>
    <t>パティオさくら　２Ｆ</t>
  </si>
  <si>
    <t>21AI0054</t>
  </si>
  <si>
    <t>ＴＥＸＡＳ　STEAK&amp;American Bar　ＲＯＵＴＥ４６</t>
  </si>
  <si>
    <t>富山市総曲輪三丁目２－２５</t>
  </si>
  <si>
    <t>総曲輪２１４ビル　１Ｆ</t>
  </si>
  <si>
    <t>株式会社　ＭＪ＆ｃｏ</t>
  </si>
  <si>
    <t>富山県富山市平吹町４－１８</t>
  </si>
  <si>
    <t>21AI0055</t>
  </si>
  <si>
    <t>ＢｉＢｉＢｉ＆ＪＵＲＵＬｉ(ビビビアンドジュルリ)</t>
  </si>
  <si>
    <t>富山市木場町３－２０</t>
  </si>
  <si>
    <t>富山県美術館　３Ｆ</t>
  </si>
  <si>
    <t>株式会社　富山とイート</t>
  </si>
  <si>
    <t>21AA0036</t>
  </si>
  <si>
    <t>いのきち（富山４００と３２５８）</t>
  </si>
  <si>
    <t>21AM0005</t>
  </si>
  <si>
    <t>大町　月見</t>
  </si>
  <si>
    <t>富山市大町２２８－８</t>
  </si>
  <si>
    <t>21AA0039</t>
  </si>
  <si>
    <t>ぷち割烹　佐蔵</t>
  </si>
  <si>
    <t>富山市婦中町長沢４６１３－１</t>
  </si>
  <si>
    <t>有限会社　佐蔵</t>
  </si>
  <si>
    <t>富山市下大久保３３８２－３</t>
  </si>
  <si>
    <t>21AI0057</t>
  </si>
  <si>
    <t>廻転鮨処　すしだるま</t>
  </si>
  <si>
    <t>富山市二俣４４８－１</t>
  </si>
  <si>
    <t>株式会社　Ｓ＆Ｄ</t>
  </si>
  <si>
    <t>石川県野々市市住吉町１４－３８　ガレリア６０１</t>
  </si>
  <si>
    <t>21AC0005</t>
  </si>
  <si>
    <t>富山市立奥田小学校</t>
  </si>
  <si>
    <t>富山市奥田双葉町１０－１８</t>
  </si>
  <si>
    <t>シダックス大新東ヒューマンサービス　株式会社</t>
  </si>
  <si>
    <t>21AA0041</t>
  </si>
  <si>
    <t>富山市立光陽小学校</t>
  </si>
  <si>
    <t>富山市二口町一丁目４－１</t>
  </si>
  <si>
    <t>21AA0042</t>
  </si>
  <si>
    <t>裏門</t>
  </si>
  <si>
    <t>富山市五福３５１８－２０</t>
  </si>
  <si>
    <t>株式会社　裏門</t>
  </si>
  <si>
    <t>富山県富山市五福３５１８－２０</t>
  </si>
  <si>
    <t>21AA0043</t>
  </si>
  <si>
    <t>富山市立杉原小学校</t>
  </si>
  <si>
    <t>富山市八尾町黒田３６３６</t>
  </si>
  <si>
    <t>21AA0044</t>
  </si>
  <si>
    <t>富山市立鵜坂小学校</t>
  </si>
  <si>
    <t>富山市婦中町上田島６８</t>
  </si>
  <si>
    <t>21AA0045</t>
  </si>
  <si>
    <t>メフォス　１０４９０　号店</t>
  </si>
  <si>
    <t>富山市五艘１３００　</t>
  </si>
  <si>
    <t>富山大学教育学部付属小学校内　給食室</t>
  </si>
  <si>
    <t>21AA0046</t>
  </si>
  <si>
    <t>ｂａｒ１０．１</t>
  </si>
  <si>
    <t>21AI0060</t>
  </si>
  <si>
    <t>Ｕｎａ　Ｃａｓｉｔａ　Ｂｏｎ－Ｓａｋａ(ウナカシータボンサカ)</t>
  </si>
  <si>
    <t>富山市稲代１０９</t>
  </si>
  <si>
    <t>21AI0061</t>
  </si>
  <si>
    <t>魚国総本社・富山２３４８４０</t>
  </si>
  <si>
    <t>富山市高内１４４</t>
  </si>
  <si>
    <t>富山市立大沢野小学校</t>
  </si>
  <si>
    <t>21AA0047</t>
  </si>
  <si>
    <t>メフォス　１０３００号店</t>
  </si>
  <si>
    <t>富山市五福４４３１－２</t>
  </si>
  <si>
    <t>五福小学校　１Ｆ</t>
  </si>
  <si>
    <t>21AA0050</t>
  </si>
  <si>
    <t>メフォス　１０４４６号店</t>
  </si>
  <si>
    <t>富山市石金一丁目５－４４</t>
  </si>
  <si>
    <t>東部小学校　１Ｆ</t>
  </si>
  <si>
    <t>21AA0051</t>
  </si>
  <si>
    <t>メフォス　１０１６５号店</t>
  </si>
  <si>
    <t>富山市山室荒屋１６２－２</t>
  </si>
  <si>
    <t>山室中部小学校　１Ｆ</t>
  </si>
  <si>
    <t>21AA0052</t>
  </si>
  <si>
    <t>メフォス　１００４９号店</t>
  </si>
  <si>
    <t>富山市藤木１２４６</t>
  </si>
  <si>
    <t>藤ノ木小学校　１Ｆ</t>
  </si>
  <si>
    <t>21AA0053</t>
  </si>
  <si>
    <t>Ｓｕｉｔｅ（スイート）</t>
  </si>
  <si>
    <t>ビッグアベニュービル８６　２Ｆ</t>
  </si>
  <si>
    <t>21AI0062</t>
  </si>
  <si>
    <t>日清わかくさ保育園</t>
  </si>
  <si>
    <t>富山市町村３４１－１</t>
  </si>
  <si>
    <t>21AA0054</t>
  </si>
  <si>
    <t>Ｈｅａｖｅｎ　ｏｒ　Ｈｅｌｌ</t>
  </si>
  <si>
    <t>桜木町中央ビル１Ｆ　１０１</t>
  </si>
  <si>
    <t>株式会社　Ｈｅａｖｅｎ</t>
  </si>
  <si>
    <t>富山県富山市桜木町１３－１４　桜木町中央ビル１０１号</t>
  </si>
  <si>
    <t>21AI0063</t>
  </si>
  <si>
    <t>高志の恵み　玄</t>
  </si>
  <si>
    <t>21AG0006</t>
  </si>
  <si>
    <t>富山県済生会富山病院</t>
  </si>
  <si>
    <t>富山市楠木３３－１</t>
  </si>
  <si>
    <t>21AA0057</t>
  </si>
  <si>
    <t>富山市立新庄小学校</t>
  </si>
  <si>
    <t>富山市新庄町一丁目６－３０</t>
  </si>
  <si>
    <t>21AA0058</t>
  </si>
  <si>
    <t>富山市立山室小学校</t>
  </si>
  <si>
    <t>富山市中市二丁目１０－５</t>
  </si>
  <si>
    <t>21AA0059</t>
  </si>
  <si>
    <t>富山市立蜷川小学校</t>
  </si>
  <si>
    <t>富山市赤田７５－１</t>
  </si>
  <si>
    <t>21AA0060</t>
  </si>
  <si>
    <t>富山市立芝園小学校</t>
  </si>
  <si>
    <t>富山市芝園町三丁目１－２６</t>
  </si>
  <si>
    <t>21AA0061</t>
  </si>
  <si>
    <t>富山市立呉羽小学校</t>
  </si>
  <si>
    <t>富山市呉羽町６１７１</t>
  </si>
  <si>
    <t>21AA0062</t>
  </si>
  <si>
    <t>ろこん　市町村会館店</t>
  </si>
  <si>
    <t>富山市下野９９５－３</t>
  </si>
  <si>
    <t>富山県市町村会館　１Ｆ</t>
  </si>
  <si>
    <t>21AA0064</t>
  </si>
  <si>
    <t>魚国総本社・富山２３３５９０</t>
  </si>
  <si>
    <t>富山市婦中町河原町５６１－５　富山市立城山中学校</t>
  </si>
  <si>
    <t>21AA0065</t>
  </si>
  <si>
    <t>魚国総本社・富山２３４９４０</t>
  </si>
  <si>
    <t>富山市楡原７０４－２　富山市立ほそいり保育所</t>
  </si>
  <si>
    <t>21AA0068</t>
  </si>
  <si>
    <t>ローソンＳ富山市役所店</t>
  </si>
  <si>
    <t>富山市役所１Ｆ</t>
  </si>
  <si>
    <t>21AN0015</t>
  </si>
  <si>
    <t>利楽</t>
  </si>
  <si>
    <t>千歳ビル２Ｅ</t>
  </si>
  <si>
    <t>21AI0067</t>
  </si>
  <si>
    <t>バディ　バディ</t>
  </si>
  <si>
    <t>富山市桜木町４－１４</t>
  </si>
  <si>
    <t>21AI0068</t>
  </si>
  <si>
    <t>富山市立広田小学校</t>
  </si>
  <si>
    <t>富山市鍋田２２－５３</t>
  </si>
  <si>
    <t>21AA0069</t>
  </si>
  <si>
    <t>富山市立新庄北小学校</t>
  </si>
  <si>
    <t>富山市新庄本町二丁目４－１１</t>
  </si>
  <si>
    <t>21AA0070</t>
  </si>
  <si>
    <t>赤から富山中島店</t>
  </si>
  <si>
    <t>富山市中島一丁目３－４８</t>
  </si>
  <si>
    <t>21AA0071</t>
  </si>
  <si>
    <t>魚国総本社・富山２３４８８３</t>
  </si>
  <si>
    <t>富山市水橋小池３９１</t>
  </si>
  <si>
    <t>富山市立水橋東部保育所</t>
  </si>
  <si>
    <t>21AA0072</t>
  </si>
  <si>
    <t>魚国総本社・富山２３４８８０</t>
  </si>
  <si>
    <t>富山市水橋小路３３８－１</t>
  </si>
  <si>
    <t>富山市立三郷保育所</t>
  </si>
  <si>
    <t>21AA0073</t>
  </si>
  <si>
    <t>魚国総本社・２３４８８２</t>
  </si>
  <si>
    <t>富山市水橋石割７２－２</t>
  </si>
  <si>
    <t>富山市立上条保育所</t>
  </si>
  <si>
    <t>21AA0074</t>
  </si>
  <si>
    <t>魚国総本社・富山２３４８８１</t>
  </si>
  <si>
    <t>富山市水橋辻ケ堂６６７</t>
  </si>
  <si>
    <t>富山市立水橋西部保育所</t>
  </si>
  <si>
    <t>21AA0075</t>
  </si>
  <si>
    <t>フィフティ・ファイブ</t>
  </si>
  <si>
    <t>三愛第二ビル　２０１　２０２号室</t>
  </si>
  <si>
    <t>21AI0069</t>
  </si>
  <si>
    <t>Ａｒｍａｎｇａｌｅ（アルマンゲール）</t>
  </si>
  <si>
    <t>富山市総曲輪一丁目７－４　</t>
  </si>
  <si>
    <t>大信ビル１Ｆ</t>
  </si>
  <si>
    <t>21AI0070</t>
  </si>
  <si>
    <t>麺屋丸超　下赤江店　</t>
  </si>
  <si>
    <t>富山市下赤江町二丁目２－３４</t>
  </si>
  <si>
    <t>21AD0010</t>
  </si>
  <si>
    <t>（有）ＴＨ企画（富山１３０つ３４００）</t>
  </si>
  <si>
    <t>21AM0006</t>
  </si>
  <si>
    <t>ロマンド―ロール（福井１００す３２８７）</t>
  </si>
  <si>
    <t>21AM0007</t>
  </si>
  <si>
    <t>カラオケ喫茶　咲らん</t>
  </si>
  <si>
    <t>グリーンモール１Ｆ</t>
  </si>
  <si>
    <t>21AJ0023</t>
  </si>
  <si>
    <t>Ｄｉｎｉｎｇ　Ｂａｒ　ＧＬＡＭＰ</t>
  </si>
  <si>
    <t>富山市総曲輪一丁目９－６</t>
  </si>
  <si>
    <t>加田ビル　２Ｆ</t>
  </si>
  <si>
    <t>21AI0075</t>
  </si>
  <si>
    <t>庵陽灯。（あんやと）（石川８００す８３４）</t>
  </si>
  <si>
    <t>有限会社　アメージング</t>
  </si>
  <si>
    <t>石川県能美市上清水町イ９８番地</t>
  </si>
  <si>
    <t>21AM0008</t>
  </si>
  <si>
    <t>キッチン工房チャムチャム（富山８００　す５６９５）</t>
  </si>
  <si>
    <t>21AM0009</t>
  </si>
  <si>
    <t>まめでっぽう</t>
  </si>
  <si>
    <t>富山市婦中町東谷２５</t>
  </si>
  <si>
    <t>21AK0003</t>
  </si>
  <si>
    <t>配食のふれ愛　呉羽店</t>
  </si>
  <si>
    <t>富山市呉羽町２９５－１９</t>
  </si>
  <si>
    <t>チェンジングフード　株式会社</t>
  </si>
  <si>
    <t>富山県富山市呉羽町２９５－１９</t>
  </si>
  <si>
    <t>21AE0020</t>
  </si>
  <si>
    <t>秋吉　八尾店</t>
  </si>
  <si>
    <t>富山市八尾町大杉３０２</t>
  </si>
  <si>
    <t>21AI0080</t>
  </si>
  <si>
    <t>向新庄ステーション　鈴の音</t>
  </si>
  <si>
    <t>富山市向新庄一丁目７－２７</t>
  </si>
  <si>
    <t>株式会社　長谷川介護サービス</t>
  </si>
  <si>
    <t>富山県富山市向新庄１－７－２７</t>
  </si>
  <si>
    <t>21AA0078</t>
  </si>
  <si>
    <t>匠軒</t>
  </si>
  <si>
    <t>富山市掛尾町３８８－３１</t>
  </si>
  <si>
    <t>21AD0011</t>
  </si>
  <si>
    <t>麺宝</t>
  </si>
  <si>
    <t>富山市総曲輪一丁目８－１２</t>
  </si>
  <si>
    <t>クリスタルビル１Ｆ</t>
  </si>
  <si>
    <t>21AD0012</t>
  </si>
  <si>
    <t>黒猫のタンゴ</t>
  </si>
  <si>
    <t>富山市高屋敷８５３－３</t>
  </si>
  <si>
    <t>21AI0084</t>
  </si>
  <si>
    <t>銀泉</t>
  </si>
  <si>
    <t>21AI0088</t>
  </si>
  <si>
    <t>カラオケ　まねきねこ　富山駅前店</t>
  </si>
  <si>
    <t>富山市桜町二丁目２－１５</t>
  </si>
  <si>
    <t>21AJ0024</t>
  </si>
  <si>
    <t>21AI0094</t>
  </si>
  <si>
    <t>みなみの星病院　厨房</t>
  </si>
  <si>
    <t>富山市二俣３８２地内</t>
  </si>
  <si>
    <t>21AA0086</t>
  </si>
  <si>
    <t>Ｍｕｒｅ</t>
  </si>
  <si>
    <t>富山市新屋１４９－４</t>
  </si>
  <si>
    <t>株式会社　やらんまいけ富山</t>
  </si>
  <si>
    <t>富山県富山市宮園町１２０－１</t>
  </si>
  <si>
    <t>21AJ0026</t>
  </si>
  <si>
    <t>21AA0089</t>
  </si>
  <si>
    <t>まま家（ままや）</t>
  </si>
  <si>
    <t>日ノ出ビル１Ｆ</t>
  </si>
  <si>
    <t>21AI0098</t>
  </si>
  <si>
    <t>(有)ＴＨ企画（富山１３０つ３４００）</t>
  </si>
  <si>
    <t>21AM0013</t>
  </si>
  <si>
    <t>(有)ＴＨ企画（富山８００す５４８０）</t>
  </si>
  <si>
    <t>21AM0014</t>
  </si>
  <si>
    <t>21AE0024</t>
  </si>
  <si>
    <t>セブン―イレブン　ハートインＪＲ富山駅前店</t>
  </si>
  <si>
    <t>21AN0021</t>
  </si>
  <si>
    <t>ライフデリ富山店</t>
  </si>
  <si>
    <t>富山市荒川三丁目１－６</t>
  </si>
  <si>
    <t>有限会社　大田建材運輸</t>
  </si>
  <si>
    <t>富山県富山市五艘１５９２－３</t>
  </si>
  <si>
    <t>21AE0025</t>
  </si>
  <si>
    <t>ニュー金ちゃん</t>
  </si>
  <si>
    <t>富山市八尾町井田７７９９－１</t>
  </si>
  <si>
    <t>21AI0101</t>
  </si>
  <si>
    <t>Ｂａｒ　Ｍａｇｎｅｔ</t>
  </si>
  <si>
    <t>富山市常盤町８－９</t>
  </si>
  <si>
    <t>西岡ビル２Ｆ</t>
  </si>
  <si>
    <t>21AI0103</t>
  </si>
  <si>
    <t>呉陽病院</t>
  </si>
  <si>
    <t>富山市野口南部１２６</t>
  </si>
  <si>
    <t>21AA0090</t>
  </si>
  <si>
    <t>八尾総合病院</t>
  </si>
  <si>
    <t>富山市八尾町福島七丁目４２</t>
  </si>
  <si>
    <t>21AA0092</t>
  </si>
  <si>
    <t>ファルファッレ</t>
  </si>
  <si>
    <t>富山市秋吉１６３－１７</t>
  </si>
  <si>
    <t>グランフィオーレ１Ｆ　Ｂ号室</t>
  </si>
  <si>
    <t>21AA0093</t>
  </si>
  <si>
    <t>クレープのお店　ｎｉｃｏｔｔｏｓａｎ</t>
  </si>
  <si>
    <t>富山市久方町８－４３</t>
  </si>
  <si>
    <t>久方ビル１Ｆ</t>
  </si>
  <si>
    <t>21AJ0029</t>
  </si>
  <si>
    <t>Ｔ＠ｏｐ＠ｉ</t>
  </si>
  <si>
    <t>グリーンビル１０５</t>
  </si>
  <si>
    <t>21AH0003</t>
  </si>
  <si>
    <t>夢創庵（ムソウアン）</t>
  </si>
  <si>
    <t>富山市総曲輪一丁目１－１０</t>
  </si>
  <si>
    <t>21AI0107</t>
  </si>
  <si>
    <t>セブン―イレブン　富山磯部町店</t>
  </si>
  <si>
    <t>富山市磯部町三丁目９－２６</t>
  </si>
  <si>
    <t>21AN0024</t>
  </si>
  <si>
    <t>南富山中川病院内富士産業（株）営業所</t>
  </si>
  <si>
    <t>富山市大町１４６</t>
  </si>
  <si>
    <t>21AA0097</t>
  </si>
  <si>
    <t>漁菜亭</t>
  </si>
  <si>
    <t>富山大和Ｂ１Ｆ</t>
  </si>
  <si>
    <t>株式会社　イミズ</t>
  </si>
  <si>
    <t>富山県富山市大町２０３－１　グランドハイツ南富山１０５号</t>
  </si>
  <si>
    <t>21AK0007</t>
  </si>
  <si>
    <t>ＢｉＢｉ.ｔ（ビビット）</t>
  </si>
  <si>
    <t>富山市婦中町広田５７０３</t>
  </si>
  <si>
    <t>21AE0026</t>
  </si>
  <si>
    <t>風の家</t>
  </si>
  <si>
    <t>富山市八尾町城生２７０５</t>
  </si>
  <si>
    <t>21AA0100</t>
  </si>
  <si>
    <t>ＬＵＡＮＡ</t>
  </si>
  <si>
    <t>ＥＳＴＹ５ビル　１ＦＡ号</t>
  </si>
  <si>
    <t>株式会社　サードフロア</t>
  </si>
  <si>
    <t>富山県富山市内幸町８－５太田ビル３Ｆ</t>
  </si>
  <si>
    <t>21AI0112</t>
  </si>
  <si>
    <t>Ｅｌｍｅ</t>
  </si>
  <si>
    <t>富山市桜町二丁目１－１４</t>
  </si>
  <si>
    <t>駅前横丁ビル　２Ｆ</t>
  </si>
  <si>
    <t>21AI0113</t>
  </si>
  <si>
    <t>友愛温泉病院</t>
  </si>
  <si>
    <t>富山市婦中町新町２１３１</t>
  </si>
  <si>
    <t>21AA0101</t>
  </si>
  <si>
    <t>ａｙｕｓ　ＳＥＡ</t>
  </si>
  <si>
    <t>富山市黒瀬北町一丁目９－１</t>
  </si>
  <si>
    <t>グレイスハイム５０３</t>
  </si>
  <si>
    <t>21AE0027</t>
  </si>
  <si>
    <t>音楽酒家　村門</t>
  </si>
  <si>
    <t>富山市上本町６－１　</t>
  </si>
  <si>
    <t>ラ・アンサンブル５　３Ｆ</t>
  </si>
  <si>
    <t>21AI0114</t>
  </si>
  <si>
    <t>長谷川病院</t>
  </si>
  <si>
    <t>富山市星井町二丁目７－４０</t>
  </si>
  <si>
    <t>長谷川病院内</t>
  </si>
  <si>
    <t>21AA0105</t>
  </si>
  <si>
    <t>不二越病院厨房</t>
  </si>
  <si>
    <t>富山市東石金町１１－６５</t>
  </si>
  <si>
    <t>不二越病院</t>
  </si>
  <si>
    <t>21AA0106</t>
  </si>
  <si>
    <t>富山まちなか病院</t>
  </si>
  <si>
    <t>富山市鹿島町二丁目２－２９</t>
  </si>
  <si>
    <t>富山まちなか病院内</t>
  </si>
  <si>
    <t>21AA0107</t>
  </si>
  <si>
    <t>富山市民病院</t>
  </si>
  <si>
    <t>富山市今泉北部町２－１</t>
  </si>
  <si>
    <t>富山市民病院内</t>
  </si>
  <si>
    <t>21AA0108</t>
  </si>
  <si>
    <t>20CA0017</t>
  </si>
  <si>
    <t>富山市中央通り１－５－２</t>
  </si>
  <si>
    <t>有限会社　竹林堂</t>
  </si>
  <si>
    <t>19CA0083</t>
  </si>
  <si>
    <t>富山市中島２－５－１３</t>
  </si>
  <si>
    <t>19CA0060</t>
  </si>
  <si>
    <t>月ヶ瀬</t>
  </si>
  <si>
    <t>富山市大町２区２１７</t>
  </si>
  <si>
    <t>20CA0019</t>
  </si>
  <si>
    <t>20CA0074</t>
  </si>
  <si>
    <t>遠藤商店</t>
  </si>
  <si>
    <t>富山市四方二番町３５</t>
  </si>
  <si>
    <t>20CA0041</t>
  </si>
  <si>
    <t>大塚金泉堂</t>
  </si>
  <si>
    <t>富山市一番町４－２４</t>
  </si>
  <si>
    <t>20CA0095</t>
  </si>
  <si>
    <t>18CA0069</t>
  </si>
  <si>
    <t>シャルロッテ</t>
  </si>
  <si>
    <t>富山市古沢７５２－２</t>
  </si>
  <si>
    <t>18CA0086</t>
  </si>
  <si>
    <t>19CA0039</t>
  </si>
  <si>
    <t>19CA0053</t>
  </si>
  <si>
    <t>19CA0055</t>
  </si>
  <si>
    <t>18CA0060</t>
  </si>
  <si>
    <t>19CA0069</t>
  </si>
  <si>
    <t>20CA0011</t>
  </si>
  <si>
    <t>七福亭</t>
  </si>
  <si>
    <t>富山市岩瀬港町３６</t>
  </si>
  <si>
    <t>19CA0043</t>
  </si>
  <si>
    <t>19CA0025</t>
  </si>
  <si>
    <t>20CA0025</t>
  </si>
  <si>
    <t>ベーカー・ペストリー</t>
  </si>
  <si>
    <t>18CA0092</t>
  </si>
  <si>
    <t>さくらい春景堂</t>
  </si>
  <si>
    <t>富山市水橋中村町９６－１</t>
  </si>
  <si>
    <t>20CA0038</t>
  </si>
  <si>
    <t>ｃｏｍｃｒｅｐｅ</t>
  </si>
  <si>
    <t>富山市中央通り一丁目６－２９</t>
  </si>
  <si>
    <t>ｍｉｎｉｍａｌｌ０９１－１Ｆ</t>
  </si>
  <si>
    <t>株式会社　フレーズ</t>
  </si>
  <si>
    <t>富山市中央通り１－６－２９　ｍｉｎｉｍａｌｌ０９１－３Ｆ</t>
  </si>
  <si>
    <t>20CA0060</t>
  </si>
  <si>
    <t>お菓子処　黒崎</t>
  </si>
  <si>
    <t>富山市石金一丁目１２－２９</t>
  </si>
  <si>
    <t>20CA0021</t>
  </si>
  <si>
    <t>有限会社　アンファミーユ</t>
  </si>
  <si>
    <t>富山市元町１－２－１７</t>
  </si>
  <si>
    <t>富山県富山市元町１－２－１８</t>
  </si>
  <si>
    <t>18CA0024</t>
  </si>
  <si>
    <t>パレット</t>
  </si>
  <si>
    <t>富山市天正寺３００－１</t>
  </si>
  <si>
    <t>20CA0014</t>
  </si>
  <si>
    <t>19CA0096</t>
  </si>
  <si>
    <t>地域生活サービス部　工房COCO</t>
  </si>
  <si>
    <t>富山市坂本３１１０</t>
  </si>
  <si>
    <t>19CA0107</t>
  </si>
  <si>
    <t>19CA0102</t>
  </si>
  <si>
    <t>花島おわら堂</t>
  </si>
  <si>
    <t>富山市八尾町上新町２７０５</t>
  </si>
  <si>
    <t>20CA0055</t>
  </si>
  <si>
    <t>18CA0067</t>
  </si>
  <si>
    <t>18CA0054</t>
  </si>
  <si>
    <t>シャトレーゼ婦中店</t>
  </si>
  <si>
    <t>富山市婦中町速星１０２９－５</t>
  </si>
  <si>
    <t>有限会社　ケイエス企画</t>
  </si>
  <si>
    <t>高岡市角１６５ー４０</t>
  </si>
  <si>
    <t>18CA0046</t>
  </si>
  <si>
    <t>20CA0067</t>
  </si>
  <si>
    <t>有限会社　ほそいりトエンテイワン</t>
  </si>
  <si>
    <t>20CA0088</t>
  </si>
  <si>
    <t>20CA0063</t>
  </si>
  <si>
    <t>松井餅店</t>
  </si>
  <si>
    <t>富山市西長江二丁目８－２５</t>
  </si>
  <si>
    <t>21CA0017</t>
  </si>
  <si>
    <t>リバーリトリート雅楽倶</t>
  </si>
  <si>
    <t>18CA0079</t>
  </si>
  <si>
    <t>19CA0046</t>
  </si>
  <si>
    <t>19CA0008</t>
  </si>
  <si>
    <t>18CA0074</t>
  </si>
  <si>
    <t>菓子工房　ティン・カーベル</t>
  </si>
  <si>
    <t>富山市下冨居２－１３－８２</t>
  </si>
  <si>
    <t>19CA0050</t>
  </si>
  <si>
    <t>18CA0051</t>
  </si>
  <si>
    <t>19CA0086</t>
  </si>
  <si>
    <t>七越　総曲輪フェリオ店　</t>
  </si>
  <si>
    <t>18CA0094</t>
  </si>
  <si>
    <t>18CA0090</t>
  </si>
  <si>
    <t>18CA0089</t>
  </si>
  <si>
    <t>モロゾフ 株式会社</t>
  </si>
  <si>
    <t>19CA0112</t>
  </si>
  <si>
    <t>Ｐａｔｉｓｓｅｒｉｅ　ＣＬＯＴＨＯ　（パティスリー　クロト）</t>
  </si>
  <si>
    <t>富山市大泉町２－６－２２</t>
  </si>
  <si>
    <t>20CA0001</t>
  </si>
  <si>
    <t>19CA0058</t>
  </si>
  <si>
    <t>19CA0019</t>
  </si>
  <si>
    <t>20CA0083</t>
  </si>
  <si>
    <t>19CA0070</t>
  </si>
  <si>
    <t>20CA0085</t>
  </si>
  <si>
    <t>19CA0023</t>
  </si>
  <si>
    <t>20CA0059</t>
  </si>
  <si>
    <t>21CA0015</t>
  </si>
  <si>
    <t>20CA0022</t>
  </si>
  <si>
    <t>パン工房　南風</t>
  </si>
  <si>
    <t>富山市藤木１８５７－３</t>
  </si>
  <si>
    <t>21CA0018</t>
  </si>
  <si>
    <t>19CA0098</t>
  </si>
  <si>
    <t>シャトレーゼ　富山堀川店</t>
  </si>
  <si>
    <t>富山市掛尾町１０９－１</t>
  </si>
  <si>
    <t>株式会社　オファー・ジェイ</t>
  </si>
  <si>
    <t>富山県富山市掛尾町１０９－１</t>
  </si>
  <si>
    <t>21CA0006</t>
  </si>
  <si>
    <t>19CA0079</t>
  </si>
  <si>
    <t>くれは製菓</t>
  </si>
  <si>
    <t>富山市呉羽本町２９５１</t>
  </si>
  <si>
    <t>19CA0099</t>
  </si>
  <si>
    <t>富山不破福寿堂</t>
  </si>
  <si>
    <t>富山市鹿島町一丁目１－６</t>
  </si>
  <si>
    <t>20CA0052</t>
  </si>
  <si>
    <t>富山市八尾町井田５０８－１</t>
  </si>
  <si>
    <t>社会福祉法人　白皇山保護園</t>
  </si>
  <si>
    <t>富山市八尾町福島前山１０</t>
  </si>
  <si>
    <t>20CA0072</t>
  </si>
  <si>
    <t>ｋｏｆｆｅ</t>
  </si>
  <si>
    <t>富山市舟橋南町１０－３</t>
  </si>
  <si>
    <t>19CA0078</t>
  </si>
  <si>
    <t>堺谷菓子店</t>
  </si>
  <si>
    <t>富山市婦中町吉住２－５</t>
  </si>
  <si>
    <t>20CA0066</t>
  </si>
  <si>
    <t>富山大学生活協同組合　工学部　菓子工房</t>
  </si>
  <si>
    <t>20CA0070</t>
  </si>
  <si>
    <t>東松庵</t>
  </si>
  <si>
    <t>19CA0082</t>
  </si>
  <si>
    <t>20CA0034</t>
  </si>
  <si>
    <t>21CA0016</t>
  </si>
  <si>
    <t>大塚屋</t>
  </si>
  <si>
    <t>富山市東岩瀬町１５２</t>
  </si>
  <si>
    <t>20CA0039</t>
  </si>
  <si>
    <t>あざみ園</t>
  </si>
  <si>
    <t>20CA0071</t>
  </si>
  <si>
    <t>21CA0014</t>
  </si>
  <si>
    <t>20CA0006</t>
  </si>
  <si>
    <t>グリュッケンベルグ</t>
  </si>
  <si>
    <t>20CA0089</t>
  </si>
  <si>
    <t>富山市森三丁目６－１８</t>
  </si>
  <si>
    <t>20CA0040</t>
  </si>
  <si>
    <t>20CA0062</t>
  </si>
  <si>
    <t>18CA0020</t>
  </si>
  <si>
    <t>20CA0080</t>
  </si>
  <si>
    <t>森の家　オンブラージュ</t>
  </si>
  <si>
    <t>21CA0004</t>
  </si>
  <si>
    <t>近藤商店</t>
  </si>
  <si>
    <t>富山市新根塚町二丁目９－８</t>
  </si>
  <si>
    <t>21CA0013</t>
  </si>
  <si>
    <t>19CA0065</t>
  </si>
  <si>
    <t>富山市犬島二丁目１－２６</t>
  </si>
  <si>
    <t>18CA0040</t>
  </si>
  <si>
    <t>19CA0007</t>
  </si>
  <si>
    <t>19CA0040</t>
  </si>
  <si>
    <t>ｃｏｔｉｅ</t>
  </si>
  <si>
    <t>富山市高島３０７－４</t>
  </si>
  <si>
    <t>19CA0049</t>
  </si>
  <si>
    <t>18CA0050</t>
  </si>
  <si>
    <t>18CA0063</t>
  </si>
  <si>
    <t>18CA0091</t>
  </si>
  <si>
    <t>１５　ｂａｋｅ　ｓｈｏｐ</t>
  </si>
  <si>
    <t>富山市米田町１－１０－４－１</t>
  </si>
  <si>
    <t>19CA0048</t>
  </si>
  <si>
    <t>ル、パティシエ・エム</t>
  </si>
  <si>
    <t>富山市東老田３５５－４</t>
  </si>
  <si>
    <t>18CA0081</t>
  </si>
  <si>
    <t>18CA0088</t>
  </si>
  <si>
    <t>菓子工房　プチ・オワゾ</t>
  </si>
  <si>
    <t>富山市堀３１５－５</t>
  </si>
  <si>
    <t>19CA0001</t>
  </si>
  <si>
    <t>ウィークリー　スイーツ</t>
  </si>
  <si>
    <t>株式会社　大和</t>
  </si>
  <si>
    <t>金沢市片町２－２－５</t>
  </si>
  <si>
    <t>18CA0093</t>
  </si>
  <si>
    <t>富山吟撰堂</t>
  </si>
  <si>
    <t>富山市掛尾町５００</t>
  </si>
  <si>
    <t>富山市公設地方卸売市場内</t>
  </si>
  <si>
    <t>株式会社　シンエツ</t>
  </si>
  <si>
    <t>富山県黒部市宇奈月町愛本新７６１</t>
  </si>
  <si>
    <t>19CA0016</t>
  </si>
  <si>
    <t>たい夢　富山藤ノ木店</t>
  </si>
  <si>
    <t>富山市町村２－７９</t>
  </si>
  <si>
    <t>19CA0003</t>
  </si>
  <si>
    <t>19CA0073</t>
  </si>
  <si>
    <t>葵商事（株）　おにぎり加工所</t>
  </si>
  <si>
    <t>富山市上赤江町２－３－１５</t>
  </si>
  <si>
    <t>葵商事　株式会社</t>
  </si>
  <si>
    <t>19CA0042</t>
  </si>
  <si>
    <t>18CA0057</t>
  </si>
  <si>
    <t>19CA0111</t>
  </si>
  <si>
    <t>19CA0054</t>
  </si>
  <si>
    <t>キャナルサイドララシャンス　製菓室</t>
  </si>
  <si>
    <t>富山市木場町４－１</t>
  </si>
  <si>
    <t>アイ・ケイ・ケイ　株式会社</t>
  </si>
  <si>
    <t>佐賀県伊万里市新天町７２２－５</t>
  </si>
  <si>
    <t>19CA0075</t>
  </si>
  <si>
    <t>バイホロン株式会社　大沢野事業所</t>
  </si>
  <si>
    <t>富山市中大久保３５７－１</t>
  </si>
  <si>
    <t>バイホロン　株式会社</t>
  </si>
  <si>
    <t>富山市南央町３７－１０</t>
  </si>
  <si>
    <t>19CA0074</t>
  </si>
  <si>
    <t>20CA0005</t>
  </si>
  <si>
    <t>19CA0088</t>
  </si>
  <si>
    <t>口福堂　アピタ富山東店</t>
  </si>
  <si>
    <t>三重県桑名市吉之丸８</t>
  </si>
  <si>
    <t>20CA0029</t>
  </si>
  <si>
    <t>こまお</t>
  </si>
  <si>
    <t>富山市呉羽町６９２７－４０</t>
  </si>
  <si>
    <t>20CA0086</t>
  </si>
  <si>
    <t>かりんとう　凜や</t>
  </si>
  <si>
    <t>富山市布瀬町南二丁目－１０－１４</t>
  </si>
  <si>
    <t>有限会社　放生若狭屋</t>
  </si>
  <si>
    <t>富山県射水市善光寺１６－５</t>
  </si>
  <si>
    <t>20CA0012</t>
  </si>
  <si>
    <t>19CA0056</t>
  </si>
  <si>
    <t>20CA0033</t>
  </si>
  <si>
    <t>さくだホールディングス</t>
  </si>
  <si>
    <t>富山市愛宕町１－６－６</t>
  </si>
  <si>
    <t>19CA0066</t>
  </si>
  <si>
    <t>ボンボン洋菓子舗</t>
  </si>
  <si>
    <t>富山市堀川町２０６－３</t>
  </si>
  <si>
    <t>21CA0008</t>
  </si>
  <si>
    <t>ブルチャート</t>
  </si>
  <si>
    <t>富山市三番町１－２３</t>
  </si>
  <si>
    <t>１０２－２</t>
  </si>
  <si>
    <t>20CA0056</t>
  </si>
  <si>
    <t>マルホン</t>
  </si>
  <si>
    <t>富山市水橋石政２１７</t>
  </si>
  <si>
    <t>21CA0029</t>
  </si>
  <si>
    <t>お菓子工房　ＴＳＵＢＡＳＡ</t>
  </si>
  <si>
    <t>富山市才覚寺８６１</t>
  </si>
  <si>
    <t>21CA0011</t>
  </si>
  <si>
    <t>尾島菓子店</t>
  </si>
  <si>
    <t>富山市水橋町４６</t>
  </si>
  <si>
    <t>20CA0042</t>
  </si>
  <si>
    <t>野上もち店</t>
  </si>
  <si>
    <t>富山市西長江本町２－３</t>
  </si>
  <si>
    <t>20CA0020</t>
  </si>
  <si>
    <t>Ｐｕｒ</t>
  </si>
  <si>
    <t>富山市開７９－１</t>
  </si>
  <si>
    <t>21CA0003</t>
  </si>
  <si>
    <t>哲學キッチン</t>
  </si>
  <si>
    <t>富山市栃谷４４０－４</t>
  </si>
  <si>
    <t>20CA0090</t>
  </si>
  <si>
    <t>食堂　nogi</t>
  </si>
  <si>
    <t>富山市開ケ丘４３－１</t>
  </si>
  <si>
    <t>特定非営利活動法人　里山倶楽部</t>
  </si>
  <si>
    <t>富山県富山市太田口通り１－６－２４</t>
  </si>
  <si>
    <t>20CA0084</t>
  </si>
  <si>
    <t>21CB0004</t>
  </si>
  <si>
    <t>17CA0094</t>
  </si>
  <si>
    <t>18CA0002</t>
  </si>
  <si>
    <t>18CA0027</t>
  </si>
  <si>
    <t>18CA0032</t>
  </si>
  <si>
    <t>にじゅうまる</t>
  </si>
  <si>
    <t>富山市黒瀬北町２－７－８</t>
  </si>
  <si>
    <t>キャルム１０１号</t>
  </si>
  <si>
    <t>18CA0034</t>
  </si>
  <si>
    <t>18CA0037</t>
  </si>
  <si>
    <t>柳澤屋</t>
  </si>
  <si>
    <t>富山市八尾町杉田２３５</t>
  </si>
  <si>
    <t>18CA0047</t>
  </si>
  <si>
    <t>18CA0048</t>
  </si>
  <si>
    <t>菓子工房　ティン・カーベル　大町店</t>
  </si>
  <si>
    <t>富山市下堀９３－４</t>
  </si>
  <si>
    <t>18CA0049</t>
  </si>
  <si>
    <t>18CA0056</t>
  </si>
  <si>
    <t>18CA0059</t>
  </si>
  <si>
    <t>パティスリー　オーボン　スーヴニール</t>
  </si>
  <si>
    <t>富山市清水町２－６－８</t>
  </si>
  <si>
    <t>オーボンスーヴニール　合同会社</t>
  </si>
  <si>
    <t>富山県富山市清水町２－６－８</t>
  </si>
  <si>
    <t>18CA0071</t>
  </si>
  <si>
    <t>カフェ＆ワッフル　Ｂｌａｕｗ―ブラウ―</t>
  </si>
  <si>
    <t>富山市婦中町速星６４６－１</t>
  </si>
  <si>
    <t>18CA0073</t>
  </si>
  <si>
    <t>富山市城川原３－６－１９</t>
  </si>
  <si>
    <t>株式会社　永田メディカル</t>
  </si>
  <si>
    <t>富山県高岡市問屋町１２</t>
  </si>
  <si>
    <t>18CA0076</t>
  </si>
  <si>
    <t>18CA0077</t>
  </si>
  <si>
    <t>一本堂　富山布瀬店</t>
  </si>
  <si>
    <t>富山市新根塚町２－９－９</t>
  </si>
  <si>
    <t>ツカサビル　１Ｆ</t>
  </si>
  <si>
    <t>18CA0087</t>
  </si>
  <si>
    <t>18CA0096</t>
  </si>
  <si>
    <t>18CA0097</t>
  </si>
  <si>
    <t>きーぽんライスワークス</t>
  </si>
  <si>
    <t>富山市蜷川１４０－５</t>
  </si>
  <si>
    <t>18CA0098</t>
  </si>
  <si>
    <t>18CA0100</t>
  </si>
  <si>
    <t>トロワイヨン</t>
  </si>
  <si>
    <t>富山市大町１１１－１</t>
  </si>
  <si>
    <t>19CA0009</t>
  </si>
  <si>
    <t>工房　ふじや</t>
  </si>
  <si>
    <t>19CA0011</t>
  </si>
  <si>
    <t>かしまし堂</t>
  </si>
  <si>
    <t>富山市長江９０８－１４</t>
  </si>
  <si>
    <t>19CA0013</t>
  </si>
  <si>
    <t>放生若狭屋　とやマルシェ店</t>
  </si>
  <si>
    <t>19CA0014</t>
  </si>
  <si>
    <t>Ｓａｔｕｒｄａｙ　Ｓｍｏｏｔｈｉｅ　Ｆａｃｔｏｒｙ</t>
  </si>
  <si>
    <t>富山市下飯野３０－１</t>
  </si>
  <si>
    <t>19CA0017</t>
  </si>
  <si>
    <t>19CA0020</t>
  </si>
  <si>
    <t>ワインバー　アルプ</t>
  </si>
  <si>
    <t>富山市総曲輪４－７－１８</t>
  </si>
  <si>
    <t>19CA0041</t>
  </si>
  <si>
    <t>ＢｏｂＣＡＫＥ</t>
  </si>
  <si>
    <t>富山市下飯野１０－１</t>
  </si>
  <si>
    <t>19CA0044</t>
  </si>
  <si>
    <t>もち吉　富山店</t>
  </si>
  <si>
    <t>富山市堀川町２７５－１</t>
  </si>
  <si>
    <t>株式会社もち吉</t>
  </si>
  <si>
    <t>福岡県直方市大字下境２４００</t>
  </si>
  <si>
    <t>19CA0047</t>
  </si>
  <si>
    <t>食パン工房　春日　婦中町店</t>
  </si>
  <si>
    <t>富山市婦中町下轡田１６１－２</t>
  </si>
  <si>
    <t>富山市八尾町黒田５３１８番地</t>
  </si>
  <si>
    <t>19CA0051</t>
  </si>
  <si>
    <t>モカ洋菓子店</t>
  </si>
  <si>
    <t>富山市山室１３０－１０</t>
  </si>
  <si>
    <t>19CA0059</t>
  </si>
  <si>
    <t>ドン・キホーテ内　１階</t>
  </si>
  <si>
    <t>富山県富山市上袋３５３番地　上武ビル２階</t>
  </si>
  <si>
    <t>19CA0062</t>
  </si>
  <si>
    <t>19CA0067</t>
  </si>
  <si>
    <t>19CA0071</t>
  </si>
  <si>
    <t>手作りパン＆スイーツ　ｍａｙｕ・ｍａｒｕ</t>
  </si>
  <si>
    <t>富山市藤の木台２－１９</t>
  </si>
  <si>
    <t>19CA0072</t>
  </si>
  <si>
    <t>ｈｉｎａｍｉ焼菓子店</t>
  </si>
  <si>
    <t>富山市山室荒屋５０３</t>
  </si>
  <si>
    <t>19CA0076</t>
  </si>
  <si>
    <t>ｃiｍａ．ｃiｍａ　Ｗｏｒｋｓ</t>
  </si>
  <si>
    <t>富山市針原中町１６３－３</t>
  </si>
  <si>
    <t>19CA0077</t>
  </si>
  <si>
    <t>ＨＡＲＥ／ＰＡＮ　富山店</t>
  </si>
  <si>
    <t>富山市婦中町宮ケ島３１２－１</t>
  </si>
  <si>
    <t>富山県富山市二口町５－１０－６</t>
  </si>
  <si>
    <t>19CA0081</t>
  </si>
  <si>
    <t>鈴木亭</t>
  </si>
  <si>
    <t>富山市西町６－３</t>
  </si>
  <si>
    <t>株式会社　鈴木亭</t>
  </si>
  <si>
    <t>富山県富山市西町６－３</t>
  </si>
  <si>
    <t>19CA0085</t>
  </si>
  <si>
    <t>19CA0090</t>
  </si>
  <si>
    <t>ｂｅｔｔｅｒ　ｓｗｅｅｔ</t>
  </si>
  <si>
    <t>富山市東富山寿町３－９－３</t>
  </si>
  <si>
    <t>19CA0095</t>
  </si>
  <si>
    <t>19CA0097</t>
  </si>
  <si>
    <t>19CA0103</t>
  </si>
  <si>
    <t>19CA0104</t>
  </si>
  <si>
    <t>株式会社　勝屋</t>
  </si>
  <si>
    <t>富山市千歳町２－１３－２</t>
  </si>
  <si>
    <t>富山県富山市千歳町２－１３－２</t>
  </si>
  <si>
    <t>19CA0105</t>
  </si>
  <si>
    <t>富山市八尾町黒田５３－３</t>
  </si>
  <si>
    <t>富山県富山市八尾町黒田５３－３</t>
  </si>
  <si>
    <t>19CA0106</t>
  </si>
  <si>
    <t>庄べさ</t>
  </si>
  <si>
    <t>富山市寺町２０３７</t>
  </si>
  <si>
    <t>19CA0108</t>
  </si>
  <si>
    <t>19CA0113</t>
  </si>
  <si>
    <t>19CA0114</t>
  </si>
  <si>
    <t>まるさん堂</t>
  </si>
  <si>
    <t>19CA0115</t>
  </si>
  <si>
    <t>乃が美　はなれ　富山店</t>
  </si>
  <si>
    <t>富山市永楽町２８－１１</t>
  </si>
  <si>
    <t>株式会社　ソプラノズ</t>
  </si>
  <si>
    <t>富山県富山市永楽町２８－１１</t>
  </si>
  <si>
    <t>19CA0116</t>
  </si>
  <si>
    <t>パンのおと</t>
  </si>
  <si>
    <t>富山市五福５３８８</t>
  </si>
  <si>
    <t>株式会社　ＳＡＬＯＯＫ</t>
  </si>
  <si>
    <t>富山県富山市五福５３８８</t>
  </si>
  <si>
    <t>19CA0118</t>
  </si>
  <si>
    <t>19CA0119</t>
  </si>
  <si>
    <t>富山市安田町３－１４　</t>
  </si>
  <si>
    <t>20CA0002</t>
  </si>
  <si>
    <t>20CB0001</t>
  </si>
  <si>
    <t>榎屋　月岡店</t>
  </si>
  <si>
    <t>富山市上千俵１０８－３</t>
  </si>
  <si>
    <t>20CA0003</t>
  </si>
  <si>
    <t>20CA0004</t>
  </si>
  <si>
    <t>20CA0007</t>
  </si>
  <si>
    <t>ＡＳＡＩ　ＹＡＳＡＩ　畑</t>
  </si>
  <si>
    <t>富山市住吉１０３７</t>
  </si>
  <si>
    <t>20CA0009</t>
  </si>
  <si>
    <t>シュシュ</t>
  </si>
  <si>
    <t>富山市南央町３－４６</t>
  </si>
  <si>
    <t>株式会社　シュシュ</t>
  </si>
  <si>
    <t>20CA0010</t>
  </si>
  <si>
    <t>20CA0013</t>
  </si>
  <si>
    <t>高田屋</t>
  </si>
  <si>
    <t>富山市本郷町３０－９</t>
  </si>
  <si>
    <t>20CA0018</t>
  </si>
  <si>
    <t>ラ．ミエル</t>
  </si>
  <si>
    <t>富山市友杉３９０</t>
  </si>
  <si>
    <t>20CA0023</t>
  </si>
  <si>
    <t>富山市今市５６０－５　ＭⅡ</t>
  </si>
  <si>
    <t>20CA0026</t>
  </si>
  <si>
    <t>20CA0028</t>
  </si>
  <si>
    <t>20CA0031</t>
  </si>
  <si>
    <t>Ｈａｎｄ　ｍａｄｅ　ｓｔｏｒｅ　Ｅａｒｔｈ</t>
  </si>
  <si>
    <t>富山市婦中町長沢４１８６－３</t>
  </si>
  <si>
    <t>20CA0035</t>
  </si>
  <si>
    <t>20CB0002</t>
  </si>
  <si>
    <t>クスリのアオキ　岩瀬東店</t>
  </si>
  <si>
    <t>富山市中田一丁目２－３０</t>
  </si>
  <si>
    <t>株式会社　クスリのアオキ</t>
  </si>
  <si>
    <t>石川県白山市松本町２５１２番地</t>
  </si>
  <si>
    <t>20CA0043</t>
  </si>
  <si>
    <t>20CA0044</t>
  </si>
  <si>
    <t>もちもなか　源七</t>
  </si>
  <si>
    <t>20CA0045</t>
  </si>
  <si>
    <t>富山市総曲輪三丁目４－１　</t>
  </si>
  <si>
    <t>20CA0046</t>
  </si>
  <si>
    <t>富山市稲荷元町三丁目１－２４</t>
  </si>
  <si>
    <t>20CA0047</t>
  </si>
  <si>
    <t>ＮＰＯ法人　あかりハウス</t>
  </si>
  <si>
    <t>富山市安養坊５８２－１</t>
  </si>
  <si>
    <t>20CA0048</t>
  </si>
  <si>
    <t>ねこのて菓子店</t>
  </si>
  <si>
    <t>富山市東富山寿町二丁目３－３２</t>
  </si>
  <si>
    <t>20CA0049</t>
  </si>
  <si>
    <t>ｋｕｕ．</t>
  </si>
  <si>
    <t>富山市太田口通り三丁目１－１７</t>
  </si>
  <si>
    <t>20CA0051</t>
  </si>
  <si>
    <t>20CA0053</t>
  </si>
  <si>
    <t>20CA0057</t>
  </si>
  <si>
    <t>池乃端屋</t>
  </si>
  <si>
    <t>富山市山室２４２</t>
  </si>
  <si>
    <t>20CA0061</t>
  </si>
  <si>
    <t>フレンドリーハウス</t>
  </si>
  <si>
    <t>20CA0068</t>
  </si>
  <si>
    <t>20CA0073</t>
  </si>
  <si>
    <t>富山市婦中町速星７２４</t>
  </si>
  <si>
    <t>20CA0075</t>
  </si>
  <si>
    <t>20CA0076</t>
  </si>
  <si>
    <t>20CA0078</t>
  </si>
  <si>
    <t>富山市総曲輪三丁目２－２７</t>
  </si>
  <si>
    <t>富山県富山市総曲輪三丁目２－２７</t>
  </si>
  <si>
    <t>20CA0079</t>
  </si>
  <si>
    <t>20CA0081</t>
  </si>
  <si>
    <t>20CA0082</t>
  </si>
  <si>
    <t>プチフール　テレサ</t>
  </si>
  <si>
    <t>富山市婦中町新町１２６８－１１</t>
  </si>
  <si>
    <t>20CA0092</t>
  </si>
  <si>
    <t>20CA0096</t>
  </si>
  <si>
    <t>富山市婦中町下坂倉３４－５</t>
  </si>
  <si>
    <t>20CA0097</t>
  </si>
  <si>
    <t>20CA0098</t>
  </si>
  <si>
    <t>富山市八尾町保内二丁目３－８</t>
  </si>
  <si>
    <t>大阪府八尾市若林町２－８６</t>
  </si>
  <si>
    <t>20CA0099</t>
  </si>
  <si>
    <t>20CA0100</t>
  </si>
  <si>
    <t>20CA0101</t>
  </si>
  <si>
    <t>質素</t>
  </si>
  <si>
    <t>富山市黒瀬北町二丁目９－７</t>
  </si>
  <si>
    <t>シスト　株式会社</t>
  </si>
  <si>
    <t>富山県富山市黒瀬８５６－１</t>
  </si>
  <si>
    <t>20CA0102</t>
  </si>
  <si>
    <t>ＣＯＣＯ’Ｓ　ＢＩＢＩ</t>
  </si>
  <si>
    <t>富山市堀川小泉町一丁目１２－１３</t>
  </si>
  <si>
    <t>21CA0001</t>
  </si>
  <si>
    <t>21CA0002</t>
  </si>
  <si>
    <t>21CA0007</t>
  </si>
  <si>
    <t>サンリオカフェワゴン「サンリオクレープ号」（袖ヶ浦８００す３９６７）</t>
  </si>
  <si>
    <t>スマイルフーズ　株式会社</t>
  </si>
  <si>
    <t>千葉県茂原市上永吉１６５０</t>
  </si>
  <si>
    <t>21CB0001</t>
  </si>
  <si>
    <t>21CB0002</t>
  </si>
  <si>
    <t>（株）バロー　窪新店</t>
  </si>
  <si>
    <t>21CA0020</t>
  </si>
  <si>
    <t>21CB0003</t>
  </si>
  <si>
    <t>富山市開ケ丘４３－２８</t>
  </si>
  <si>
    <t>21CA0021</t>
  </si>
  <si>
    <t>ｆｌｉｐ　ｆｌｏｐ　（フリップフロップ）</t>
  </si>
  <si>
    <t>富山市蜷川１３０－１</t>
  </si>
  <si>
    <t>プライズＯＮＥビル　２Ｆ</t>
  </si>
  <si>
    <t>ＥＡＳＴＥＲ’ｓ・ＪＡＰＡＮ　株式会社</t>
  </si>
  <si>
    <t>富山県富山市蜷川１３０－１</t>
  </si>
  <si>
    <t>21CA0022</t>
  </si>
  <si>
    <t>21CA0024</t>
  </si>
  <si>
    <t>Ｃａｌｌａ　Ｌｉｌｙ</t>
  </si>
  <si>
    <t>富山市大島二丁目１８４－１１</t>
  </si>
  <si>
    <t>21CA0025</t>
  </si>
  <si>
    <t>21CA0028</t>
  </si>
  <si>
    <t>21CA0030</t>
  </si>
  <si>
    <t>20AO0008</t>
  </si>
  <si>
    <t>18AO0013</t>
  </si>
  <si>
    <t>太田屋</t>
  </si>
  <si>
    <t>富山市太郎丸本町四丁目７－５</t>
  </si>
  <si>
    <t>20AO0006</t>
  </si>
  <si>
    <t>池田食品㈱</t>
  </si>
  <si>
    <t>富山市上赤江町１－２－７</t>
  </si>
  <si>
    <t>株式会社　コーシン</t>
  </si>
  <si>
    <t>石川県野々市市押野２－２１６</t>
  </si>
  <si>
    <t>19AP0090</t>
  </si>
  <si>
    <t>富山大学附属病院１Ｆ外来ロビー</t>
  </si>
  <si>
    <t>富山市杉谷２６３０</t>
  </si>
  <si>
    <t>19AP0027</t>
  </si>
  <si>
    <t>富山大学生活協同組合 入口</t>
  </si>
  <si>
    <t>19AP0029</t>
  </si>
  <si>
    <t>（株）不二越　軸受製造所ＪＲ課　控室横</t>
  </si>
  <si>
    <t>19AP0093</t>
  </si>
  <si>
    <t>（株）不二越　軸受製造所精密課　工場南側</t>
  </si>
  <si>
    <t>19AP0097</t>
  </si>
  <si>
    <t>（株）不二越　ナチマシナリーエンジニアリング</t>
  </si>
  <si>
    <t>19AP0098</t>
  </si>
  <si>
    <t>（株）不二越　マシナリー製造所　組立第三工場</t>
  </si>
  <si>
    <t>19AP0101</t>
  </si>
  <si>
    <t>（株）不二越　軸受製造所ＡＢ課　１Ｆ</t>
  </si>
  <si>
    <t>19AP0095</t>
  </si>
  <si>
    <t>（株）不二越　軸受製造所　球面課</t>
  </si>
  <si>
    <t>19AP0096</t>
  </si>
  <si>
    <t>立山科学工業㈱ 南工場</t>
  </si>
  <si>
    <t>富山市月岡町３－６</t>
  </si>
  <si>
    <t>立山科学工業㈱　</t>
  </si>
  <si>
    <t>北陸自動販売　株式会社</t>
  </si>
  <si>
    <t>射水市流通センター青井谷１－５－３</t>
  </si>
  <si>
    <t>19AP0117</t>
  </si>
  <si>
    <t>（株）不二越　工具管理センター３Ｆ（２台）</t>
  </si>
  <si>
    <t>（株）不二越工具管理センター</t>
  </si>
  <si>
    <t>19AP0094</t>
  </si>
  <si>
    <t>富山市茶室円山庵</t>
  </si>
  <si>
    <t>富山市安養坊４７－３</t>
  </si>
  <si>
    <t>19AO0014</t>
  </si>
  <si>
    <t>北銀アルプスビル６Ｆ休憩コーナー</t>
  </si>
  <si>
    <t>富山市東田地方町１－５－２５</t>
  </si>
  <si>
    <t>北銀アルプスビル　６Ｆ（電算棟）</t>
  </si>
  <si>
    <t>19AP0091</t>
  </si>
  <si>
    <t>（株）不二越マテリアル製造所　第二製品倉庫横自販機コーナー</t>
  </si>
  <si>
    <t>富山市米田町３－１－１</t>
  </si>
  <si>
    <t>19AP0102</t>
  </si>
  <si>
    <t>20AO0010</t>
  </si>
  <si>
    <t>サーティワンアイスクリーム　富山天正寺店</t>
  </si>
  <si>
    <t>富山市秋吉亀田割５９－１</t>
  </si>
  <si>
    <t>19AO0002</t>
  </si>
  <si>
    <t>富山市佐藤記念美術館　茶室・助庵及び柳汀庵</t>
  </si>
  <si>
    <t>富山市本丸１－３３</t>
  </si>
  <si>
    <t>19AO0015</t>
  </si>
  <si>
    <t>富山市黒瀬北町一丁目３－３</t>
  </si>
  <si>
    <t>21AO0001</t>
  </si>
  <si>
    <t>ナチハイドロリクス（株） 社員食堂内</t>
  </si>
  <si>
    <t>富山市婦中町千里６６－２</t>
  </si>
  <si>
    <t>ナチハイドロリクス（株）社員食堂内</t>
  </si>
  <si>
    <t>19AP0089</t>
  </si>
  <si>
    <t>北陸電子（株）婦中工場 事務棟ロビー内</t>
  </si>
  <si>
    <t>富山市婦中町下井沢２００</t>
  </si>
  <si>
    <t>北陸電子株式会社婦中工場事務棟ロビー内</t>
  </si>
  <si>
    <t>19AP0099</t>
  </si>
  <si>
    <t>18AO0011</t>
  </si>
  <si>
    <t>アルビス（株）グリーンモール山室　社員食堂</t>
  </si>
  <si>
    <t>グリーンモール山室　１Ｆ</t>
  </si>
  <si>
    <t>サントリービバレッジソリューション　株式会社</t>
  </si>
  <si>
    <t>東京都新宿区西新宿八丁目１７－１</t>
  </si>
  <si>
    <t>19AP0047</t>
  </si>
  <si>
    <t>19AP0092</t>
  </si>
  <si>
    <t>株式会社　富山県寝具センター</t>
  </si>
  <si>
    <t>富山市田中町１－６－１４</t>
  </si>
  <si>
    <t>19AP0059</t>
  </si>
  <si>
    <t>（株）ナチマシナリーエンジニアリング　１Ｆ</t>
  </si>
  <si>
    <t>富山市流杉字団子田割１５７－６</t>
  </si>
  <si>
    <t>19AP0100</t>
  </si>
  <si>
    <t>18AO0014</t>
  </si>
  <si>
    <t>20AO0001</t>
  </si>
  <si>
    <t>19AO0010</t>
  </si>
  <si>
    <t>20AO0017</t>
  </si>
  <si>
    <t>（株）ＫＥＣ　従業員用出入口</t>
  </si>
  <si>
    <t>富山市中大久保１７３－１０</t>
  </si>
  <si>
    <t>19AP0088</t>
  </si>
  <si>
    <t>明祥（株）　富山支店</t>
  </si>
  <si>
    <t>富山市新庄本町１－４－１０</t>
  </si>
  <si>
    <t>19AP0039</t>
  </si>
  <si>
    <t>アルプスエキスプレス号車内販売</t>
  </si>
  <si>
    <t>富山市稲荷町４－１－４８</t>
  </si>
  <si>
    <t>19AO0005</t>
  </si>
  <si>
    <t>（株）中尾清月堂　富山店</t>
  </si>
  <si>
    <t>富山市大泉本町１－４－７</t>
  </si>
  <si>
    <t>高岡市宮田町２－１</t>
  </si>
  <si>
    <t>20AO0003</t>
  </si>
  <si>
    <t>20AO0018</t>
  </si>
  <si>
    <t>高原鉱泉</t>
  </si>
  <si>
    <t>富山市高屋敷４１９</t>
  </si>
  <si>
    <t>20AO0005</t>
  </si>
  <si>
    <t>20AO0016</t>
  </si>
  <si>
    <t>ジェームス富山東店</t>
  </si>
  <si>
    <t>富山市綾田町一丁目１４－２５</t>
  </si>
  <si>
    <t>株式会社　ジェイオー</t>
  </si>
  <si>
    <t>愛知県名古屋市中村区名駅４－１０</t>
  </si>
  <si>
    <t>20AO0007</t>
  </si>
  <si>
    <t>カフェ３８</t>
  </si>
  <si>
    <t>富山市二口町二丁目４－２</t>
  </si>
  <si>
    <t>株式会社　Ｓｙｍｐａ</t>
  </si>
  <si>
    <t>福井県福井市高柳２－８１０</t>
  </si>
  <si>
    <t>21AO0004</t>
  </si>
  <si>
    <t>カフェはまきやさん</t>
  </si>
  <si>
    <t>富山市奥田町８－１</t>
  </si>
  <si>
    <t>21AO0006</t>
  </si>
  <si>
    <t>２４時間フィットネスジムＥｖｅｒｙ富山豊田店</t>
  </si>
  <si>
    <t>富山市下冨居１－２０－１５</t>
  </si>
  <si>
    <t>18AP0099</t>
  </si>
  <si>
    <t>（株）ミタホーム　事務所１Ｆ</t>
  </si>
  <si>
    <t>富山市向新庄６－４７</t>
  </si>
  <si>
    <t>18AP0139</t>
  </si>
  <si>
    <t>ホットヨガスタジオロイブ　富山店</t>
  </si>
  <si>
    <t>富山市婦中町速星１２３－１　ファボーレの湯内</t>
  </si>
  <si>
    <t>株式会社　朋コーポレーション</t>
  </si>
  <si>
    <t>東京都墨田区江東橋２－２－３　三和ビル６Ｆ</t>
  </si>
  <si>
    <t>18AP0140</t>
  </si>
  <si>
    <t>（株）富士通北陸システムズ　タワー１１１　１３Ｆ</t>
  </si>
  <si>
    <t>富山市牛島新町５－５　</t>
  </si>
  <si>
    <t>タワー１１１　１３Ｆ</t>
  </si>
  <si>
    <t>株式会社　アペックス</t>
  </si>
  <si>
    <t>愛知県大府市柊山町２－４１８</t>
  </si>
  <si>
    <t>18AP0142</t>
  </si>
  <si>
    <t>（株）不二越　</t>
  </si>
  <si>
    <t>富山市不二越本町１－１－１　１Ｆアクロス館</t>
  </si>
  <si>
    <t>石川県石川郡野々市町押野２－２１６</t>
  </si>
  <si>
    <t>18AP0143</t>
  </si>
  <si>
    <t>ありがとうホーム長江</t>
  </si>
  <si>
    <t>富山市長江２－２－１２</t>
  </si>
  <si>
    <t>18AP0154</t>
  </si>
  <si>
    <t>株式会社　シイ・アイ・エス</t>
  </si>
  <si>
    <t>富山市富山空港北土地区画整理地区内４街区２３番地</t>
  </si>
  <si>
    <t>18AP0156</t>
  </si>
  <si>
    <t>（株）沢井エステートサービス　１Ｆ</t>
  </si>
  <si>
    <t>富山市太郎丸西町２－７－８</t>
  </si>
  <si>
    <t>18AP0159</t>
  </si>
  <si>
    <t>富山県リハビリテーション病院・こども支援センター内売店</t>
  </si>
  <si>
    <t>株式会社　光洋ショップ－プラス</t>
  </si>
  <si>
    <t>18AP0163</t>
  </si>
  <si>
    <t>（株）ホシナパック　富山工場　２Ｆ</t>
  </si>
  <si>
    <t>富山市才覚寺８００</t>
  </si>
  <si>
    <t>19AP0004</t>
  </si>
  <si>
    <t>（株）ＫＥＣ　３Ｆ</t>
  </si>
  <si>
    <t>19AP0005</t>
  </si>
  <si>
    <t>サーティワンアイスクリーム富山北店</t>
  </si>
  <si>
    <t>富山市新屋８９</t>
  </si>
  <si>
    <t>富山県富山市新屋８９</t>
  </si>
  <si>
    <t>19AO0001</t>
  </si>
  <si>
    <t>（株）ジャパントルクス</t>
  </si>
  <si>
    <t>富山市八尾町保内１－６</t>
  </si>
  <si>
    <t>19AP0008</t>
  </si>
  <si>
    <t>（株）古城モータース　富山店１Ｆ</t>
  </si>
  <si>
    <t>富山市新庄本町３－２－１８</t>
  </si>
  <si>
    <t>19AP0010</t>
  </si>
  <si>
    <t>ＤＣＭカーマ富山本郷店</t>
  </si>
  <si>
    <t>富山市堀川本郷１６０－１</t>
  </si>
  <si>
    <t>株式会社　ベネフレックス</t>
  </si>
  <si>
    <t>高岡市内島３５５０</t>
  </si>
  <si>
    <t>19AP0116</t>
  </si>
  <si>
    <t>Ｓａｔｕｒｄａｙ　Ｓｍｏｏｔｈｉｅ　Ｆａｃｔｏｒｙ（富山４８０こ５６６９）</t>
  </si>
  <si>
    <t>19AQ0003</t>
  </si>
  <si>
    <t>Ｙｏｋｏｈａｍａ　Ｃａｆｅ　３７℃（富山５３２も３７）</t>
  </si>
  <si>
    <t>19AQ0004</t>
  </si>
  <si>
    <t>エニタイム　フィットネス　富山経堂店</t>
  </si>
  <si>
    <t>富山市経堂３－２－２７</t>
  </si>
  <si>
    <t>株式会社　ガウラ</t>
  </si>
  <si>
    <t>東京都渋谷区東２－２６－１６　渋谷ＨＡＮＡビル４０１</t>
  </si>
  <si>
    <t>19AP0127</t>
  </si>
  <si>
    <t>琥珀富山店</t>
  </si>
  <si>
    <t>富山市五福１９２９－１</t>
  </si>
  <si>
    <t>タツヤビル１Ｆ</t>
  </si>
  <si>
    <t>富山県富山市上本町７－６</t>
  </si>
  <si>
    <t>19AO0008</t>
  </si>
  <si>
    <t>ハッピーアンドドリーム　山室店</t>
  </si>
  <si>
    <t>19AP0128</t>
  </si>
  <si>
    <t>喫茶　ふぉーれすと</t>
  </si>
  <si>
    <t>19AO0011</t>
  </si>
  <si>
    <t>原信　下飯野店　従業員休憩室</t>
  </si>
  <si>
    <t>富山市下飯野８</t>
  </si>
  <si>
    <t>19AP0132</t>
  </si>
  <si>
    <t>ゴディバ　ファボーレ　富山店</t>
  </si>
  <si>
    <t>ゴディバ　ジャパン　株式会社</t>
  </si>
  <si>
    <t>東京都港区六本木３－２－１</t>
  </si>
  <si>
    <t>19AO0016</t>
  </si>
  <si>
    <t>アル・プラザ富山</t>
  </si>
  <si>
    <t>19AO0017</t>
  </si>
  <si>
    <t>富山県富山市西荒屋５－４</t>
  </si>
  <si>
    <t>19AO0019</t>
  </si>
  <si>
    <t>19AQ0005</t>
  </si>
  <si>
    <t>サーティワンアイスクリーム　富山ファボーレ店</t>
  </si>
  <si>
    <t>富山市婦中町下轡田１６５－１　</t>
  </si>
  <si>
    <t>19AO0021</t>
  </si>
  <si>
    <t>Ｅｖｅｒｙ富山掛尾店</t>
  </si>
  <si>
    <t>富山市掛尾栄町４－２</t>
  </si>
  <si>
    <t>株式会社　電陽社建設</t>
  </si>
  <si>
    <t>富山県富山市黒瀬北町２－２－１</t>
  </si>
  <si>
    <t>19AP0134</t>
  </si>
  <si>
    <t>エニタイムフィットネス　富山大泉店</t>
  </si>
  <si>
    <t>富山市大泉本町１－２－３</t>
  </si>
  <si>
    <t>株式会社　マスターズ</t>
  </si>
  <si>
    <t>石川県金沢市藤江北１－３８０</t>
  </si>
  <si>
    <t>19AP0135</t>
  </si>
  <si>
    <t>スズキアリーナとよた</t>
  </si>
  <si>
    <t>富山市豊田町２－１２－７０</t>
  </si>
  <si>
    <t>石川県野々市町押野２－２１６</t>
  </si>
  <si>
    <t>19AP0136</t>
  </si>
  <si>
    <t>スズキアリーナ双代町</t>
  </si>
  <si>
    <t>富山市綾田町３－１２－３１</t>
  </si>
  <si>
    <t>19AP0137</t>
  </si>
  <si>
    <t>スズキアリーナ富山１Ｆ</t>
  </si>
  <si>
    <t>富山市掛尾町４１６－１　１Ｆ</t>
  </si>
  <si>
    <t>20AP0001</t>
  </si>
  <si>
    <t>あっぷるカーズ　富山インター店</t>
  </si>
  <si>
    <t>富山市赤田９５１－１</t>
  </si>
  <si>
    <t>20AP0003</t>
  </si>
  <si>
    <t>20AO0002</t>
  </si>
  <si>
    <t>マリースマイル富山　南富山学習室</t>
  </si>
  <si>
    <t>富山市大町１－３</t>
  </si>
  <si>
    <t>20AP0004</t>
  </si>
  <si>
    <t>富山市岩稲２６－１</t>
  </si>
  <si>
    <t>20AP0005</t>
  </si>
  <si>
    <t>ゴールドジム　富山環水公園　</t>
  </si>
  <si>
    <t>富山市湊入船町９－１</t>
  </si>
  <si>
    <t>とやま自遊館５Ｆ</t>
  </si>
  <si>
    <t>株式会社　スポーツクラブ・ヴイテン</t>
  </si>
  <si>
    <t>石川県金沢市泉野町４－８－８</t>
  </si>
  <si>
    <t>20AO0004</t>
  </si>
  <si>
    <t>アーバンショップ</t>
  </si>
  <si>
    <t>株式会社　ユニマットライフ</t>
  </si>
  <si>
    <t>東京都港区南青山２－１２－１４</t>
  </si>
  <si>
    <t>20AP0007</t>
  </si>
  <si>
    <t>エニタイム　フィットネス　富山二口店</t>
  </si>
  <si>
    <t>富山市二口町６－８　２Ｆ</t>
  </si>
  <si>
    <t>20AP0008</t>
  </si>
  <si>
    <t>富山市民病院　検診センター２Ｆ</t>
  </si>
  <si>
    <t>20AP0009</t>
  </si>
  <si>
    <t>富山丸の内合同庁舎　富山税務署１Ｆ</t>
  </si>
  <si>
    <t>富山市丸の内一丁目５－１３</t>
  </si>
  <si>
    <t>20AP0010</t>
  </si>
  <si>
    <t>横田記念病院　１Ｆ</t>
  </si>
  <si>
    <t>富山市中野新町一丁目１－１</t>
  </si>
  <si>
    <t>20AP0012</t>
  </si>
  <si>
    <t>ＣＡＮＤＹ　ＰＥＡＲＬ（富山４８０す８１９８）</t>
  </si>
  <si>
    <t>20AQ0001</t>
  </si>
  <si>
    <t>富いもや</t>
  </si>
  <si>
    <t>富山市開２８６</t>
  </si>
  <si>
    <t>富山県富山市太田８０－８０</t>
  </si>
  <si>
    <t>20AO0011</t>
  </si>
  <si>
    <t>株式会社　越州石材商行　徳徳ハウス</t>
  </si>
  <si>
    <t>富山市今泉６５</t>
  </si>
  <si>
    <t>株式会社　越州石材商行</t>
  </si>
  <si>
    <t>富山県富山市今泉１９７</t>
  </si>
  <si>
    <t>20AO0012</t>
  </si>
  <si>
    <t>喫茶あかり</t>
  </si>
  <si>
    <t>20AO0013</t>
  </si>
  <si>
    <t>オン・ザ・コーヒー</t>
  </si>
  <si>
    <t>富山市新庄本町一丁目７９－１</t>
  </si>
  <si>
    <t>株式会社　オン・ザ・コーナー</t>
  </si>
  <si>
    <t>石川県金沢市上安原２－２６４</t>
  </si>
  <si>
    <t>20AO0014</t>
  </si>
  <si>
    <t>フィットネスジムＥｖｅｒｙ富山呉羽店</t>
  </si>
  <si>
    <t>富山市呉羽町２４５４－１</t>
  </si>
  <si>
    <t>20AP0136</t>
  </si>
  <si>
    <t>フルーツ　よしおか</t>
  </si>
  <si>
    <t>富山市砂町３－３</t>
  </si>
  <si>
    <t>21AO0005</t>
  </si>
  <si>
    <t>Ｃａｆｅ　ＭＯＣＯ（富山４００て８９５０）</t>
  </si>
  <si>
    <t>21AQ0001</t>
  </si>
  <si>
    <t>ｉ－ｂｏｄｙ</t>
  </si>
  <si>
    <t>富山市田中町五丁目２－２</t>
  </si>
  <si>
    <t>サンコレクトセルビル　２Ｆ</t>
  </si>
  <si>
    <t>株式会社　サンコレクト</t>
  </si>
  <si>
    <t>富山県富山市上袋６５０　サンコレクトギアビル　１Ｆ</t>
  </si>
  <si>
    <t>21AP0010</t>
  </si>
  <si>
    <t>（有）ＴＨ企画（富山４８０せ５１０３）</t>
  </si>
  <si>
    <t>21AQ0002</t>
  </si>
  <si>
    <t>かんのくるま　富山４８０す９６１１</t>
  </si>
  <si>
    <t>21AQ0003</t>
  </si>
  <si>
    <t>魚介類販売業</t>
  </si>
  <si>
    <t>19BD0083</t>
  </si>
  <si>
    <t>富山市柳町一丁目２－１０</t>
  </si>
  <si>
    <t>富山県富山市柳町一丁目２－１０</t>
  </si>
  <si>
    <t>19BD0047</t>
  </si>
  <si>
    <t>日本海冷蔵株式会社</t>
  </si>
  <si>
    <t>富山市赤江町４－２９</t>
  </si>
  <si>
    <t>日本海冷蔵　株式会社</t>
  </si>
  <si>
    <t>21BD0034</t>
  </si>
  <si>
    <t>19BD0058</t>
  </si>
  <si>
    <t>19BD0106</t>
  </si>
  <si>
    <t>中嶋屋</t>
  </si>
  <si>
    <t>富山市西宮２２２</t>
  </si>
  <si>
    <t>19BD0061</t>
  </si>
  <si>
    <t>富山市西宮町４－１</t>
  </si>
  <si>
    <t>19BD0062</t>
  </si>
  <si>
    <t>山六水産（株）</t>
  </si>
  <si>
    <t>富山市根塚町４－２－１４</t>
  </si>
  <si>
    <t>山六水産　株式会社</t>
  </si>
  <si>
    <t>20BD0012</t>
  </si>
  <si>
    <t>19BD0068</t>
  </si>
  <si>
    <t>（有）北海物産</t>
  </si>
  <si>
    <t>有限会社　北海物産</t>
  </si>
  <si>
    <t>21BD0015</t>
  </si>
  <si>
    <t>ユーシーシーコーヒープロフェッショナル株式会社　富山支店</t>
  </si>
  <si>
    <t>富山市黒崎１８８</t>
  </si>
  <si>
    <t>ユーシーシーコーヒープロフェッショナル　株式会社</t>
  </si>
  <si>
    <t>兵庫県神戸市中央区多聞通５－１－６</t>
  </si>
  <si>
    <t>19BD0007</t>
  </si>
  <si>
    <t>21BD0018</t>
  </si>
  <si>
    <t>20BD0087</t>
  </si>
  <si>
    <t>富山市中市１－１０－７</t>
  </si>
  <si>
    <t>20BD0016</t>
  </si>
  <si>
    <t>21BD0005</t>
  </si>
  <si>
    <t>18BD0043</t>
  </si>
  <si>
    <t>19BD0055</t>
  </si>
  <si>
    <t>21BD0041</t>
  </si>
  <si>
    <t>大阪屋ショップ　粟島店</t>
  </si>
  <si>
    <t>富山市粟島町三丁目２１－３７</t>
  </si>
  <si>
    <t>チューリップ水産　有限会社</t>
  </si>
  <si>
    <t>高岡市姫野５７８－１</t>
  </si>
  <si>
    <t>20BD0056</t>
  </si>
  <si>
    <t>19BD0094</t>
  </si>
  <si>
    <t>富山市針原中町８０３</t>
  </si>
  <si>
    <t>19BD0072</t>
  </si>
  <si>
    <t>17BD0059</t>
  </si>
  <si>
    <t>20BD0059</t>
  </si>
  <si>
    <t>森豆冨店</t>
  </si>
  <si>
    <t>富山市荏原２３６</t>
  </si>
  <si>
    <t>18BD0038</t>
  </si>
  <si>
    <t>とやま生活協同組合　北部センター　</t>
  </si>
  <si>
    <t>富山市城川原１－１－２８</t>
  </si>
  <si>
    <t>19BD0057</t>
  </si>
  <si>
    <t>狐塚鮮魚店</t>
  </si>
  <si>
    <t>富山市梅沢町三丁目５－４</t>
  </si>
  <si>
    <t>20BD0084</t>
  </si>
  <si>
    <t>20BD0044</t>
  </si>
  <si>
    <t>18BD0089</t>
  </si>
  <si>
    <t>20BD0022</t>
  </si>
  <si>
    <t>19BD0044</t>
  </si>
  <si>
    <t>20BD0085</t>
  </si>
  <si>
    <t>株式会社　中村</t>
  </si>
  <si>
    <t>富山市神通町二丁目３－３</t>
  </si>
  <si>
    <t>富山市神通町２－３－３</t>
  </si>
  <si>
    <t>19BD0088</t>
  </si>
  <si>
    <t>19BD0025</t>
  </si>
  <si>
    <t>池田屋鮮魚店</t>
  </si>
  <si>
    <t>富山市清水町九丁目２－５</t>
  </si>
  <si>
    <t>20BD0045</t>
  </si>
  <si>
    <t>18BD0048</t>
  </si>
  <si>
    <t>富山市上赤江町２－１１－２６</t>
  </si>
  <si>
    <t>19BD0052</t>
  </si>
  <si>
    <t>富山市丸の内３－３－５</t>
  </si>
  <si>
    <t>18BD0107</t>
  </si>
  <si>
    <t>富山市月岡町６－７０８</t>
  </si>
  <si>
    <t>（株）大阪屋ショップ月岡店</t>
  </si>
  <si>
    <t>富山市布市３２０</t>
  </si>
  <si>
    <t>19BD0003</t>
  </si>
  <si>
    <t>釣屋海産　ルミネス店</t>
  </si>
  <si>
    <t>富山市中田１－５－２０</t>
  </si>
  <si>
    <t>ルミネスショッピングセンター</t>
  </si>
  <si>
    <t>釣屋海産　株式会社</t>
  </si>
  <si>
    <t>氷見市比美町４３５</t>
  </si>
  <si>
    <t>18BD0045</t>
  </si>
  <si>
    <t>19BD0034</t>
  </si>
  <si>
    <t>株式会社　昔亭　富山工場</t>
  </si>
  <si>
    <t>富山市上冨居１－５－８</t>
  </si>
  <si>
    <t>富山県富山市金屋７６７－２７</t>
  </si>
  <si>
    <t>19BD0042</t>
  </si>
  <si>
    <t>20BD0018</t>
  </si>
  <si>
    <t>20BD0033</t>
  </si>
  <si>
    <t>19BD0084</t>
  </si>
  <si>
    <t>富山市高内４０１</t>
  </si>
  <si>
    <t>（株）大阪屋ショップ大沢野店内</t>
  </si>
  <si>
    <t>18BD0066</t>
  </si>
  <si>
    <t>19BD0103</t>
  </si>
  <si>
    <t>19BD0096</t>
  </si>
  <si>
    <t>ローソン　富山八尾店</t>
  </si>
  <si>
    <t>19BD0086</t>
  </si>
  <si>
    <t>19BD0080</t>
  </si>
  <si>
    <t>20BD0094</t>
  </si>
  <si>
    <t>19BD0085</t>
  </si>
  <si>
    <t>富山市婦中町新屋５９</t>
  </si>
  <si>
    <t>オレンジマート　宮野店　</t>
  </si>
  <si>
    <t>20BD0074</t>
  </si>
  <si>
    <t>彩　株式会社</t>
  </si>
  <si>
    <t>富山市婦中町鵜坂１２－１</t>
  </si>
  <si>
    <t>20BD0083</t>
  </si>
  <si>
    <t>19BD0087</t>
  </si>
  <si>
    <t>富山市金屋５５５</t>
  </si>
  <si>
    <t>18BD0070</t>
  </si>
  <si>
    <t>髙瀬物産株式会社　富山支店</t>
  </si>
  <si>
    <t>富山市金屋字高見３１３７－６</t>
  </si>
  <si>
    <t>髙瀬物産　株式会社</t>
  </si>
  <si>
    <t>東京都江東区塩浜１－３－１６</t>
  </si>
  <si>
    <t>19BD0108</t>
  </si>
  <si>
    <t>18BD0094</t>
  </si>
  <si>
    <t>18BD0062</t>
  </si>
  <si>
    <t>（株）鮮魚中村</t>
  </si>
  <si>
    <t>富山市小泉町１５７</t>
  </si>
  <si>
    <t>株式会社　鮮魚中村</t>
  </si>
  <si>
    <t>21BD0028</t>
  </si>
  <si>
    <t>20BD0049</t>
  </si>
  <si>
    <t>19BD0063</t>
  </si>
  <si>
    <t>18BD0099</t>
  </si>
  <si>
    <t>20BD0068</t>
  </si>
  <si>
    <t>19BD0073</t>
  </si>
  <si>
    <t>富山県富山市婦中町下吉川５２９</t>
  </si>
  <si>
    <t>19BD0092</t>
  </si>
  <si>
    <t>20BD0095</t>
  </si>
  <si>
    <t>19BD0095</t>
  </si>
  <si>
    <t>20BD0019</t>
  </si>
  <si>
    <t>20BD0026</t>
  </si>
  <si>
    <t>20BD0025</t>
  </si>
  <si>
    <t>19BD0091</t>
  </si>
  <si>
    <t>21BD0024</t>
  </si>
  <si>
    <t>21BD0016</t>
  </si>
  <si>
    <t>20BD0053</t>
  </si>
  <si>
    <t>20BD0088</t>
  </si>
  <si>
    <t>カナカン株式会社　外食富山営業所</t>
  </si>
  <si>
    <t>富山市田中町１－６－６６</t>
  </si>
  <si>
    <t>カナカン　株式会社</t>
  </si>
  <si>
    <t>石川県金沢市袋町３－８</t>
  </si>
  <si>
    <t>18BD0027</t>
  </si>
  <si>
    <t>18BD0075</t>
  </si>
  <si>
    <t>19BD0048</t>
  </si>
  <si>
    <t>19BD0002</t>
  </si>
  <si>
    <t>ローソン　富山芝園町店</t>
  </si>
  <si>
    <t>富山市舟橋南町１－１</t>
  </si>
  <si>
    <t>18BD0080</t>
  </si>
  <si>
    <t>富山市水橋中村町１２１－８</t>
  </si>
  <si>
    <t>富山県富山市水橋中村町１２１－８</t>
  </si>
  <si>
    <t>19BD0069</t>
  </si>
  <si>
    <t>18BD0072</t>
  </si>
  <si>
    <t>富山市五福１区７４７－１</t>
  </si>
  <si>
    <t>18BD0073</t>
  </si>
  <si>
    <t>ローソン　富山環状上飯野店</t>
  </si>
  <si>
    <t>富山市上飯野５－１</t>
  </si>
  <si>
    <t>19BD0039</t>
  </si>
  <si>
    <t>ローソン　富山高木店</t>
  </si>
  <si>
    <t>富山市高木１８０</t>
  </si>
  <si>
    <t>18BD0097</t>
  </si>
  <si>
    <t>ローソン　富山城川原店</t>
  </si>
  <si>
    <t>富山市上野新町４７６－２</t>
  </si>
  <si>
    <t>株式会社　あさおか酒店</t>
  </si>
  <si>
    <t>富山県富山市高園町３－４</t>
  </si>
  <si>
    <t>19BD0071</t>
  </si>
  <si>
    <t>18BD0047</t>
  </si>
  <si>
    <t>18BD0090</t>
  </si>
  <si>
    <t>富山市開５７０－１</t>
  </si>
  <si>
    <t>19BD0029</t>
  </si>
  <si>
    <t>19BD0024</t>
  </si>
  <si>
    <t>立山山麓　家族旅行村</t>
  </si>
  <si>
    <t>富山市本宮字花切割１－２２</t>
  </si>
  <si>
    <t>株式会社　富山岸グリーンサービス</t>
  </si>
  <si>
    <t>富山県富山市赤田８２７－５</t>
  </si>
  <si>
    <t>19BD0111</t>
  </si>
  <si>
    <t>19BD0097</t>
  </si>
  <si>
    <t>19BD0030</t>
  </si>
  <si>
    <t>18BD0050</t>
  </si>
  <si>
    <t>18BD0098</t>
  </si>
  <si>
    <t>ローソン　富山月岡店</t>
  </si>
  <si>
    <t>富山市上千俵町７８３</t>
  </si>
  <si>
    <t>20BD0030</t>
  </si>
  <si>
    <t>18BD0081</t>
  </si>
  <si>
    <t>18BD0083</t>
  </si>
  <si>
    <t>19BD0031</t>
  </si>
  <si>
    <t>19BD0056</t>
  </si>
  <si>
    <t>ローソン　富山桜橋通り店</t>
  </si>
  <si>
    <t>19BD0099</t>
  </si>
  <si>
    <t>20BD0008</t>
  </si>
  <si>
    <t>20BD0024</t>
  </si>
  <si>
    <t>19BD0101</t>
  </si>
  <si>
    <t>20BD0009</t>
  </si>
  <si>
    <t>イワタケ食品株式会社</t>
  </si>
  <si>
    <t>富山市水橋辻ケ堂２６７９－２５</t>
  </si>
  <si>
    <t>21BD0042</t>
  </si>
  <si>
    <t>チューリップ水産　城川原店</t>
  </si>
  <si>
    <t>富山市城川原三丁目５－７５</t>
  </si>
  <si>
    <t>21BD0039</t>
  </si>
  <si>
    <t>16BD0033</t>
  </si>
  <si>
    <t>サークルＫ　富山岩瀬浜店</t>
  </si>
  <si>
    <t>富山市岩瀬天神町２０</t>
  </si>
  <si>
    <t>株式会社　ファミリーマート</t>
  </si>
  <si>
    <t>東京都豊島区東池袋３－１－１</t>
  </si>
  <si>
    <t>17BD0048</t>
  </si>
  <si>
    <t>17BD0075</t>
  </si>
  <si>
    <t>18BD0004</t>
  </si>
  <si>
    <t>18BD0006</t>
  </si>
  <si>
    <t>18BD0009</t>
  </si>
  <si>
    <t>18BD0044</t>
  </si>
  <si>
    <t>18BD0046</t>
  </si>
  <si>
    <t>18BD0054</t>
  </si>
  <si>
    <t>18BD0057</t>
  </si>
  <si>
    <t>18BD0061</t>
  </si>
  <si>
    <t>18BD0071</t>
  </si>
  <si>
    <t>18BD0091</t>
  </si>
  <si>
    <t>18BD0100</t>
  </si>
  <si>
    <t>バロー大沢野店内</t>
  </si>
  <si>
    <t>18BD0105</t>
  </si>
  <si>
    <t>18BD0106</t>
  </si>
  <si>
    <t>18BD0108</t>
  </si>
  <si>
    <t>19BD0005</t>
  </si>
  <si>
    <t>19BD0009</t>
  </si>
  <si>
    <t>19BD0015</t>
  </si>
  <si>
    <t>19BD0020</t>
  </si>
  <si>
    <t>19BD0021</t>
  </si>
  <si>
    <t>19BD0032</t>
  </si>
  <si>
    <t>19BD0077</t>
  </si>
  <si>
    <t>四方天然岩牡蠣屋</t>
  </si>
  <si>
    <t>19BD0078</t>
  </si>
  <si>
    <t>21BD0019</t>
  </si>
  <si>
    <t>19BD0105</t>
  </si>
  <si>
    <t>19BD0107</t>
  </si>
  <si>
    <t>19BD0112</t>
  </si>
  <si>
    <t>19BD0114</t>
  </si>
  <si>
    <t>20BD0001</t>
  </si>
  <si>
    <t>20BD0002</t>
  </si>
  <si>
    <t>20BD0003</t>
  </si>
  <si>
    <t>20BD0004</t>
  </si>
  <si>
    <t>20BD0006</t>
  </si>
  <si>
    <t>20BD0007</t>
  </si>
  <si>
    <t>20BD0015</t>
  </si>
  <si>
    <t>20BD0020</t>
  </si>
  <si>
    <t>20BD0023</t>
  </si>
  <si>
    <t>ＨＡＩ　ＬＯＮＧ　ＪＰ</t>
  </si>
  <si>
    <t>富山市新庄町１５６－３</t>
  </si>
  <si>
    <t>ＨＡＩ　ＬＯＮＧ　ＪＰ　株式会社</t>
  </si>
  <si>
    <t>富山県富山市新庄町１５６－３</t>
  </si>
  <si>
    <t>20BD0027</t>
  </si>
  <si>
    <t>20BD0038</t>
  </si>
  <si>
    <t>20BD0039</t>
  </si>
  <si>
    <t>20BD0043</t>
  </si>
  <si>
    <t>20BD0054</t>
  </si>
  <si>
    <t>室井鮮魚店</t>
  </si>
  <si>
    <t>富山市水橋小路１０</t>
  </si>
  <si>
    <t>20BD0060</t>
  </si>
  <si>
    <t>富山市下赤江町１４－２７</t>
  </si>
  <si>
    <t>富山県富山市下赤江町二丁目１４－２７</t>
  </si>
  <si>
    <t>20BD0064</t>
  </si>
  <si>
    <t>20BD0066</t>
  </si>
  <si>
    <t>20BD0067</t>
  </si>
  <si>
    <t>アイデアン株式会社　加工場</t>
  </si>
  <si>
    <t>富山市寺町６５－２１</t>
  </si>
  <si>
    <t>20BD0070</t>
  </si>
  <si>
    <t>20BD0071</t>
  </si>
  <si>
    <t>とやま市漁協岩瀬地方卸売市場</t>
  </si>
  <si>
    <t>富山市岩瀬天神町２６５</t>
  </si>
  <si>
    <t>富山市四方港町８７</t>
  </si>
  <si>
    <t>20BD0092</t>
  </si>
  <si>
    <t>20BD0101</t>
  </si>
  <si>
    <t>大阪屋ショップ　新庄店内　鮮魚部</t>
  </si>
  <si>
    <t>富山市新庄町三丁目６－５０</t>
  </si>
  <si>
    <t>株式会社　鮮魚河瀬</t>
  </si>
  <si>
    <t>20BD0102</t>
  </si>
  <si>
    <t>大阪屋ショップ　北新町店内　鮮魚部　</t>
  </si>
  <si>
    <t>富山市北新町一丁目３－１</t>
  </si>
  <si>
    <t>20BD0103</t>
  </si>
  <si>
    <t>大阪屋ショップ　藤木店内　鮮魚部</t>
  </si>
  <si>
    <t>富山市開５９２</t>
  </si>
  <si>
    <t>20BD0104</t>
  </si>
  <si>
    <t>大阪屋ショップ　上飯野店内　鮮魚部</t>
  </si>
  <si>
    <t>富山市上飯野３１－１</t>
  </si>
  <si>
    <t>20BD0105</t>
  </si>
  <si>
    <t>大阪屋ショップ婦中店内　鮮魚部</t>
  </si>
  <si>
    <t>富山市婦中町板倉４５５－１</t>
  </si>
  <si>
    <t>富山県富山市柳町１－２－１０</t>
  </si>
  <si>
    <t>20BD0106</t>
  </si>
  <si>
    <t>大阪屋ショップ太郎丸店内　鮮魚部</t>
  </si>
  <si>
    <t>富山市太郎丸本町三丁目６－１４</t>
  </si>
  <si>
    <t>20BD0107</t>
  </si>
  <si>
    <t>大阪屋ショップ本郷南店内　鮮魚部</t>
  </si>
  <si>
    <t>富山市本郷町７５－１</t>
  </si>
  <si>
    <t>20BD0108</t>
  </si>
  <si>
    <t>おぎん</t>
  </si>
  <si>
    <t>宝町ビル　２Ｆ</t>
  </si>
  <si>
    <t>21BD0009</t>
  </si>
  <si>
    <t>日本海冷蔵　市場工場</t>
  </si>
  <si>
    <t>富山市掛尾町３８０</t>
  </si>
  <si>
    <t>21BD0032</t>
  </si>
  <si>
    <t>大阪屋ショップ　五福店内　鮮魚部</t>
  </si>
  <si>
    <t>富山市五福三区５１６０</t>
  </si>
  <si>
    <t>21BD0037</t>
  </si>
  <si>
    <t>魚肉ねり製品製造業</t>
  </si>
  <si>
    <t>株式会社梅かま　</t>
  </si>
  <si>
    <t>20CH0001</t>
  </si>
  <si>
    <t>中市屋</t>
  </si>
  <si>
    <t>18CH0001</t>
  </si>
  <si>
    <t>酒類製造業</t>
  </si>
  <si>
    <t>19CP0001</t>
  </si>
  <si>
    <t>玉旭酒造　有限会社</t>
  </si>
  <si>
    <t>富山市八尾町東町２１１１</t>
  </si>
  <si>
    <t>20CP0001</t>
  </si>
  <si>
    <t>吉乃友酒造　有限会社</t>
  </si>
  <si>
    <t>富山市婦中町下井沢３２８５－１</t>
  </si>
  <si>
    <t>19CP0003</t>
  </si>
  <si>
    <t>株式会社オオヤブラッスリー</t>
  </si>
  <si>
    <t>富山市婦中町長沢字下川原２５８４－５</t>
  </si>
  <si>
    <t>株式会社　オオヤブラッスリー</t>
  </si>
  <si>
    <t>富山市上二杉７２－１５</t>
  </si>
  <si>
    <t>19CP0002</t>
  </si>
  <si>
    <t>醤油製造業</t>
  </si>
  <si>
    <t>21CJ0001</t>
  </si>
  <si>
    <t>食肉処理業</t>
  </si>
  <si>
    <t>19EA0004</t>
  </si>
  <si>
    <t>（株）マルチョウ神戸屋</t>
  </si>
  <si>
    <t>19EA0003</t>
  </si>
  <si>
    <t>19EA0002</t>
  </si>
  <si>
    <t>北陸ミート 株式会社</t>
  </si>
  <si>
    <t>富山市金屋２７１５－１３</t>
  </si>
  <si>
    <t>20EA0004</t>
  </si>
  <si>
    <t>立山食品　株式会社</t>
  </si>
  <si>
    <t>富山市婦中町中名２１２１</t>
  </si>
  <si>
    <t>富山県富山市婦中町中名２１２１</t>
  </si>
  <si>
    <t>18EA0002</t>
  </si>
  <si>
    <t>20EA0001</t>
  </si>
  <si>
    <t>20EA0002</t>
  </si>
  <si>
    <t>食肉製品製造業</t>
  </si>
  <si>
    <t>19CM0001</t>
  </si>
  <si>
    <t>18CM0002</t>
  </si>
  <si>
    <t>20CM0002</t>
  </si>
  <si>
    <t>20CM0001</t>
  </si>
  <si>
    <t>富山市西宮１１３</t>
  </si>
  <si>
    <t>18CM0001</t>
  </si>
  <si>
    <t>21CM0001</t>
  </si>
  <si>
    <t>食肉販売業</t>
  </si>
  <si>
    <t>19BF0066</t>
  </si>
  <si>
    <t>20BF0017</t>
  </si>
  <si>
    <t>吉岡食料品店</t>
  </si>
  <si>
    <t>富山市桃井町１－２－１</t>
  </si>
  <si>
    <t>17BF0073</t>
  </si>
  <si>
    <t>19BF0052</t>
  </si>
  <si>
    <t>19BF0004</t>
  </si>
  <si>
    <t>田之下鶏肉店</t>
  </si>
  <si>
    <t>富山市千歳町二丁目７－９</t>
  </si>
  <si>
    <t>20BF0078</t>
  </si>
  <si>
    <t>18BF0035</t>
  </si>
  <si>
    <t>19BF0043</t>
  </si>
  <si>
    <t>20BF0042</t>
  </si>
  <si>
    <t>20BF0080</t>
  </si>
  <si>
    <t>20BF0027</t>
  </si>
  <si>
    <t>19BF0022</t>
  </si>
  <si>
    <t>20BF0084</t>
  </si>
  <si>
    <t>ピアゴ　富山西町店</t>
  </si>
  <si>
    <t>ユニー　株式会社</t>
  </si>
  <si>
    <t>愛知県稲沢市天池五反田町１</t>
  </si>
  <si>
    <t>18BF0057</t>
  </si>
  <si>
    <t>19BF0039</t>
  </si>
  <si>
    <t>20BF0032</t>
  </si>
  <si>
    <t>21BF0010</t>
  </si>
  <si>
    <t>有限会社　いその</t>
  </si>
  <si>
    <t>富山市西大沢２６４－１</t>
  </si>
  <si>
    <t>18BF0091</t>
  </si>
  <si>
    <t>ひで</t>
  </si>
  <si>
    <t>富山市上大久保１４７８－１０</t>
  </si>
  <si>
    <t>19BF0091</t>
  </si>
  <si>
    <t>19BF0085</t>
  </si>
  <si>
    <t>19BF0077</t>
  </si>
  <si>
    <t>スーパー　フレック</t>
  </si>
  <si>
    <t>19BF0074</t>
  </si>
  <si>
    <t>アル・プラザ富山　精肉コーナー</t>
  </si>
  <si>
    <t>19BF0068</t>
  </si>
  <si>
    <t>19BF0064</t>
  </si>
  <si>
    <t>（有）なかや</t>
  </si>
  <si>
    <t>富山県富山市下吉川５２９</t>
  </si>
  <si>
    <t>17BF0028</t>
  </si>
  <si>
    <t>富山市婦中町小倉２０１</t>
  </si>
  <si>
    <t>18BF0076</t>
  </si>
  <si>
    <t>21BF0041</t>
  </si>
  <si>
    <t>18BF0066</t>
  </si>
  <si>
    <t>19BF0090</t>
  </si>
  <si>
    <t>18BF0092</t>
  </si>
  <si>
    <t>18BF0059</t>
  </si>
  <si>
    <t>マリンフーズ（株）富山営業所</t>
  </si>
  <si>
    <t>富山市二口町一丁目１２－１２</t>
  </si>
  <si>
    <t>マリンフーズ　株式会社</t>
  </si>
  <si>
    <t>東京都品川区大崎２－１－１</t>
  </si>
  <si>
    <t>20BF0028</t>
  </si>
  <si>
    <t>イケウチ株式会社　富山営業所</t>
  </si>
  <si>
    <t>イケウチ　株式会社</t>
  </si>
  <si>
    <t>石川県金沢市駅西本町４－４－１５</t>
  </si>
  <si>
    <t>20BF0013</t>
  </si>
  <si>
    <t>20BF0051</t>
  </si>
  <si>
    <t>18BF0106</t>
  </si>
  <si>
    <t>20BF0015</t>
  </si>
  <si>
    <t>20BF0023</t>
  </si>
  <si>
    <t>20BF0022</t>
  </si>
  <si>
    <t>21BF0020</t>
  </si>
  <si>
    <t>18BF0024</t>
  </si>
  <si>
    <t>18BF0072</t>
  </si>
  <si>
    <t>フレンドリーショップ　希望</t>
  </si>
  <si>
    <t>富山市西金屋６６８２</t>
  </si>
  <si>
    <t>18BF0075</t>
  </si>
  <si>
    <t>19BF0002</t>
  </si>
  <si>
    <t>18BF0078</t>
  </si>
  <si>
    <t>18BF0068</t>
  </si>
  <si>
    <t>18BF0069</t>
  </si>
  <si>
    <t>19BF0033</t>
  </si>
  <si>
    <t>18BF0097</t>
  </si>
  <si>
    <t>19BF0054</t>
  </si>
  <si>
    <t>18BF0043</t>
  </si>
  <si>
    <t>18BF0040</t>
  </si>
  <si>
    <t>ローソン　富山上赤江町店</t>
  </si>
  <si>
    <t>富山市上赤江町１－１６－４３</t>
  </si>
  <si>
    <t>18BF0028</t>
  </si>
  <si>
    <t>18BF0089</t>
  </si>
  <si>
    <t>19BF0026</t>
  </si>
  <si>
    <t>18BF0105</t>
  </si>
  <si>
    <t>19BF0021</t>
  </si>
  <si>
    <t>19BF0093</t>
  </si>
  <si>
    <t>19BF0078</t>
  </si>
  <si>
    <t>富山市呉羽町３９１８－１１８</t>
  </si>
  <si>
    <t>富山県富山市呉羽町３９１８－１１８</t>
  </si>
  <si>
    <t>18BF0094</t>
  </si>
  <si>
    <t>19BF0028</t>
  </si>
  <si>
    <t>18BF0046</t>
  </si>
  <si>
    <t>18BF0100</t>
  </si>
  <si>
    <t>20BF0029</t>
  </si>
  <si>
    <t>18BF0079</t>
  </si>
  <si>
    <t>酒のやまや　堀川店</t>
  </si>
  <si>
    <t>富山市堀川町３８６－２</t>
  </si>
  <si>
    <t>やまや東日本　株式会社</t>
  </si>
  <si>
    <t>仙台市宮城野区榴岡３－４－１</t>
  </si>
  <si>
    <t>20BF0018</t>
  </si>
  <si>
    <t>18BF0083</t>
  </si>
  <si>
    <t>19BF0042</t>
  </si>
  <si>
    <t>加工小屋</t>
  </si>
  <si>
    <t>富山市婦中町速星３３５－４</t>
  </si>
  <si>
    <t>19BF0075</t>
  </si>
  <si>
    <t>19BF0082</t>
  </si>
  <si>
    <t>20BF0009</t>
  </si>
  <si>
    <t>20BF0021</t>
  </si>
  <si>
    <t>19BF0083</t>
  </si>
  <si>
    <t>19BF0086</t>
  </si>
  <si>
    <t>21BF0030</t>
  </si>
  <si>
    <t>富山県富山市吉岡４６８</t>
  </si>
  <si>
    <t>20BF0086</t>
  </si>
  <si>
    <t>21BF0016</t>
  </si>
  <si>
    <t>21BF0021</t>
  </si>
  <si>
    <t>21BF0027</t>
  </si>
  <si>
    <t>17BF0064</t>
  </si>
  <si>
    <t>17BF0083</t>
  </si>
  <si>
    <t>大長谷温泉</t>
  </si>
  <si>
    <t>富山市八尾町杉平１２</t>
  </si>
  <si>
    <t>ＮＰＯ法人　大長谷村づくり協議会</t>
  </si>
  <si>
    <t>富山県富山市八尾町庵谷１０</t>
  </si>
  <si>
    <t>18BF0002</t>
  </si>
  <si>
    <t>18BF0004</t>
  </si>
  <si>
    <t>18BF0006</t>
  </si>
  <si>
    <t>やまや　中川原店</t>
  </si>
  <si>
    <t>富山市中川原２５４－２</t>
  </si>
  <si>
    <t>18BF0029</t>
  </si>
  <si>
    <t>やまや　掛尾店</t>
  </si>
  <si>
    <t>富山市掛尾栄町３－７</t>
  </si>
  <si>
    <t>18BF0031</t>
  </si>
  <si>
    <t>18BF0039</t>
  </si>
  <si>
    <t>18BF0042</t>
  </si>
  <si>
    <t>18BF0058</t>
  </si>
  <si>
    <t>18BF0067</t>
  </si>
  <si>
    <t>セルコーヒーフーズ</t>
  </si>
  <si>
    <t>富山市黒瀬３９６</t>
  </si>
  <si>
    <t>18BF0085</t>
  </si>
  <si>
    <t>18BF0090</t>
  </si>
  <si>
    <t>18BF0099</t>
  </si>
  <si>
    <t>18BF0101</t>
  </si>
  <si>
    <t>18BF0107</t>
  </si>
  <si>
    <t>19BF0007</t>
  </si>
  <si>
    <t>19BF0012</t>
  </si>
  <si>
    <t>19BF0017</t>
  </si>
  <si>
    <t>19BF0018</t>
  </si>
  <si>
    <t>メツゲライ・　イケダ</t>
  </si>
  <si>
    <t>19BF0023</t>
  </si>
  <si>
    <t>19BF0029</t>
  </si>
  <si>
    <t>ＶＩＥＴＮＡＭ　ＧＯＯＤ　ＦＯＯＤ</t>
  </si>
  <si>
    <t>富山市山室２５７－１</t>
  </si>
  <si>
    <t>ハイツヒダノ　１０７号</t>
  </si>
  <si>
    <t>19BF0041</t>
  </si>
  <si>
    <t>富山市願海寺６６６－２</t>
  </si>
  <si>
    <t>富山県富山市願海寺６６６－２</t>
  </si>
  <si>
    <t>19BF0047</t>
  </si>
  <si>
    <t>19BF0059</t>
  </si>
  <si>
    <t>19BF0060</t>
  </si>
  <si>
    <t>19BF0088</t>
  </si>
  <si>
    <t>19BF0089</t>
  </si>
  <si>
    <t>19BF0095</t>
  </si>
  <si>
    <t>19BF0097</t>
  </si>
  <si>
    <t>富山アジア物産</t>
  </si>
  <si>
    <t>富山市東田地方町１－３－１</t>
  </si>
  <si>
    <t>20BF0001</t>
  </si>
  <si>
    <t>20BF0002</t>
  </si>
  <si>
    <t>20BF0003</t>
  </si>
  <si>
    <t>20BF0004</t>
  </si>
  <si>
    <t>20BF0005</t>
  </si>
  <si>
    <t>20BF0007</t>
  </si>
  <si>
    <t>20BF0008</t>
  </si>
  <si>
    <t>20BF0016</t>
  </si>
  <si>
    <t>20BF0020</t>
  </si>
  <si>
    <t>20BF0024</t>
  </si>
  <si>
    <t>20BF0038</t>
  </si>
  <si>
    <t>20BF0041</t>
  </si>
  <si>
    <t>富山市二口町五丁目１０－２</t>
  </si>
  <si>
    <t>下新川郡宇奈月町６３３－１</t>
  </si>
  <si>
    <t>20BF0047</t>
  </si>
  <si>
    <t>富山市飯野１０－１</t>
  </si>
  <si>
    <t>20BF0048</t>
  </si>
  <si>
    <t>20BF0049</t>
  </si>
  <si>
    <t>焼き肉のバーンズ　黒瀬店</t>
  </si>
  <si>
    <t>富山市黒瀬北町一丁目６－２</t>
  </si>
  <si>
    <t>長野県須坂市高梨２９３－１</t>
  </si>
  <si>
    <t>20BF0055</t>
  </si>
  <si>
    <t>富山市新屋４－１</t>
  </si>
  <si>
    <t>20BF0056</t>
  </si>
  <si>
    <t>富山市茶屋町５１２－１</t>
  </si>
  <si>
    <t>20BF0057</t>
  </si>
  <si>
    <t>富山市下赤江町二丁目１４－２７</t>
  </si>
  <si>
    <t>20BF0062</t>
  </si>
  <si>
    <t>20BF0066</t>
  </si>
  <si>
    <t>富山市城川原一丁目３８４</t>
  </si>
  <si>
    <t>20BF0070</t>
  </si>
  <si>
    <t>20BF0079</t>
  </si>
  <si>
    <t>20BF0092</t>
  </si>
  <si>
    <t>富山市岩瀬天神町１００</t>
  </si>
  <si>
    <t>21BF0007</t>
  </si>
  <si>
    <t>21BF0009</t>
  </si>
  <si>
    <t>富山市奥井町３０－１</t>
  </si>
  <si>
    <t>21BF0044</t>
  </si>
  <si>
    <t>食品の冷凍又は冷蔵業</t>
  </si>
  <si>
    <t>株式会社　コシノ富山支店</t>
  </si>
  <si>
    <t>富山市婦中町西本郷４３６－５３</t>
  </si>
  <si>
    <t>株式会社　コシノ</t>
  </si>
  <si>
    <t>石川県金沢市打木町東１４５８</t>
  </si>
  <si>
    <t>19EB0003</t>
  </si>
  <si>
    <t>20EB0001</t>
  </si>
  <si>
    <t>多機能事業所　ステップ</t>
  </si>
  <si>
    <t>富山市稲代１０２０－３</t>
  </si>
  <si>
    <t>富山県富山市稲代１０２３</t>
  </si>
  <si>
    <t>18EB0002</t>
  </si>
  <si>
    <t>19EB0002</t>
  </si>
  <si>
    <t>富山市太田口通り三丁目２－１１</t>
  </si>
  <si>
    <t>20EB0003</t>
  </si>
  <si>
    <t>21EB0001</t>
  </si>
  <si>
    <t>食用油脂製造業</t>
  </si>
  <si>
    <t>国民製薬株式会社</t>
  </si>
  <si>
    <t>富山市緑町二丁目４－４</t>
  </si>
  <si>
    <t>国民製薬　株式会社</t>
  </si>
  <si>
    <t>富山県富山市緑町２－４－４</t>
  </si>
  <si>
    <t>20CS0002</t>
  </si>
  <si>
    <t>清涼飲料水製造業</t>
  </si>
  <si>
    <t>富山市婦中町千里字源蔵谷６５４２</t>
  </si>
  <si>
    <t>五洲薬品　株式会社</t>
  </si>
  <si>
    <t>富山市花園町１丁目１番５号</t>
  </si>
  <si>
    <t>18CI0001</t>
  </si>
  <si>
    <t>大和製薬（株）</t>
  </si>
  <si>
    <t>富山市水橋二杉１－２</t>
  </si>
  <si>
    <t>大和製薬　株式会社</t>
  </si>
  <si>
    <t>富山県富山市水橋二杉１－２</t>
  </si>
  <si>
    <t>20CI0002</t>
  </si>
  <si>
    <t>ファーマパック株式会社　大沢野工場</t>
  </si>
  <si>
    <t>富山市中大久保２２７－１</t>
  </si>
  <si>
    <t>ファーマパック　株式会社</t>
  </si>
  <si>
    <t>富山市小中１６３</t>
  </si>
  <si>
    <t>20CI0003</t>
  </si>
  <si>
    <t>八千代ドリンクス株式会社</t>
  </si>
  <si>
    <t>富山市八木山３８７</t>
  </si>
  <si>
    <t>八千代ドリンクス　株式会社</t>
  </si>
  <si>
    <t>19CI0006</t>
  </si>
  <si>
    <t>五洲薬品株式会社　てんしん工場</t>
  </si>
  <si>
    <t>富山市婦中町鉾木字天神堂７２</t>
  </si>
  <si>
    <t>てんしん工場</t>
  </si>
  <si>
    <t>富山市花園町１－１－５</t>
  </si>
  <si>
    <t>19CI0003</t>
  </si>
  <si>
    <t>株式会社　アクア富山</t>
  </si>
  <si>
    <t>富山市萩原４７９</t>
  </si>
  <si>
    <t>19CI0001</t>
  </si>
  <si>
    <t>19CI0005</t>
  </si>
  <si>
    <t>株式会社　ＴＥＤ</t>
  </si>
  <si>
    <t>富山市大場１１８</t>
  </si>
  <si>
    <t>富山県富山市大場１１８</t>
  </si>
  <si>
    <t>19CI0002</t>
  </si>
  <si>
    <t>たけしま食品</t>
  </si>
  <si>
    <t>富山市八尾町黒田３３８８－１</t>
  </si>
  <si>
    <t>19CI0004</t>
  </si>
  <si>
    <t>とっぺ屋本舗</t>
  </si>
  <si>
    <t>21CI0002</t>
  </si>
  <si>
    <t>阪神化成工業　株式会社　大沢野工場</t>
  </si>
  <si>
    <t>富山市中大久保２３６－６</t>
  </si>
  <si>
    <t>阪神化成工業　株式会社</t>
  </si>
  <si>
    <t>富山県富山市小中１６３</t>
  </si>
  <si>
    <t>20CI0001</t>
  </si>
  <si>
    <t>株式会社　富山環境整備　食品加工施設</t>
  </si>
  <si>
    <t>21CI0001</t>
  </si>
  <si>
    <t>日産化学株式会社　富山工場</t>
  </si>
  <si>
    <t>富山市婦中町笹倉６３５</t>
  </si>
  <si>
    <t>日産化学　株式会社</t>
  </si>
  <si>
    <t>東京都中央区日本橋２－５－１</t>
  </si>
  <si>
    <t>18CK0003</t>
  </si>
  <si>
    <t>富山市海岸通３</t>
  </si>
  <si>
    <t>三菱ケミカル　株式会社</t>
  </si>
  <si>
    <t>東京都千代田区丸の内一丁目１－１</t>
  </si>
  <si>
    <t>18CK0002</t>
  </si>
  <si>
    <t>中央薬品株式会社　西部工場</t>
  </si>
  <si>
    <t>富山市西四十物町４－９</t>
  </si>
  <si>
    <t>中央薬品　株式会社</t>
  </si>
  <si>
    <t>東京都中央区日本橋室町４－３－１０</t>
  </si>
  <si>
    <t>19CK0002</t>
  </si>
  <si>
    <t>協和薬品株式会社</t>
  </si>
  <si>
    <t>富山市経力１６３</t>
  </si>
  <si>
    <t>協和薬品　株式会社</t>
  </si>
  <si>
    <t>19CK0001</t>
  </si>
  <si>
    <t>バイホロン株式会社</t>
  </si>
  <si>
    <t>18CK0004</t>
  </si>
  <si>
    <t>信和薬品　株式会社</t>
  </si>
  <si>
    <t>富山市婦中町萩島３６９７－８</t>
  </si>
  <si>
    <t>20CK0001</t>
  </si>
  <si>
    <t>豆腐製造業</t>
  </si>
  <si>
    <t>長木商店</t>
  </si>
  <si>
    <t>富山市寺島１５４３</t>
  </si>
  <si>
    <t>20CE0001</t>
  </si>
  <si>
    <t>池田商店</t>
  </si>
  <si>
    <t>富山市西大沢２６７</t>
  </si>
  <si>
    <t>20CE0003</t>
  </si>
  <si>
    <t>19CE0003</t>
  </si>
  <si>
    <t>長沢食品</t>
  </si>
  <si>
    <t>富山市婦中町長沢４０２９－７</t>
  </si>
  <si>
    <t>18CE0002</t>
  </si>
  <si>
    <t>長江屋豆富店</t>
  </si>
  <si>
    <t>富山市八尾町諏訪町２６１７－１</t>
  </si>
  <si>
    <t>18CE0001</t>
  </si>
  <si>
    <t>みのたけ屋</t>
  </si>
  <si>
    <t>富山市呉羽町７０２１－１</t>
  </si>
  <si>
    <t>19CE0005</t>
  </si>
  <si>
    <t>21CE0001</t>
  </si>
  <si>
    <t>20CE0002</t>
  </si>
  <si>
    <t>とうふ工房茶屋</t>
  </si>
  <si>
    <t>富山市八尾町宮腰６</t>
  </si>
  <si>
    <t>20CE0004</t>
  </si>
  <si>
    <t>乳製品製造業</t>
  </si>
  <si>
    <t>八尾乳業</t>
  </si>
  <si>
    <t>富山市八尾町福島５８９</t>
  </si>
  <si>
    <t>八尾乳業　協同組合</t>
  </si>
  <si>
    <t>富山市八尾町福島５３６６</t>
  </si>
  <si>
    <t>19DC0001</t>
  </si>
  <si>
    <t>乳類販売業</t>
  </si>
  <si>
    <t>福島の湯</t>
  </si>
  <si>
    <t>富山市八尾町福島５２</t>
  </si>
  <si>
    <t>19BA0070</t>
  </si>
  <si>
    <t>19BA0073</t>
  </si>
  <si>
    <t>富山港港湾労働者福祉センター</t>
  </si>
  <si>
    <t>富山市岩瀬大町７</t>
  </si>
  <si>
    <t>財団法人日本海港湾福利厚生協会</t>
  </si>
  <si>
    <t>17BA0049</t>
  </si>
  <si>
    <t>17BA0081</t>
  </si>
  <si>
    <t>19BA0062</t>
  </si>
  <si>
    <t>富山市役所売店</t>
  </si>
  <si>
    <t>富山市役所東館２Ｆ</t>
  </si>
  <si>
    <t>富山市職員労働組合</t>
  </si>
  <si>
    <t>18BA0095</t>
  </si>
  <si>
    <t>荏原鉱泉</t>
  </si>
  <si>
    <t>富山市向新庄５３－５２</t>
  </si>
  <si>
    <t>18BA0037</t>
  </si>
  <si>
    <t>19BA0005</t>
  </si>
  <si>
    <t>マルトミ鉱泉</t>
  </si>
  <si>
    <t>富山市呉羽町６０６８－２１</t>
  </si>
  <si>
    <t>18BA0086</t>
  </si>
  <si>
    <t>18BA0056</t>
  </si>
  <si>
    <t>（株）北国屋商店富山営業所</t>
  </si>
  <si>
    <t>富山市蜷川１６７－１</t>
  </si>
  <si>
    <t>株式会社　北国屋商店</t>
  </si>
  <si>
    <t>小矢部市小神３３２</t>
  </si>
  <si>
    <t>19BA0003</t>
  </si>
  <si>
    <t>木田酒店</t>
  </si>
  <si>
    <t>富山市水橋小路３</t>
  </si>
  <si>
    <t>18BA0049</t>
  </si>
  <si>
    <t>とやまアルペン乳業株式会社</t>
  </si>
  <si>
    <t>富山市地方公設卸売市場</t>
  </si>
  <si>
    <t>富山市林崎１２２３－１</t>
  </si>
  <si>
    <t>19BA0024</t>
  </si>
  <si>
    <t>浦乃湯</t>
  </si>
  <si>
    <t>富山市羽根８６</t>
  </si>
  <si>
    <t>19BA0082</t>
  </si>
  <si>
    <t>19BA0099</t>
  </si>
  <si>
    <t>19BA0054</t>
  </si>
  <si>
    <t>18BA0065</t>
  </si>
  <si>
    <t>藤の湯</t>
  </si>
  <si>
    <t>富山市蛯町１－９</t>
  </si>
  <si>
    <t>有限会社　藤の湯</t>
  </si>
  <si>
    <t>19BA0081</t>
  </si>
  <si>
    <t>19BA0049</t>
  </si>
  <si>
    <t>19BA0056</t>
  </si>
  <si>
    <t>アピアスポーツクラブ３Ｆロビー</t>
  </si>
  <si>
    <t>富山市稲荷元町２－１１－１</t>
  </si>
  <si>
    <t>株式会社　サンフーズ</t>
  </si>
  <si>
    <t>滑川市上小泉２１８３</t>
  </si>
  <si>
    <t>19BB0021</t>
  </si>
  <si>
    <t>マンテンホテル　社員食堂</t>
  </si>
  <si>
    <t>マンテンホテル　２Ｆ</t>
  </si>
  <si>
    <t>19BB0023</t>
  </si>
  <si>
    <t>マイプラザ３Ｆ 浴場ロビー　（ぷ楽座ゆ）</t>
  </si>
  <si>
    <t>マイプラザ　３Ｆ</t>
  </si>
  <si>
    <t>19BB0024</t>
  </si>
  <si>
    <t>富山大学生活協同組合入口</t>
  </si>
  <si>
    <t>19BB0010</t>
  </si>
  <si>
    <t>19BA0074</t>
  </si>
  <si>
    <t>老人保健施設 西町ｾﾝﾄﾗﾙ･ｳﾞｨﾚｰ3F</t>
  </si>
  <si>
    <t>富山市古鍛冶町５－１３</t>
  </si>
  <si>
    <t>19BB0033</t>
  </si>
  <si>
    <t>岡田産婦人科病院１Ｆ</t>
  </si>
  <si>
    <t>富山市古鍛冶町５－３４</t>
  </si>
  <si>
    <t>19BB0034</t>
  </si>
  <si>
    <t>有限会社　アルペンフーズ</t>
  </si>
  <si>
    <t>富山市下飯野１９３</t>
  </si>
  <si>
    <t>19BA0063</t>
  </si>
  <si>
    <t>和合整形外科医院</t>
  </si>
  <si>
    <t>富山市布目１９８１－１</t>
  </si>
  <si>
    <t>19BB0029</t>
  </si>
  <si>
    <t>大成整形外科病院　１Ｆロビー</t>
  </si>
  <si>
    <t>富山市荒川３－１１５</t>
  </si>
  <si>
    <t>19BB0013</t>
  </si>
  <si>
    <t>富山県庁　３Ｆ</t>
  </si>
  <si>
    <t>19BA0116</t>
  </si>
  <si>
    <t>19BA0033</t>
  </si>
  <si>
    <t>富山市新庄町４３－４</t>
  </si>
  <si>
    <t>20BA0040</t>
  </si>
  <si>
    <t>富山小林製薬株式会社　２Ｆリフレッシュルーム</t>
  </si>
  <si>
    <t>富山市中大久保１００－１</t>
  </si>
  <si>
    <t>富山小林製薬　株式会社　２Ｆリフレッシュルーム</t>
  </si>
  <si>
    <t>19BB0030</t>
  </si>
  <si>
    <t>太陽苑</t>
  </si>
  <si>
    <t>富山市新村８７－２</t>
  </si>
  <si>
    <t>太陽苑　１Ｆ事務室　前</t>
  </si>
  <si>
    <t>有限会社　杉川</t>
  </si>
  <si>
    <t>富山市下大久保２６０２</t>
  </si>
  <si>
    <t>19BB0003</t>
  </si>
  <si>
    <t>19BA0086</t>
  </si>
  <si>
    <t>19BA0103</t>
  </si>
  <si>
    <t>19BA0110</t>
  </si>
  <si>
    <t>19BA0084</t>
  </si>
  <si>
    <t>19BA0079</t>
  </si>
  <si>
    <t>キタノ製作所（株）２階食堂内</t>
  </si>
  <si>
    <t>富山市八尾町福島８８</t>
  </si>
  <si>
    <t>富山ヤクルト販売　株式会社</t>
  </si>
  <si>
    <t>富山県富山市東流杉２２２</t>
  </si>
  <si>
    <t>19BB0028</t>
  </si>
  <si>
    <t>ＳＭＫ労働組合　富山支部</t>
  </si>
  <si>
    <t>19BB0019</t>
  </si>
  <si>
    <t>浜田食品工業　株式会社　休憩室</t>
  </si>
  <si>
    <t>富山市八尾町保内２－６－２</t>
  </si>
  <si>
    <t>浜田食品工業株式会社　休憩室</t>
  </si>
  <si>
    <t>19BB0032</t>
  </si>
  <si>
    <t>19BA0098</t>
  </si>
  <si>
    <t>18BA0071</t>
  </si>
  <si>
    <t>19BA0090</t>
  </si>
  <si>
    <t>日産化学工業㈱富山工場　研究開発センター</t>
  </si>
  <si>
    <t>19BB0022</t>
  </si>
  <si>
    <t>17BA0026</t>
  </si>
  <si>
    <t>17BA0083</t>
  </si>
  <si>
    <t>18BA0075</t>
  </si>
  <si>
    <t>19BA0112</t>
  </si>
  <si>
    <t>18BA0067</t>
  </si>
  <si>
    <t>Ｂ＆Ｇ財団　八尾海洋センター１Ｆロビー</t>
  </si>
  <si>
    <t>富山市八尾町福島１８１</t>
  </si>
  <si>
    <t>19BB0004</t>
  </si>
  <si>
    <t>19BA0087</t>
  </si>
  <si>
    <t>18BA0038</t>
  </si>
  <si>
    <t>20BA0053</t>
  </si>
  <si>
    <t>富山小林製薬　３．４期棟　１Ｆ休憩室</t>
  </si>
  <si>
    <t>19BB0031</t>
  </si>
  <si>
    <t>19BA0006</t>
  </si>
  <si>
    <t>長瀬おわら堂</t>
  </si>
  <si>
    <t>富山市八尾町東町２１８９</t>
  </si>
  <si>
    <t>19BA0093</t>
  </si>
  <si>
    <t>（有）ＰＥＰＥすぎもとや</t>
  </si>
  <si>
    <t>20BA0048</t>
  </si>
  <si>
    <t>古洞の湯　（風呂場前）</t>
  </si>
  <si>
    <t>富山市池多１０４４</t>
  </si>
  <si>
    <t>富山県高岡市内島３５５０</t>
  </si>
  <si>
    <t>19BB0035</t>
  </si>
  <si>
    <t>明治宅配センター　スマイル</t>
  </si>
  <si>
    <t>富山市西長江四丁目１－５２</t>
  </si>
  <si>
    <t>20BA0045</t>
  </si>
  <si>
    <t>19BA0092</t>
  </si>
  <si>
    <t>18BA0102</t>
  </si>
  <si>
    <t>19BA0032</t>
  </si>
  <si>
    <t>20BA0037</t>
  </si>
  <si>
    <t>20BA0018</t>
  </si>
  <si>
    <t>20BA0028</t>
  </si>
  <si>
    <t>20BA0027</t>
  </si>
  <si>
    <t>18BA0026</t>
  </si>
  <si>
    <t>キャンパスコンビニ　チューリップ</t>
  </si>
  <si>
    <t>富山大学　学生会館内</t>
  </si>
  <si>
    <t>18BA0081</t>
  </si>
  <si>
    <t>ボンリブラン　赤田店</t>
  </si>
  <si>
    <t>富山市赤田７３５－１</t>
  </si>
  <si>
    <t>株式会社　ボンリブラン</t>
  </si>
  <si>
    <t>富山市南央町３－４３</t>
  </si>
  <si>
    <t>20BA0029</t>
  </si>
  <si>
    <t>18BA0052</t>
  </si>
  <si>
    <t>18BA0033</t>
  </si>
  <si>
    <t>18BA0089</t>
  </si>
  <si>
    <t>菱富食品工業（株）富山支店</t>
  </si>
  <si>
    <t>富山市八日町２４３－８</t>
  </si>
  <si>
    <t>菱富食品工業　株式会社</t>
  </si>
  <si>
    <t>富山県高岡市二塚２０５－８</t>
  </si>
  <si>
    <t>19BA0034</t>
  </si>
  <si>
    <t>19BA0030</t>
  </si>
  <si>
    <t>奥井鉱泉</t>
  </si>
  <si>
    <t>富山市奥田本町６－１３</t>
  </si>
  <si>
    <t>19BA0018</t>
  </si>
  <si>
    <t>19BA0022</t>
  </si>
  <si>
    <t>19BA0101</t>
  </si>
  <si>
    <t>19BA0035</t>
  </si>
  <si>
    <t>18BA0054</t>
  </si>
  <si>
    <t>18BA0097</t>
  </si>
  <si>
    <t>星の湯　男子浴室　女子浴室　２台</t>
  </si>
  <si>
    <t>富山市中野新町１－２－１７</t>
  </si>
  <si>
    <t>19BB0020</t>
  </si>
  <si>
    <t>18BA0084</t>
  </si>
  <si>
    <t>高朋高校　自販機コーナー</t>
  </si>
  <si>
    <t>富山市東富山寿町１－１－３９</t>
  </si>
  <si>
    <t>19BB0012</t>
  </si>
  <si>
    <t>19BA0055</t>
  </si>
  <si>
    <t>19BA0114</t>
  </si>
  <si>
    <t>19BA0100</t>
  </si>
  <si>
    <t>20BA0008</t>
  </si>
  <si>
    <t>20BA0026</t>
  </si>
  <si>
    <t>19BA0102</t>
  </si>
  <si>
    <t>富山市八尾町諏訪町２４７１</t>
  </si>
  <si>
    <t>19BA0089</t>
  </si>
  <si>
    <t>朝日湯</t>
  </si>
  <si>
    <t>富山市堀川小泉町２３２</t>
  </si>
  <si>
    <t>20BA0011</t>
  </si>
  <si>
    <t>19BA0106</t>
  </si>
  <si>
    <t>宅配クック１２３　富山店</t>
  </si>
  <si>
    <t>富山県富山市上赤江</t>
  </si>
  <si>
    <t>20BA0023</t>
  </si>
  <si>
    <t>布亀（株）マザーケア　富山デリバリーセンター</t>
  </si>
  <si>
    <t>富山市長柄町１－５－２</t>
  </si>
  <si>
    <t>布亀　株式会社</t>
  </si>
  <si>
    <t>兵庫県西宮市今津二葉町３－６</t>
  </si>
  <si>
    <t>15BA0084</t>
  </si>
  <si>
    <t>森永もっとミルクセンター</t>
  </si>
  <si>
    <t>富山市水橋伊勢屋３０７</t>
  </si>
  <si>
    <t>16BA0072</t>
  </si>
  <si>
    <t>Ｖ・ｄｒｕｇ　五福店</t>
  </si>
  <si>
    <t>富山市五福３６４０番地５</t>
  </si>
  <si>
    <t>中部薬品　株式会社</t>
  </si>
  <si>
    <t>岐阜県多治見市高根町４－２９</t>
  </si>
  <si>
    <t>17BA0009</t>
  </si>
  <si>
    <t>酒のやまや　北の森店</t>
  </si>
  <si>
    <t>富山市森４－７３５</t>
  </si>
  <si>
    <t>株式会社　やまや</t>
  </si>
  <si>
    <t>17BA0042</t>
  </si>
  <si>
    <t>17BA0066</t>
  </si>
  <si>
    <t>17BA0095</t>
  </si>
  <si>
    <t>18BA0004</t>
  </si>
  <si>
    <t>18BA0006</t>
  </si>
  <si>
    <t>国立富山病院内売店</t>
  </si>
  <si>
    <t>富山市婦中町新町３１４５</t>
  </si>
  <si>
    <t>18BA0048</t>
  </si>
  <si>
    <t>18BA0050</t>
  </si>
  <si>
    <t>18BA0051</t>
  </si>
  <si>
    <t>ホテルアルファーワン富山駅前　１４Ｆ</t>
  </si>
  <si>
    <t>富山市新富町１－１－１</t>
  </si>
  <si>
    <t>富山県富山市八尾町福島５３６６</t>
  </si>
  <si>
    <t>18BB0032</t>
  </si>
  <si>
    <t>18BA0066</t>
  </si>
  <si>
    <t>18BA0090</t>
  </si>
  <si>
    <t>18BA0099</t>
  </si>
  <si>
    <t>18BA0101</t>
  </si>
  <si>
    <t>19BA0009</t>
  </si>
  <si>
    <t>19BA0013</t>
  </si>
  <si>
    <t>19BA0019</t>
  </si>
  <si>
    <t>19BA0020</t>
  </si>
  <si>
    <t>バンダイナムコアミューズメント</t>
  </si>
  <si>
    <t>アピタ富山東店内２Ｆ</t>
  </si>
  <si>
    <t>19BB0005</t>
  </si>
  <si>
    <t>19BA0042</t>
  </si>
  <si>
    <t>Ｅｖｅｒｙ　富山豊田店１Ｆ</t>
  </si>
  <si>
    <t>19BB0006</t>
  </si>
  <si>
    <t>19BA0067</t>
  </si>
  <si>
    <t>19BA0080</t>
  </si>
  <si>
    <t>不二越富山営業所　１Ｆ食堂内自動販売機コーナー</t>
  </si>
  <si>
    <t>不二越富山営業所　１Ｆ</t>
  </si>
  <si>
    <t>19BB0036</t>
  </si>
  <si>
    <t>19BA0108</t>
  </si>
  <si>
    <t>19BA0115</t>
  </si>
  <si>
    <t>Ｅｖｅｒｙ　富山掛尾店　２Ｆ</t>
  </si>
  <si>
    <t>19BB0037</t>
  </si>
  <si>
    <t>株式会社アスプコミュニケーションズ本社１階</t>
  </si>
  <si>
    <t>富山市婦中町島本郷１０－８</t>
  </si>
  <si>
    <t>19BB0038</t>
  </si>
  <si>
    <t>19BA0118</t>
  </si>
  <si>
    <t>20BA0001</t>
  </si>
  <si>
    <t>20BA0002</t>
  </si>
  <si>
    <t>20BA0003</t>
  </si>
  <si>
    <t>20BA0004</t>
  </si>
  <si>
    <t>20BA0006</t>
  </si>
  <si>
    <t>20BA0007</t>
  </si>
  <si>
    <t>森永ミルクセンター　ミルクマン</t>
  </si>
  <si>
    <t>富山市大島２－１１６－２</t>
  </si>
  <si>
    <t>20BA0014</t>
  </si>
  <si>
    <t>20BA0021</t>
  </si>
  <si>
    <t>20BA0025</t>
  </si>
  <si>
    <t>20BA0039</t>
  </si>
  <si>
    <t>20BA0041</t>
  </si>
  <si>
    <t>森永牛乳販売所　小松商店</t>
  </si>
  <si>
    <t>富山市辰巳町二丁目１－１</t>
  </si>
  <si>
    <t>20BA0042</t>
  </si>
  <si>
    <t>富山市新根塚町二丁目９－９</t>
  </si>
  <si>
    <t>20BA0054</t>
  </si>
  <si>
    <t>納豆製造業</t>
  </si>
  <si>
    <t>富山市小羽２２２</t>
  </si>
  <si>
    <t>18CO0001</t>
  </si>
  <si>
    <t>氷雪製造業</t>
  </si>
  <si>
    <t>株式会社　富冷　黒瀬工場</t>
  </si>
  <si>
    <t>富山市黒瀬北町２－５－５</t>
  </si>
  <si>
    <t>19CL0001</t>
  </si>
  <si>
    <t>豊岡氷店</t>
  </si>
  <si>
    <t>富山市小島町３－１７</t>
  </si>
  <si>
    <t>19CL000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color indexed="8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11"/>
      <color theme="1"/>
      <name val="游ゴシック"/>
      <family val="2"/>
      <scheme val="minor"/>
    </font>
    <font>
      <sz val="11"/>
      <color indexed="8"/>
      <name val="ＭＳ Ｐゴシック"/>
      <family val="3"/>
      <charset val="128"/>
    </font>
    <font>
      <sz val="11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2" fillId="0" borderId="0"/>
  </cellStyleXfs>
  <cellXfs count="17">
    <xf numFmtId="0" fontId="0" fillId="0" borderId="0" xfId="0">
      <alignment vertical="center"/>
    </xf>
    <xf numFmtId="0" fontId="2" fillId="0" borderId="0" xfId="1"/>
    <xf numFmtId="49" fontId="3" fillId="2" borderId="1" xfId="0" applyNumberFormat="1" applyFont="1" applyFill="1" applyBorder="1" applyAlignment="1">
      <alignment shrinkToFit="1"/>
    </xf>
    <xf numFmtId="14" fontId="3" fillId="2" borderId="1" xfId="0" applyNumberFormat="1" applyFont="1" applyFill="1" applyBorder="1" applyAlignment="1">
      <alignment shrinkToFit="1"/>
    </xf>
    <xf numFmtId="49" fontId="3" fillId="2" borderId="2" xfId="0" applyNumberFormat="1" applyFont="1" applyFill="1" applyBorder="1" applyAlignment="1">
      <alignment shrinkToFit="1"/>
    </xf>
    <xf numFmtId="49" fontId="3" fillId="2" borderId="3" xfId="0" applyNumberFormat="1" applyFont="1" applyFill="1" applyBorder="1" applyAlignment="1">
      <alignment shrinkToFit="1"/>
    </xf>
    <xf numFmtId="49" fontId="3" fillId="2" borderId="4" xfId="0" applyNumberFormat="1" applyFont="1" applyFill="1" applyBorder="1" applyAlignment="1">
      <alignment shrinkToFit="1"/>
    </xf>
    <xf numFmtId="0" fontId="3" fillId="0" borderId="0" xfId="0" applyFont="1" applyAlignment="1">
      <alignment vertical="center" shrinkToFit="1"/>
    </xf>
    <xf numFmtId="0" fontId="4" fillId="0" borderId="1" xfId="1" applyFont="1" applyFill="1" applyBorder="1" applyAlignment="1">
      <alignment shrinkToFit="1"/>
    </xf>
    <xf numFmtId="0" fontId="4" fillId="0" borderId="2" xfId="1" applyFont="1" applyFill="1" applyBorder="1" applyAlignment="1">
      <alignment shrinkToFit="1"/>
    </xf>
    <xf numFmtId="0" fontId="4" fillId="0" borderId="4" xfId="1" applyFont="1" applyFill="1" applyBorder="1" applyAlignment="1">
      <alignment shrinkToFit="1"/>
    </xf>
    <xf numFmtId="14" fontId="4" fillId="0" borderId="1" xfId="1" applyNumberFormat="1" applyFont="1" applyFill="1" applyBorder="1" applyAlignment="1" applyProtection="1">
      <alignment vertical="center" shrinkToFit="1"/>
    </xf>
    <xf numFmtId="0" fontId="4" fillId="0" borderId="0" xfId="1" applyFont="1" applyAlignment="1">
      <alignment shrinkToFit="1"/>
    </xf>
    <xf numFmtId="0" fontId="4" fillId="0" borderId="0" xfId="1" applyFont="1" applyBorder="1" applyAlignment="1">
      <alignment shrinkToFit="1"/>
    </xf>
    <xf numFmtId="49" fontId="3" fillId="2" borderId="2" xfId="0" applyNumberFormat="1" applyFont="1" applyFill="1" applyBorder="1" applyAlignment="1">
      <alignment horizontal="left" shrinkToFit="1"/>
    </xf>
    <xf numFmtId="49" fontId="3" fillId="2" borderId="3" xfId="0" applyNumberFormat="1" applyFont="1" applyFill="1" applyBorder="1" applyAlignment="1">
      <alignment horizontal="left" shrinkToFit="1"/>
    </xf>
    <xf numFmtId="49" fontId="3" fillId="2" borderId="4" xfId="0" applyNumberFormat="1" applyFont="1" applyFill="1" applyBorder="1" applyAlignment="1">
      <alignment horizontal="left" shrinkToFit="1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3195"/>
  <sheetViews>
    <sheetView tabSelected="1" workbookViewId="0">
      <selection activeCell="A3108" sqref="A3108"/>
    </sheetView>
  </sheetViews>
  <sheetFormatPr defaultRowHeight="18.75" x14ac:dyDescent="0.4"/>
  <cols>
    <col min="1" max="1" width="7.25" style="7" customWidth="1"/>
    <col min="2" max="2" width="13" style="7" customWidth="1"/>
    <col min="3" max="3" width="5.375" style="7" customWidth="1"/>
    <col min="4" max="4" width="8.375" style="7" customWidth="1"/>
    <col min="5" max="5" width="8.75" style="7" customWidth="1"/>
    <col min="6" max="6" width="7.375" style="7" customWidth="1"/>
    <col min="7" max="7" width="14.25" style="7" customWidth="1"/>
    <col min="8" max="8" width="5.625" style="7" customWidth="1"/>
    <col min="9" max="9" width="5.25" style="7" customWidth="1"/>
    <col min="10" max="10" width="15.625" style="7" customWidth="1"/>
    <col min="11" max="11" width="7.75" style="7" customWidth="1"/>
    <col min="12" max="12" width="3.375" style="7" customWidth="1"/>
    <col min="13" max="13" width="6.625" style="7" customWidth="1"/>
    <col min="14" max="14" width="8.375" style="7" customWidth="1"/>
    <col min="15" max="15" width="7.375" style="7" customWidth="1"/>
    <col min="16" max="16" width="6.75" style="7" customWidth="1"/>
  </cols>
  <sheetData>
    <row r="1" spans="1:16" x14ac:dyDescent="0.15">
      <c r="A1" s="2" t="s">
        <v>0</v>
      </c>
      <c r="B1" s="2" t="s">
        <v>11377</v>
      </c>
      <c r="C1" s="14" t="s">
        <v>11378</v>
      </c>
      <c r="D1" s="15"/>
      <c r="E1" s="15"/>
      <c r="F1" s="16"/>
      <c r="G1" s="2" t="s">
        <v>11379</v>
      </c>
      <c r="H1" s="14" t="s">
        <v>11380</v>
      </c>
      <c r="I1" s="15"/>
      <c r="J1" s="15"/>
      <c r="K1" s="15"/>
      <c r="L1" s="16"/>
      <c r="M1" s="2" t="s">
        <v>1</v>
      </c>
      <c r="N1" s="3" t="s">
        <v>2</v>
      </c>
      <c r="O1" s="3" t="s">
        <v>3</v>
      </c>
      <c r="P1" s="3" t="s">
        <v>4</v>
      </c>
    </row>
    <row r="2" spans="1:16" x14ac:dyDescent="0.15">
      <c r="A2" s="2" t="s">
        <v>49</v>
      </c>
      <c r="B2" s="2" t="s">
        <v>44</v>
      </c>
      <c r="C2" s="4" t="s">
        <v>6</v>
      </c>
      <c r="D2" s="5" t="s">
        <v>45</v>
      </c>
      <c r="E2" s="5" t="s">
        <v>46</v>
      </c>
      <c r="F2" s="6" t="s">
        <v>47</v>
      </c>
      <c r="G2" s="2" t="s">
        <v>27</v>
      </c>
      <c r="H2" s="4" t="s">
        <v>29</v>
      </c>
      <c r="I2" s="5" t="s">
        <v>30</v>
      </c>
      <c r="J2" s="5" t="s">
        <v>31</v>
      </c>
      <c r="K2" s="5" t="s">
        <v>5</v>
      </c>
      <c r="L2" s="6" t="s">
        <v>5</v>
      </c>
      <c r="M2" s="2" t="s">
        <v>50</v>
      </c>
      <c r="N2" s="3">
        <v>38677</v>
      </c>
      <c r="O2" s="3">
        <v>44896</v>
      </c>
      <c r="P2" s="3">
        <v>47087</v>
      </c>
    </row>
    <row r="3" spans="1:16" x14ac:dyDescent="0.15">
      <c r="A3" s="2" t="s">
        <v>49</v>
      </c>
      <c r="B3" s="2" t="s">
        <v>51</v>
      </c>
      <c r="C3" s="4" t="s">
        <v>6</v>
      </c>
      <c r="D3" s="5" t="s">
        <v>45</v>
      </c>
      <c r="E3" s="5" t="s">
        <v>52</v>
      </c>
      <c r="F3" s="6" t="s">
        <v>5</v>
      </c>
      <c r="G3" s="2" t="s">
        <v>27</v>
      </c>
      <c r="H3" s="4" t="s">
        <v>29</v>
      </c>
      <c r="I3" s="5" t="s">
        <v>30</v>
      </c>
      <c r="J3" s="5" t="s">
        <v>31</v>
      </c>
      <c r="K3" s="5" t="s">
        <v>5</v>
      </c>
      <c r="L3" s="6" t="s">
        <v>5</v>
      </c>
      <c r="M3" s="2" t="s">
        <v>53</v>
      </c>
      <c r="N3" s="3">
        <v>43053</v>
      </c>
      <c r="O3" s="3">
        <v>45261</v>
      </c>
      <c r="P3" s="3">
        <v>47452</v>
      </c>
    </row>
    <row r="4" spans="1:16" x14ac:dyDescent="0.15">
      <c r="A4" s="2" t="s">
        <v>49</v>
      </c>
      <c r="B4" s="2" t="s">
        <v>54</v>
      </c>
      <c r="C4" s="4" t="s">
        <v>6</v>
      </c>
      <c r="D4" s="5" t="s">
        <v>45</v>
      </c>
      <c r="E4" s="5" t="s">
        <v>55</v>
      </c>
      <c r="F4" s="6" t="s">
        <v>5</v>
      </c>
      <c r="G4" s="2" t="s">
        <v>27</v>
      </c>
      <c r="H4" s="4" t="s">
        <v>29</v>
      </c>
      <c r="I4" s="5" t="s">
        <v>30</v>
      </c>
      <c r="J4" s="5" t="s">
        <v>31</v>
      </c>
      <c r="K4" s="5" t="s">
        <v>5</v>
      </c>
      <c r="L4" s="6" t="s">
        <v>5</v>
      </c>
      <c r="M4" s="2" t="s">
        <v>56</v>
      </c>
      <c r="N4" s="3">
        <v>42930</v>
      </c>
      <c r="O4" s="3">
        <v>45261</v>
      </c>
      <c r="P4" s="3">
        <v>47452</v>
      </c>
    </row>
    <row r="5" spans="1:16" x14ac:dyDescent="0.15">
      <c r="A5" s="2" t="s">
        <v>49</v>
      </c>
      <c r="B5" s="2" t="s">
        <v>61</v>
      </c>
      <c r="C5" s="4" t="s">
        <v>6</v>
      </c>
      <c r="D5" s="5" t="s">
        <v>62</v>
      </c>
      <c r="E5" s="5" t="s">
        <v>63</v>
      </c>
      <c r="F5" s="6" t="s">
        <v>5</v>
      </c>
      <c r="G5" s="2" t="s">
        <v>57</v>
      </c>
      <c r="H5" s="4" t="s">
        <v>9</v>
      </c>
      <c r="I5" s="5" t="s">
        <v>58</v>
      </c>
      <c r="J5" s="5" t="s">
        <v>59</v>
      </c>
      <c r="K5" s="5" t="s">
        <v>60</v>
      </c>
      <c r="L5" s="6" t="s">
        <v>5</v>
      </c>
      <c r="M5" s="2" t="s">
        <v>64</v>
      </c>
      <c r="N5" s="3">
        <v>37904</v>
      </c>
      <c r="O5" s="3">
        <v>44470</v>
      </c>
      <c r="P5" s="3">
        <v>46660</v>
      </c>
    </row>
    <row r="6" spans="1:16" x14ac:dyDescent="0.15">
      <c r="A6" s="2" t="s">
        <v>49</v>
      </c>
      <c r="B6" s="2" t="s">
        <v>68</v>
      </c>
      <c r="C6" s="4" t="s">
        <v>6</v>
      </c>
      <c r="D6" s="5" t="s">
        <v>69</v>
      </c>
      <c r="E6" s="5" t="s">
        <v>70</v>
      </c>
      <c r="F6" s="6" t="s">
        <v>5</v>
      </c>
      <c r="G6" s="2" t="s">
        <v>57</v>
      </c>
      <c r="H6" s="4" t="s">
        <v>9</v>
      </c>
      <c r="I6" s="5" t="s">
        <v>58</v>
      </c>
      <c r="J6" s="5" t="s">
        <v>59</v>
      </c>
      <c r="K6" s="5" t="s">
        <v>60</v>
      </c>
      <c r="L6" s="6" t="s">
        <v>5</v>
      </c>
      <c r="M6" s="2" t="s">
        <v>71</v>
      </c>
      <c r="N6" s="3">
        <v>32813</v>
      </c>
      <c r="O6" s="3">
        <v>45444</v>
      </c>
      <c r="P6" s="3">
        <v>47634</v>
      </c>
    </row>
    <row r="7" spans="1:16" x14ac:dyDescent="0.15">
      <c r="A7" s="2" t="s">
        <v>49</v>
      </c>
      <c r="B7" s="2" t="s">
        <v>78</v>
      </c>
      <c r="C7" s="4" t="s">
        <v>6</v>
      </c>
      <c r="D7" s="5" t="s">
        <v>79</v>
      </c>
      <c r="E7" s="5" t="s">
        <v>80</v>
      </c>
      <c r="F7" s="6" t="s">
        <v>5</v>
      </c>
      <c r="G7" s="2" t="s">
        <v>57</v>
      </c>
      <c r="H7" s="4" t="s">
        <v>9</v>
      </c>
      <c r="I7" s="5" t="s">
        <v>58</v>
      </c>
      <c r="J7" s="5" t="s">
        <v>59</v>
      </c>
      <c r="K7" s="5" t="s">
        <v>60</v>
      </c>
      <c r="L7" s="6" t="s">
        <v>5</v>
      </c>
      <c r="M7" s="2" t="s">
        <v>81</v>
      </c>
      <c r="N7" s="3">
        <v>36237</v>
      </c>
      <c r="O7" s="3">
        <v>43040</v>
      </c>
      <c r="P7" s="3">
        <v>45596</v>
      </c>
    </row>
    <row r="8" spans="1:16" x14ac:dyDescent="0.15">
      <c r="A8" s="2" t="s">
        <v>49</v>
      </c>
      <c r="B8" s="2" t="s">
        <v>84</v>
      </c>
      <c r="C8" s="4" t="s">
        <v>6</v>
      </c>
      <c r="D8" s="5" t="s">
        <v>85</v>
      </c>
      <c r="E8" s="5" t="s">
        <v>86</v>
      </c>
      <c r="F8" s="6" t="s">
        <v>5</v>
      </c>
      <c r="G8" s="2" t="s">
        <v>57</v>
      </c>
      <c r="H8" s="4" t="s">
        <v>9</v>
      </c>
      <c r="I8" s="5" t="s">
        <v>58</v>
      </c>
      <c r="J8" s="5" t="s">
        <v>59</v>
      </c>
      <c r="K8" s="5" t="s">
        <v>60</v>
      </c>
      <c r="L8" s="6" t="s">
        <v>5</v>
      </c>
      <c r="M8" s="2" t="s">
        <v>87</v>
      </c>
      <c r="N8" s="3">
        <v>40495</v>
      </c>
      <c r="O8" s="3">
        <v>45047</v>
      </c>
      <c r="P8" s="3">
        <v>47238</v>
      </c>
    </row>
    <row r="9" spans="1:16" x14ac:dyDescent="0.15">
      <c r="A9" s="2" t="s">
        <v>49</v>
      </c>
      <c r="B9" s="2" t="s">
        <v>90</v>
      </c>
      <c r="C9" s="4" t="s">
        <v>6</v>
      </c>
      <c r="D9" s="5" t="s">
        <v>91</v>
      </c>
      <c r="E9" s="5" t="s">
        <v>92</v>
      </c>
      <c r="F9" s="6" t="s">
        <v>5</v>
      </c>
      <c r="G9" s="2" t="s">
        <v>57</v>
      </c>
      <c r="H9" s="4" t="s">
        <v>9</v>
      </c>
      <c r="I9" s="5" t="s">
        <v>58</v>
      </c>
      <c r="J9" s="5" t="s">
        <v>59</v>
      </c>
      <c r="K9" s="5" t="s">
        <v>60</v>
      </c>
      <c r="L9" s="6" t="s">
        <v>5</v>
      </c>
      <c r="M9" s="2" t="s">
        <v>93</v>
      </c>
      <c r="N9" s="3">
        <v>35707</v>
      </c>
      <c r="O9" s="3">
        <v>45383</v>
      </c>
      <c r="P9" s="3">
        <v>47573</v>
      </c>
    </row>
    <row r="10" spans="1:16" x14ac:dyDescent="0.15">
      <c r="A10" s="2" t="s">
        <v>49</v>
      </c>
      <c r="B10" s="2" t="s">
        <v>74</v>
      </c>
      <c r="C10" s="4" t="s">
        <v>6</v>
      </c>
      <c r="D10" s="5" t="s">
        <v>75</v>
      </c>
      <c r="E10" s="5" t="s">
        <v>76</v>
      </c>
      <c r="F10" s="6" t="s">
        <v>5</v>
      </c>
      <c r="G10" s="2" t="s">
        <v>57</v>
      </c>
      <c r="H10" s="4" t="s">
        <v>9</v>
      </c>
      <c r="I10" s="5" t="s">
        <v>58</v>
      </c>
      <c r="J10" s="5" t="s">
        <v>59</v>
      </c>
      <c r="K10" s="5" t="s">
        <v>60</v>
      </c>
      <c r="L10" s="6" t="s">
        <v>5</v>
      </c>
      <c r="M10" s="2" t="s">
        <v>96</v>
      </c>
      <c r="N10" s="3">
        <v>41365</v>
      </c>
      <c r="O10" s="3">
        <v>43647</v>
      </c>
      <c r="P10" s="3">
        <v>45838</v>
      </c>
    </row>
    <row r="11" spans="1:16" x14ac:dyDescent="0.15">
      <c r="A11" s="2" t="s">
        <v>49</v>
      </c>
      <c r="B11" s="2" t="s">
        <v>98</v>
      </c>
      <c r="C11" s="4" t="s">
        <v>6</v>
      </c>
      <c r="D11" s="5" t="s">
        <v>99</v>
      </c>
      <c r="E11" s="5" t="s">
        <v>100</v>
      </c>
      <c r="F11" s="6" t="s">
        <v>5</v>
      </c>
      <c r="G11" s="2" t="s">
        <v>57</v>
      </c>
      <c r="H11" s="4" t="s">
        <v>9</v>
      </c>
      <c r="I11" s="5" t="s">
        <v>58</v>
      </c>
      <c r="J11" s="5" t="s">
        <v>59</v>
      </c>
      <c r="K11" s="5" t="s">
        <v>60</v>
      </c>
      <c r="L11" s="6" t="s">
        <v>5</v>
      </c>
      <c r="M11" s="2" t="s">
        <v>101</v>
      </c>
      <c r="N11" s="3">
        <v>40744</v>
      </c>
      <c r="O11" s="3">
        <v>45474</v>
      </c>
      <c r="P11" s="3">
        <v>47664</v>
      </c>
    </row>
    <row r="12" spans="1:16" x14ac:dyDescent="0.15">
      <c r="A12" s="2" t="s">
        <v>49</v>
      </c>
      <c r="B12" s="2" t="s">
        <v>104</v>
      </c>
      <c r="C12" s="4" t="s">
        <v>6</v>
      </c>
      <c r="D12" s="5" t="s">
        <v>105</v>
      </c>
      <c r="E12" s="5" t="s">
        <v>106</v>
      </c>
      <c r="F12" s="6" t="s">
        <v>5</v>
      </c>
      <c r="G12" s="2" t="s">
        <v>57</v>
      </c>
      <c r="H12" s="4" t="s">
        <v>9</v>
      </c>
      <c r="I12" s="5" t="s">
        <v>58</v>
      </c>
      <c r="J12" s="5" t="s">
        <v>59</v>
      </c>
      <c r="K12" s="5" t="s">
        <v>60</v>
      </c>
      <c r="L12" s="6" t="s">
        <v>5</v>
      </c>
      <c r="M12" s="2" t="s">
        <v>107</v>
      </c>
      <c r="N12" s="3">
        <v>34857</v>
      </c>
      <c r="O12" s="3">
        <v>45413</v>
      </c>
      <c r="P12" s="3">
        <v>47603</v>
      </c>
    </row>
    <row r="13" spans="1:16" x14ac:dyDescent="0.15">
      <c r="A13" s="2" t="s">
        <v>49</v>
      </c>
      <c r="B13" s="2" t="s">
        <v>110</v>
      </c>
      <c r="C13" s="4" t="s">
        <v>6</v>
      </c>
      <c r="D13" s="5" t="s">
        <v>111</v>
      </c>
      <c r="E13" s="5" t="s">
        <v>112</v>
      </c>
      <c r="F13" s="6" t="s">
        <v>5</v>
      </c>
      <c r="G13" s="2" t="s">
        <v>57</v>
      </c>
      <c r="H13" s="4" t="s">
        <v>9</v>
      </c>
      <c r="I13" s="5" t="s">
        <v>58</v>
      </c>
      <c r="J13" s="5" t="s">
        <v>59</v>
      </c>
      <c r="K13" s="5" t="s">
        <v>60</v>
      </c>
      <c r="L13" s="6" t="s">
        <v>5</v>
      </c>
      <c r="M13" s="2" t="s">
        <v>113</v>
      </c>
      <c r="N13" s="3">
        <v>35230</v>
      </c>
      <c r="O13" s="3">
        <v>45231</v>
      </c>
      <c r="P13" s="3">
        <v>47422</v>
      </c>
    </row>
    <row r="14" spans="1:16" x14ac:dyDescent="0.15">
      <c r="A14" s="2" t="s">
        <v>49</v>
      </c>
      <c r="B14" s="2" t="s">
        <v>116</v>
      </c>
      <c r="C14" s="4" t="s">
        <v>6</v>
      </c>
      <c r="D14" s="5" t="s">
        <v>117</v>
      </c>
      <c r="E14" s="5" t="s">
        <v>118</v>
      </c>
      <c r="F14" s="6" t="s">
        <v>5</v>
      </c>
      <c r="G14" s="2" t="s">
        <v>57</v>
      </c>
      <c r="H14" s="4" t="s">
        <v>9</v>
      </c>
      <c r="I14" s="5" t="s">
        <v>58</v>
      </c>
      <c r="J14" s="5" t="s">
        <v>59</v>
      </c>
      <c r="K14" s="5" t="s">
        <v>60</v>
      </c>
      <c r="L14" s="6" t="s">
        <v>5</v>
      </c>
      <c r="M14" s="2" t="s">
        <v>119</v>
      </c>
      <c r="N14" s="3">
        <v>39038</v>
      </c>
      <c r="O14" s="3">
        <v>43770</v>
      </c>
      <c r="P14" s="3">
        <v>45961</v>
      </c>
    </row>
    <row r="15" spans="1:16" x14ac:dyDescent="0.15">
      <c r="A15" s="2" t="s">
        <v>49</v>
      </c>
      <c r="B15" s="2" t="s">
        <v>122</v>
      </c>
      <c r="C15" s="4" t="s">
        <v>6</v>
      </c>
      <c r="D15" s="5" t="s">
        <v>123</v>
      </c>
      <c r="E15" s="5" t="s">
        <v>124</v>
      </c>
      <c r="F15" s="6" t="s">
        <v>5</v>
      </c>
      <c r="G15" s="2" t="s">
        <v>57</v>
      </c>
      <c r="H15" s="4" t="s">
        <v>9</v>
      </c>
      <c r="I15" s="5" t="s">
        <v>58</v>
      </c>
      <c r="J15" s="5" t="s">
        <v>59</v>
      </c>
      <c r="K15" s="5" t="s">
        <v>60</v>
      </c>
      <c r="L15" s="6" t="s">
        <v>5</v>
      </c>
      <c r="M15" s="2" t="s">
        <v>125</v>
      </c>
      <c r="N15" s="3">
        <v>42620</v>
      </c>
      <c r="O15" s="3">
        <v>45017</v>
      </c>
      <c r="P15" s="3">
        <v>47208</v>
      </c>
    </row>
    <row r="16" spans="1:16" x14ac:dyDescent="0.15">
      <c r="A16" s="2" t="s">
        <v>49</v>
      </c>
      <c r="B16" s="2" t="s">
        <v>128</v>
      </c>
      <c r="C16" s="4" t="s">
        <v>6</v>
      </c>
      <c r="D16" s="5" t="s">
        <v>129</v>
      </c>
      <c r="E16" s="5" t="s">
        <v>55</v>
      </c>
      <c r="F16" s="6" t="s">
        <v>5</v>
      </c>
      <c r="G16" s="2" t="s">
        <v>57</v>
      </c>
      <c r="H16" s="4" t="s">
        <v>9</v>
      </c>
      <c r="I16" s="5" t="s">
        <v>58</v>
      </c>
      <c r="J16" s="5" t="s">
        <v>59</v>
      </c>
      <c r="K16" s="5" t="s">
        <v>60</v>
      </c>
      <c r="L16" s="6" t="s">
        <v>5</v>
      </c>
      <c r="M16" s="2" t="s">
        <v>130</v>
      </c>
      <c r="N16" s="3">
        <v>39422</v>
      </c>
      <c r="O16" s="3">
        <v>43586</v>
      </c>
      <c r="P16" s="3">
        <v>45777</v>
      </c>
    </row>
    <row r="17" spans="1:16" x14ac:dyDescent="0.15">
      <c r="A17" s="2" t="s">
        <v>49</v>
      </c>
      <c r="B17" s="2" t="s">
        <v>133</v>
      </c>
      <c r="C17" s="4" t="s">
        <v>6</v>
      </c>
      <c r="D17" s="5" t="s">
        <v>134</v>
      </c>
      <c r="E17" s="5" t="s">
        <v>135</v>
      </c>
      <c r="F17" s="6" t="s">
        <v>5</v>
      </c>
      <c r="G17" s="2" t="s">
        <v>57</v>
      </c>
      <c r="H17" s="4" t="s">
        <v>9</v>
      </c>
      <c r="I17" s="5" t="s">
        <v>58</v>
      </c>
      <c r="J17" s="5" t="s">
        <v>59</v>
      </c>
      <c r="K17" s="5" t="s">
        <v>60</v>
      </c>
      <c r="L17" s="6" t="s">
        <v>5</v>
      </c>
      <c r="M17" s="2" t="s">
        <v>136</v>
      </c>
      <c r="N17" s="3">
        <v>39282</v>
      </c>
      <c r="O17" s="3">
        <v>43405</v>
      </c>
      <c r="P17" s="3">
        <v>45596</v>
      </c>
    </row>
    <row r="18" spans="1:16" x14ac:dyDescent="0.15">
      <c r="A18" s="2" t="s">
        <v>49</v>
      </c>
      <c r="B18" s="2" t="s">
        <v>139</v>
      </c>
      <c r="C18" s="4" t="s">
        <v>6</v>
      </c>
      <c r="D18" s="5" t="s">
        <v>140</v>
      </c>
      <c r="E18" s="5" t="s">
        <v>141</v>
      </c>
      <c r="F18" s="6" t="s">
        <v>5</v>
      </c>
      <c r="G18" s="2" t="s">
        <v>57</v>
      </c>
      <c r="H18" s="4" t="s">
        <v>9</v>
      </c>
      <c r="I18" s="5" t="s">
        <v>58</v>
      </c>
      <c r="J18" s="5" t="s">
        <v>59</v>
      </c>
      <c r="K18" s="5" t="s">
        <v>60</v>
      </c>
      <c r="L18" s="6" t="s">
        <v>5</v>
      </c>
      <c r="M18" s="2" t="s">
        <v>142</v>
      </c>
      <c r="N18" s="3">
        <v>35734</v>
      </c>
      <c r="O18" s="3">
        <v>43739</v>
      </c>
      <c r="P18" s="3">
        <v>45930</v>
      </c>
    </row>
    <row r="19" spans="1:16" x14ac:dyDescent="0.15">
      <c r="A19" s="2" t="s">
        <v>49</v>
      </c>
      <c r="B19" s="2" t="s">
        <v>145</v>
      </c>
      <c r="C19" s="4" t="s">
        <v>6</v>
      </c>
      <c r="D19" s="5" t="s">
        <v>146</v>
      </c>
      <c r="E19" s="5" t="s">
        <v>147</v>
      </c>
      <c r="F19" s="6" t="s">
        <v>5</v>
      </c>
      <c r="G19" s="2" t="s">
        <v>57</v>
      </c>
      <c r="H19" s="4" t="s">
        <v>9</v>
      </c>
      <c r="I19" s="5" t="s">
        <v>58</v>
      </c>
      <c r="J19" s="5" t="s">
        <v>59</v>
      </c>
      <c r="K19" s="5" t="s">
        <v>60</v>
      </c>
      <c r="L19" s="6" t="s">
        <v>5</v>
      </c>
      <c r="M19" s="2" t="s">
        <v>148</v>
      </c>
      <c r="N19" s="3">
        <v>42563</v>
      </c>
      <c r="O19" s="3">
        <v>45017</v>
      </c>
      <c r="P19" s="3">
        <v>47208</v>
      </c>
    </row>
    <row r="20" spans="1:16" x14ac:dyDescent="0.15">
      <c r="A20" s="2" t="s">
        <v>49</v>
      </c>
      <c r="B20" s="2" t="s">
        <v>151</v>
      </c>
      <c r="C20" s="4" t="s">
        <v>6</v>
      </c>
      <c r="D20" s="5" t="s">
        <v>152</v>
      </c>
      <c r="E20" s="5" t="s">
        <v>153</v>
      </c>
      <c r="F20" s="6" t="s">
        <v>5</v>
      </c>
      <c r="G20" s="2" t="s">
        <v>57</v>
      </c>
      <c r="H20" s="4" t="s">
        <v>9</v>
      </c>
      <c r="I20" s="5" t="s">
        <v>58</v>
      </c>
      <c r="J20" s="5" t="s">
        <v>59</v>
      </c>
      <c r="K20" s="5" t="s">
        <v>60</v>
      </c>
      <c r="L20" s="6" t="s">
        <v>5</v>
      </c>
      <c r="M20" s="2" t="s">
        <v>154</v>
      </c>
      <c r="N20" s="3">
        <v>44895</v>
      </c>
      <c r="O20" s="3">
        <v>44895</v>
      </c>
      <c r="P20" s="3">
        <v>47422</v>
      </c>
    </row>
    <row r="21" spans="1:16" x14ac:dyDescent="0.15">
      <c r="A21" s="2" t="s">
        <v>49</v>
      </c>
      <c r="B21" s="2" t="s">
        <v>161</v>
      </c>
      <c r="C21" s="4" t="s">
        <v>6</v>
      </c>
      <c r="D21" s="5" t="s">
        <v>134</v>
      </c>
      <c r="E21" s="5" t="s">
        <v>162</v>
      </c>
      <c r="F21" s="6" t="s">
        <v>5</v>
      </c>
      <c r="G21" s="2" t="s">
        <v>157</v>
      </c>
      <c r="H21" s="4" t="s">
        <v>29</v>
      </c>
      <c r="I21" s="5" t="s">
        <v>158</v>
      </c>
      <c r="J21" s="5" t="s">
        <v>159</v>
      </c>
      <c r="K21" s="5" t="s">
        <v>160</v>
      </c>
      <c r="L21" s="6" t="s">
        <v>5</v>
      </c>
      <c r="M21" s="2" t="s">
        <v>163</v>
      </c>
      <c r="N21" s="3">
        <v>38992</v>
      </c>
      <c r="O21" s="3">
        <v>44501</v>
      </c>
      <c r="P21" s="3">
        <v>46326</v>
      </c>
    </row>
    <row r="22" spans="1:16" x14ac:dyDescent="0.15">
      <c r="A22" s="2" t="s">
        <v>49</v>
      </c>
      <c r="B22" s="2" t="s">
        <v>168</v>
      </c>
      <c r="C22" s="4" t="s">
        <v>6</v>
      </c>
      <c r="D22" s="5" t="s">
        <v>169</v>
      </c>
      <c r="E22" s="5" t="s">
        <v>170</v>
      </c>
      <c r="F22" s="6" t="s">
        <v>5</v>
      </c>
      <c r="G22" s="2" t="s">
        <v>164</v>
      </c>
      <c r="H22" s="4" t="s">
        <v>29</v>
      </c>
      <c r="I22" s="5" t="s">
        <v>165</v>
      </c>
      <c r="J22" s="5" t="s">
        <v>166</v>
      </c>
      <c r="K22" s="5" t="s">
        <v>167</v>
      </c>
      <c r="L22" s="6" t="s">
        <v>5</v>
      </c>
      <c r="M22" s="2" t="s">
        <v>172</v>
      </c>
      <c r="N22" s="3">
        <v>45111</v>
      </c>
      <c r="O22" s="3">
        <v>45111</v>
      </c>
      <c r="P22" s="3">
        <v>47573</v>
      </c>
    </row>
    <row r="23" spans="1:16" x14ac:dyDescent="0.15">
      <c r="A23" s="2" t="s">
        <v>49</v>
      </c>
      <c r="B23" s="2" t="s">
        <v>173</v>
      </c>
      <c r="C23" s="4" t="s">
        <v>6</v>
      </c>
      <c r="D23" s="5" t="s">
        <v>174</v>
      </c>
      <c r="E23" s="5" t="s">
        <v>175</v>
      </c>
      <c r="F23" s="6" t="s">
        <v>176</v>
      </c>
      <c r="G23" s="2" t="s">
        <v>164</v>
      </c>
      <c r="H23" s="4" t="s">
        <v>29</v>
      </c>
      <c r="I23" s="5" t="s">
        <v>165</v>
      </c>
      <c r="J23" s="5" t="s">
        <v>166</v>
      </c>
      <c r="K23" s="5" t="s">
        <v>167</v>
      </c>
      <c r="L23" s="6" t="s">
        <v>5</v>
      </c>
      <c r="M23" s="2" t="s">
        <v>177</v>
      </c>
      <c r="N23" s="3">
        <v>44609</v>
      </c>
      <c r="O23" s="3">
        <v>44609</v>
      </c>
      <c r="P23" s="3">
        <v>47026</v>
      </c>
    </row>
    <row r="24" spans="1:16" x14ac:dyDescent="0.15">
      <c r="A24" s="2" t="s">
        <v>49</v>
      </c>
      <c r="B24" s="2" t="s">
        <v>178</v>
      </c>
      <c r="C24" s="4" t="s">
        <v>6</v>
      </c>
      <c r="D24" s="5" t="s">
        <v>179</v>
      </c>
      <c r="E24" s="5" t="s">
        <v>180</v>
      </c>
      <c r="F24" s="6" t="s">
        <v>181</v>
      </c>
      <c r="G24" s="2" t="s">
        <v>164</v>
      </c>
      <c r="H24" s="4" t="s">
        <v>29</v>
      </c>
      <c r="I24" s="5" t="s">
        <v>165</v>
      </c>
      <c r="J24" s="5" t="s">
        <v>166</v>
      </c>
      <c r="K24" s="5" t="s">
        <v>167</v>
      </c>
      <c r="L24" s="6" t="s">
        <v>5</v>
      </c>
      <c r="M24" s="2" t="s">
        <v>182</v>
      </c>
      <c r="N24" s="3">
        <v>40319</v>
      </c>
      <c r="O24" s="3">
        <v>44835</v>
      </c>
      <c r="P24" s="3">
        <v>47026</v>
      </c>
    </row>
    <row r="25" spans="1:16" x14ac:dyDescent="0.15">
      <c r="A25" s="2" t="s">
        <v>49</v>
      </c>
      <c r="B25" s="2" t="s">
        <v>188</v>
      </c>
      <c r="C25" s="4" t="s">
        <v>6</v>
      </c>
      <c r="D25" s="5" t="s">
        <v>189</v>
      </c>
      <c r="E25" s="5" t="s">
        <v>190</v>
      </c>
      <c r="F25" s="6" t="s">
        <v>191</v>
      </c>
      <c r="G25" s="2" t="s">
        <v>183</v>
      </c>
      <c r="H25" s="4" t="s">
        <v>184</v>
      </c>
      <c r="I25" s="5" t="s">
        <v>185</v>
      </c>
      <c r="J25" s="5" t="s">
        <v>186</v>
      </c>
      <c r="K25" s="5" t="s">
        <v>187</v>
      </c>
      <c r="L25" s="6" t="s">
        <v>5</v>
      </c>
      <c r="M25" s="2" t="s">
        <v>192</v>
      </c>
      <c r="N25" s="3">
        <v>44866</v>
      </c>
      <c r="O25" s="3">
        <v>44866</v>
      </c>
      <c r="P25" s="3">
        <v>47391</v>
      </c>
    </row>
    <row r="26" spans="1:16" x14ac:dyDescent="0.15">
      <c r="A26" s="2" t="s">
        <v>49</v>
      </c>
      <c r="B26" s="2" t="s">
        <v>199</v>
      </c>
      <c r="C26" s="4" t="s">
        <v>6</v>
      </c>
      <c r="D26" s="5" t="s">
        <v>200</v>
      </c>
      <c r="E26" s="5" t="s">
        <v>201</v>
      </c>
      <c r="F26" s="6" t="s">
        <v>5</v>
      </c>
      <c r="G26" s="2" t="s">
        <v>193</v>
      </c>
      <c r="H26" s="4" t="s">
        <v>195</v>
      </c>
      <c r="I26" s="5" t="s">
        <v>196</v>
      </c>
      <c r="J26" s="5" t="s">
        <v>197</v>
      </c>
      <c r="K26" s="5" t="s">
        <v>198</v>
      </c>
      <c r="L26" s="6" t="s">
        <v>5</v>
      </c>
      <c r="M26" s="2" t="s">
        <v>202</v>
      </c>
      <c r="N26" s="3">
        <v>40010</v>
      </c>
      <c r="O26" s="3">
        <v>44652</v>
      </c>
      <c r="P26" s="3">
        <v>46843</v>
      </c>
    </row>
    <row r="27" spans="1:16" x14ac:dyDescent="0.15">
      <c r="A27" s="2" t="s">
        <v>49</v>
      </c>
      <c r="B27" s="2" t="s">
        <v>209</v>
      </c>
      <c r="C27" s="4" t="s">
        <v>6</v>
      </c>
      <c r="D27" s="5" t="s">
        <v>210</v>
      </c>
      <c r="E27" s="5" t="s">
        <v>5</v>
      </c>
      <c r="F27" s="6" t="s">
        <v>5</v>
      </c>
      <c r="G27" s="2" t="s">
        <v>206</v>
      </c>
      <c r="H27" s="4" t="s">
        <v>9</v>
      </c>
      <c r="I27" s="5" t="s">
        <v>6</v>
      </c>
      <c r="J27" s="5" t="s">
        <v>207</v>
      </c>
      <c r="K27" s="5" t="s">
        <v>208</v>
      </c>
      <c r="L27" s="6" t="s">
        <v>5</v>
      </c>
      <c r="M27" s="2" t="s">
        <v>211</v>
      </c>
      <c r="N27" s="3">
        <v>42515</v>
      </c>
      <c r="O27" s="3">
        <v>44835</v>
      </c>
      <c r="P27" s="3">
        <v>47026</v>
      </c>
    </row>
    <row r="28" spans="1:16" x14ac:dyDescent="0.15">
      <c r="A28" s="2" t="s">
        <v>49</v>
      </c>
      <c r="B28" s="2" t="s">
        <v>217</v>
      </c>
      <c r="C28" s="4" t="s">
        <v>6</v>
      </c>
      <c r="D28" s="5" t="s">
        <v>218</v>
      </c>
      <c r="E28" s="5" t="s">
        <v>219</v>
      </c>
      <c r="F28" s="6" t="s">
        <v>5</v>
      </c>
      <c r="G28" s="2" t="s">
        <v>213</v>
      </c>
      <c r="H28" s="4" t="s">
        <v>184</v>
      </c>
      <c r="I28" s="5" t="s">
        <v>214</v>
      </c>
      <c r="J28" s="5" t="s">
        <v>215</v>
      </c>
      <c r="K28" s="5" t="s">
        <v>216</v>
      </c>
      <c r="L28" s="6" t="s">
        <v>5</v>
      </c>
      <c r="M28" s="2" t="s">
        <v>220</v>
      </c>
      <c r="N28" s="3">
        <v>34589</v>
      </c>
      <c r="O28" s="3">
        <v>44652</v>
      </c>
      <c r="P28" s="3">
        <v>46843</v>
      </c>
    </row>
    <row r="29" spans="1:16" x14ac:dyDescent="0.15">
      <c r="A29" s="2" t="s">
        <v>49</v>
      </c>
      <c r="B29" s="2" t="s">
        <v>223</v>
      </c>
      <c r="C29" s="4" t="s">
        <v>6</v>
      </c>
      <c r="D29" s="5" t="s">
        <v>224</v>
      </c>
      <c r="E29" s="5" t="s">
        <v>225</v>
      </c>
      <c r="F29" s="6" t="s">
        <v>5</v>
      </c>
      <c r="G29" s="2" t="s">
        <v>213</v>
      </c>
      <c r="H29" s="4" t="s">
        <v>184</v>
      </c>
      <c r="I29" s="5" t="s">
        <v>214</v>
      </c>
      <c r="J29" s="5" t="s">
        <v>215</v>
      </c>
      <c r="K29" s="5" t="s">
        <v>216</v>
      </c>
      <c r="L29" s="6" t="s">
        <v>5</v>
      </c>
      <c r="M29" s="2" t="s">
        <v>226</v>
      </c>
      <c r="N29" s="3">
        <v>36083</v>
      </c>
      <c r="O29" s="3">
        <v>44682</v>
      </c>
      <c r="P29" s="3">
        <v>46873</v>
      </c>
    </row>
    <row r="30" spans="1:16" x14ac:dyDescent="0.15">
      <c r="A30" s="2" t="s">
        <v>49</v>
      </c>
      <c r="B30" s="2" t="s">
        <v>242</v>
      </c>
      <c r="C30" s="4" t="s">
        <v>6</v>
      </c>
      <c r="D30" s="5" t="s">
        <v>174</v>
      </c>
      <c r="E30" s="5" t="s">
        <v>175</v>
      </c>
      <c r="F30" s="6" t="s">
        <v>243</v>
      </c>
      <c r="G30" s="2" t="s">
        <v>240</v>
      </c>
      <c r="H30" s="4" t="s">
        <v>9</v>
      </c>
      <c r="I30" s="5" t="s">
        <v>6</v>
      </c>
      <c r="J30" s="5" t="s">
        <v>241</v>
      </c>
      <c r="K30" s="5" t="s">
        <v>5</v>
      </c>
      <c r="L30" s="6" t="s">
        <v>5</v>
      </c>
      <c r="M30" s="2" t="s">
        <v>244</v>
      </c>
      <c r="N30" s="3">
        <v>44621</v>
      </c>
      <c r="O30" s="3">
        <v>44621</v>
      </c>
      <c r="P30" s="3">
        <v>47026</v>
      </c>
    </row>
    <row r="31" spans="1:16" x14ac:dyDescent="0.15">
      <c r="A31" s="2" t="s">
        <v>49</v>
      </c>
      <c r="B31" s="2" t="s">
        <v>246</v>
      </c>
      <c r="C31" s="4" t="s">
        <v>6</v>
      </c>
      <c r="D31" s="5" t="s">
        <v>247</v>
      </c>
      <c r="E31" s="5" t="s">
        <v>248</v>
      </c>
      <c r="F31" s="6" t="s">
        <v>249</v>
      </c>
      <c r="G31" s="2" t="s">
        <v>240</v>
      </c>
      <c r="H31" s="4" t="s">
        <v>9</v>
      </c>
      <c r="I31" s="5" t="s">
        <v>6</v>
      </c>
      <c r="J31" s="5" t="s">
        <v>241</v>
      </c>
      <c r="K31" s="5" t="s">
        <v>5</v>
      </c>
      <c r="L31" s="6" t="s">
        <v>5</v>
      </c>
      <c r="M31" s="2" t="s">
        <v>250</v>
      </c>
      <c r="N31" s="3">
        <v>43726</v>
      </c>
      <c r="O31" s="3">
        <v>43726</v>
      </c>
      <c r="P31" s="3">
        <v>46173</v>
      </c>
    </row>
    <row r="32" spans="1:16" x14ac:dyDescent="0.15">
      <c r="A32" s="2" t="s">
        <v>49</v>
      </c>
      <c r="B32" s="2" t="s">
        <v>252</v>
      </c>
      <c r="C32" s="4" t="s">
        <v>6</v>
      </c>
      <c r="D32" s="5" t="s">
        <v>253</v>
      </c>
      <c r="E32" s="5" t="s">
        <v>254</v>
      </c>
      <c r="F32" s="6" t="s">
        <v>255</v>
      </c>
      <c r="G32" s="2" t="s">
        <v>240</v>
      </c>
      <c r="H32" s="4" t="s">
        <v>9</v>
      </c>
      <c r="I32" s="5" t="s">
        <v>6</v>
      </c>
      <c r="J32" s="5" t="s">
        <v>241</v>
      </c>
      <c r="K32" s="5" t="s">
        <v>5</v>
      </c>
      <c r="L32" s="6" t="s">
        <v>5</v>
      </c>
      <c r="M32" s="2" t="s">
        <v>256</v>
      </c>
      <c r="N32" s="3">
        <v>43406</v>
      </c>
      <c r="O32" s="3">
        <v>43406</v>
      </c>
      <c r="P32" s="3">
        <v>45808</v>
      </c>
    </row>
    <row r="33" spans="1:16" x14ac:dyDescent="0.15">
      <c r="A33" s="2" t="s">
        <v>49</v>
      </c>
      <c r="B33" s="2" t="s">
        <v>265</v>
      </c>
      <c r="C33" s="4" t="s">
        <v>6</v>
      </c>
      <c r="D33" s="5" t="s">
        <v>218</v>
      </c>
      <c r="E33" s="5" t="s">
        <v>266</v>
      </c>
      <c r="F33" s="6" t="s">
        <v>267</v>
      </c>
      <c r="G33" s="2" t="s">
        <v>257</v>
      </c>
      <c r="H33" s="4" t="s">
        <v>184</v>
      </c>
      <c r="I33" s="5" t="s">
        <v>258</v>
      </c>
      <c r="J33" s="5" t="s">
        <v>259</v>
      </c>
      <c r="K33" s="5" t="s">
        <v>260</v>
      </c>
      <c r="L33" s="6" t="s">
        <v>5</v>
      </c>
      <c r="M33" s="2" t="s">
        <v>268</v>
      </c>
      <c r="N33" s="3">
        <v>35886</v>
      </c>
      <c r="O33" s="3">
        <v>44652</v>
      </c>
      <c r="P33" s="3">
        <v>46843</v>
      </c>
    </row>
    <row r="34" spans="1:16" x14ac:dyDescent="0.15">
      <c r="A34" s="2" t="s">
        <v>49</v>
      </c>
      <c r="B34" s="2" t="s">
        <v>272</v>
      </c>
      <c r="C34" s="4" t="s">
        <v>6</v>
      </c>
      <c r="D34" s="5" t="s">
        <v>273</v>
      </c>
      <c r="E34" s="5" t="s">
        <v>274</v>
      </c>
      <c r="F34" s="6" t="s">
        <v>5</v>
      </c>
      <c r="G34" s="2" t="s">
        <v>269</v>
      </c>
      <c r="H34" s="4" t="s">
        <v>9</v>
      </c>
      <c r="I34" s="5" t="s">
        <v>6</v>
      </c>
      <c r="J34" s="5" t="s">
        <v>270</v>
      </c>
      <c r="K34" s="5" t="s">
        <v>271</v>
      </c>
      <c r="L34" s="6" t="s">
        <v>5</v>
      </c>
      <c r="M34" s="2" t="s">
        <v>275</v>
      </c>
      <c r="N34" s="3">
        <v>42164</v>
      </c>
      <c r="O34" s="3">
        <v>44378</v>
      </c>
      <c r="P34" s="3">
        <v>46568</v>
      </c>
    </row>
    <row r="35" spans="1:16" x14ac:dyDescent="0.15">
      <c r="A35" s="2" t="s">
        <v>49</v>
      </c>
      <c r="B35" s="2" t="s">
        <v>278</v>
      </c>
      <c r="C35" s="4" t="s">
        <v>6</v>
      </c>
      <c r="D35" s="5" t="s">
        <v>279</v>
      </c>
      <c r="E35" s="5" t="s">
        <v>280</v>
      </c>
      <c r="F35" s="6" t="s">
        <v>5</v>
      </c>
      <c r="G35" s="2" t="s">
        <v>269</v>
      </c>
      <c r="H35" s="4" t="s">
        <v>9</v>
      </c>
      <c r="I35" s="5" t="s">
        <v>6</v>
      </c>
      <c r="J35" s="5" t="s">
        <v>270</v>
      </c>
      <c r="K35" s="5" t="s">
        <v>271</v>
      </c>
      <c r="L35" s="6" t="s">
        <v>5</v>
      </c>
      <c r="M35" s="2" t="s">
        <v>281</v>
      </c>
      <c r="N35" s="3">
        <v>36112</v>
      </c>
      <c r="O35" s="3">
        <v>44743</v>
      </c>
      <c r="P35" s="3">
        <v>46934</v>
      </c>
    </row>
    <row r="36" spans="1:16" x14ac:dyDescent="0.15">
      <c r="A36" s="2" t="s">
        <v>49</v>
      </c>
      <c r="B36" s="2" t="s">
        <v>283</v>
      </c>
      <c r="C36" s="4" t="s">
        <v>6</v>
      </c>
      <c r="D36" s="5" t="s">
        <v>284</v>
      </c>
      <c r="E36" s="5" t="s">
        <v>285</v>
      </c>
      <c r="F36" s="6" t="s">
        <v>5</v>
      </c>
      <c r="G36" s="2" t="s">
        <v>269</v>
      </c>
      <c r="H36" s="4" t="s">
        <v>9</v>
      </c>
      <c r="I36" s="5" t="s">
        <v>6</v>
      </c>
      <c r="J36" s="5" t="s">
        <v>270</v>
      </c>
      <c r="K36" s="5" t="s">
        <v>271</v>
      </c>
      <c r="L36" s="6" t="s">
        <v>5</v>
      </c>
      <c r="M36" s="2" t="s">
        <v>286</v>
      </c>
      <c r="N36" s="3">
        <v>43748</v>
      </c>
      <c r="O36" s="3">
        <v>43748</v>
      </c>
      <c r="P36" s="3">
        <v>46477</v>
      </c>
    </row>
    <row r="37" spans="1:16" x14ac:dyDescent="0.15">
      <c r="A37" s="2" t="s">
        <v>49</v>
      </c>
      <c r="B37" s="2" t="s">
        <v>289</v>
      </c>
      <c r="C37" s="4" t="s">
        <v>6</v>
      </c>
      <c r="D37" s="5" t="s">
        <v>290</v>
      </c>
      <c r="E37" s="5" t="s">
        <v>291</v>
      </c>
      <c r="F37" s="6" t="s">
        <v>5</v>
      </c>
      <c r="G37" s="2" t="s">
        <v>269</v>
      </c>
      <c r="H37" s="4" t="s">
        <v>9</v>
      </c>
      <c r="I37" s="5" t="s">
        <v>6</v>
      </c>
      <c r="J37" s="5" t="s">
        <v>270</v>
      </c>
      <c r="K37" s="5" t="s">
        <v>271</v>
      </c>
      <c r="L37" s="6" t="s">
        <v>5</v>
      </c>
      <c r="M37" s="2" t="s">
        <v>292</v>
      </c>
      <c r="N37" s="3">
        <v>36880</v>
      </c>
      <c r="O37" s="3">
        <v>45383</v>
      </c>
      <c r="P37" s="3">
        <v>47573</v>
      </c>
    </row>
    <row r="38" spans="1:16" x14ac:dyDescent="0.15">
      <c r="A38" s="2" t="s">
        <v>49</v>
      </c>
      <c r="B38" s="2" t="s">
        <v>295</v>
      </c>
      <c r="C38" s="4" t="s">
        <v>6</v>
      </c>
      <c r="D38" s="5" t="s">
        <v>79</v>
      </c>
      <c r="E38" s="5" t="s">
        <v>296</v>
      </c>
      <c r="F38" s="6" t="s">
        <v>5</v>
      </c>
      <c r="G38" s="2" t="s">
        <v>269</v>
      </c>
      <c r="H38" s="4" t="s">
        <v>9</v>
      </c>
      <c r="I38" s="5" t="s">
        <v>6</v>
      </c>
      <c r="J38" s="5" t="s">
        <v>270</v>
      </c>
      <c r="K38" s="5" t="s">
        <v>271</v>
      </c>
      <c r="L38" s="6" t="s">
        <v>5</v>
      </c>
      <c r="M38" s="2" t="s">
        <v>297</v>
      </c>
      <c r="N38" s="3">
        <v>44329</v>
      </c>
      <c r="O38" s="3">
        <v>44329</v>
      </c>
      <c r="P38" s="3">
        <v>46691</v>
      </c>
    </row>
    <row r="39" spans="1:16" x14ac:dyDescent="0.15">
      <c r="A39" s="2" t="s">
        <v>49</v>
      </c>
      <c r="B39" s="2" t="s">
        <v>300</v>
      </c>
      <c r="C39" s="4" t="s">
        <v>6</v>
      </c>
      <c r="D39" s="5" t="s">
        <v>301</v>
      </c>
      <c r="E39" s="5" t="s">
        <v>302</v>
      </c>
      <c r="F39" s="6" t="s">
        <v>5</v>
      </c>
      <c r="G39" s="2" t="s">
        <v>269</v>
      </c>
      <c r="H39" s="4" t="s">
        <v>9</v>
      </c>
      <c r="I39" s="5" t="s">
        <v>6</v>
      </c>
      <c r="J39" s="5" t="s">
        <v>270</v>
      </c>
      <c r="K39" s="5" t="s">
        <v>271</v>
      </c>
      <c r="L39" s="6" t="s">
        <v>5</v>
      </c>
      <c r="M39" s="2" t="s">
        <v>303</v>
      </c>
      <c r="N39" s="3">
        <v>43353</v>
      </c>
      <c r="O39" s="3">
        <v>43353</v>
      </c>
      <c r="P39" s="3">
        <v>45747</v>
      </c>
    </row>
    <row r="40" spans="1:16" x14ac:dyDescent="0.15">
      <c r="A40" s="2" t="s">
        <v>49</v>
      </c>
      <c r="B40" s="2" t="s">
        <v>306</v>
      </c>
      <c r="C40" s="4" t="s">
        <v>6</v>
      </c>
      <c r="D40" s="5" t="s">
        <v>307</v>
      </c>
      <c r="E40" s="5" t="s">
        <v>308</v>
      </c>
      <c r="F40" s="6" t="s">
        <v>5</v>
      </c>
      <c r="G40" s="2" t="s">
        <v>269</v>
      </c>
      <c r="H40" s="4" t="s">
        <v>9</v>
      </c>
      <c r="I40" s="5" t="s">
        <v>6</v>
      </c>
      <c r="J40" s="5" t="s">
        <v>270</v>
      </c>
      <c r="K40" s="5" t="s">
        <v>271</v>
      </c>
      <c r="L40" s="6" t="s">
        <v>5</v>
      </c>
      <c r="M40" s="2" t="s">
        <v>309</v>
      </c>
      <c r="N40" s="3">
        <v>42808</v>
      </c>
      <c r="O40" s="3">
        <v>45047</v>
      </c>
      <c r="P40" s="3">
        <v>47238</v>
      </c>
    </row>
    <row r="41" spans="1:16" x14ac:dyDescent="0.15">
      <c r="A41" s="2" t="s">
        <v>49</v>
      </c>
      <c r="B41" s="2" t="s">
        <v>312</v>
      </c>
      <c r="C41" s="4" t="s">
        <v>6</v>
      </c>
      <c r="D41" s="5" t="s">
        <v>313</v>
      </c>
      <c r="E41" s="5" t="s">
        <v>314</v>
      </c>
      <c r="F41" s="6" t="s">
        <v>5</v>
      </c>
      <c r="G41" s="2" t="s">
        <v>269</v>
      </c>
      <c r="H41" s="4" t="s">
        <v>9</v>
      </c>
      <c r="I41" s="5" t="s">
        <v>6</v>
      </c>
      <c r="J41" s="5" t="s">
        <v>270</v>
      </c>
      <c r="K41" s="5" t="s">
        <v>271</v>
      </c>
      <c r="L41" s="6" t="s">
        <v>5</v>
      </c>
      <c r="M41" s="2" t="s">
        <v>315</v>
      </c>
      <c r="N41" s="3">
        <v>43522</v>
      </c>
      <c r="O41" s="3">
        <v>43522</v>
      </c>
      <c r="P41" s="3">
        <v>45777</v>
      </c>
    </row>
    <row r="42" spans="1:16" x14ac:dyDescent="0.15">
      <c r="A42" s="2" t="s">
        <v>49</v>
      </c>
      <c r="B42" s="2" t="s">
        <v>318</v>
      </c>
      <c r="C42" s="4" t="s">
        <v>6</v>
      </c>
      <c r="D42" s="5" t="s">
        <v>270</v>
      </c>
      <c r="E42" s="5" t="s">
        <v>319</v>
      </c>
      <c r="F42" s="6" t="s">
        <v>5</v>
      </c>
      <c r="G42" s="2" t="s">
        <v>269</v>
      </c>
      <c r="H42" s="4" t="s">
        <v>9</v>
      </c>
      <c r="I42" s="5" t="s">
        <v>6</v>
      </c>
      <c r="J42" s="5" t="s">
        <v>270</v>
      </c>
      <c r="K42" s="5" t="s">
        <v>271</v>
      </c>
      <c r="L42" s="6" t="s">
        <v>5</v>
      </c>
      <c r="M42" s="2" t="s">
        <v>320</v>
      </c>
      <c r="N42" s="3">
        <v>36265</v>
      </c>
      <c r="O42" s="3">
        <v>45383</v>
      </c>
      <c r="P42" s="3">
        <v>47573</v>
      </c>
    </row>
    <row r="43" spans="1:16" x14ac:dyDescent="0.15">
      <c r="A43" s="2" t="s">
        <v>49</v>
      </c>
      <c r="B43" s="2" t="s">
        <v>323</v>
      </c>
      <c r="C43" s="4" t="s">
        <v>6</v>
      </c>
      <c r="D43" s="5" t="s">
        <v>324</v>
      </c>
      <c r="E43" s="5" t="s">
        <v>325</v>
      </c>
      <c r="F43" s="6" t="s">
        <v>5</v>
      </c>
      <c r="G43" s="2" t="s">
        <v>269</v>
      </c>
      <c r="H43" s="4" t="s">
        <v>9</v>
      </c>
      <c r="I43" s="5" t="s">
        <v>6</v>
      </c>
      <c r="J43" s="5" t="s">
        <v>270</v>
      </c>
      <c r="K43" s="5" t="s">
        <v>271</v>
      </c>
      <c r="L43" s="6" t="s">
        <v>5</v>
      </c>
      <c r="M43" s="2" t="s">
        <v>326</v>
      </c>
      <c r="N43" s="3">
        <v>38919</v>
      </c>
      <c r="O43" s="3">
        <v>45383</v>
      </c>
      <c r="P43" s="3">
        <v>47573</v>
      </c>
    </row>
    <row r="44" spans="1:16" x14ac:dyDescent="0.15">
      <c r="A44" s="2" t="s">
        <v>49</v>
      </c>
      <c r="B44" s="2" t="s">
        <v>329</v>
      </c>
      <c r="C44" s="4" t="s">
        <v>6</v>
      </c>
      <c r="D44" s="5" t="s">
        <v>330</v>
      </c>
      <c r="E44" s="5" t="s">
        <v>331</v>
      </c>
      <c r="F44" s="6" t="s">
        <v>5</v>
      </c>
      <c r="G44" s="2" t="s">
        <v>269</v>
      </c>
      <c r="H44" s="4" t="s">
        <v>9</v>
      </c>
      <c r="I44" s="5" t="s">
        <v>6</v>
      </c>
      <c r="J44" s="5" t="s">
        <v>270</v>
      </c>
      <c r="K44" s="5" t="s">
        <v>271</v>
      </c>
      <c r="L44" s="6" t="s">
        <v>5</v>
      </c>
      <c r="M44" s="2" t="s">
        <v>332</v>
      </c>
      <c r="N44" s="3">
        <v>44147</v>
      </c>
      <c r="O44" s="3">
        <v>44147</v>
      </c>
      <c r="P44" s="3">
        <v>46934</v>
      </c>
    </row>
    <row r="45" spans="1:16" x14ac:dyDescent="0.15">
      <c r="A45" s="2" t="s">
        <v>49</v>
      </c>
      <c r="B45" s="2" t="s">
        <v>335</v>
      </c>
      <c r="C45" s="4" t="s">
        <v>6</v>
      </c>
      <c r="D45" s="5" t="s">
        <v>336</v>
      </c>
      <c r="E45" s="5" t="s">
        <v>337</v>
      </c>
      <c r="F45" s="6" t="s">
        <v>5</v>
      </c>
      <c r="G45" s="2" t="s">
        <v>269</v>
      </c>
      <c r="H45" s="4" t="s">
        <v>9</v>
      </c>
      <c r="I45" s="5" t="s">
        <v>6</v>
      </c>
      <c r="J45" s="5" t="s">
        <v>270</v>
      </c>
      <c r="K45" s="5" t="s">
        <v>271</v>
      </c>
      <c r="L45" s="6" t="s">
        <v>5</v>
      </c>
      <c r="M45" s="2" t="s">
        <v>338</v>
      </c>
      <c r="N45" s="3">
        <v>41794</v>
      </c>
      <c r="O45" s="3">
        <v>44317</v>
      </c>
      <c r="P45" s="3">
        <v>46507</v>
      </c>
    </row>
    <row r="46" spans="1:16" x14ac:dyDescent="0.15">
      <c r="A46" s="2" t="s">
        <v>49</v>
      </c>
      <c r="B46" s="2" t="s">
        <v>341</v>
      </c>
      <c r="C46" s="4" t="s">
        <v>6</v>
      </c>
      <c r="D46" s="5" t="s">
        <v>342</v>
      </c>
      <c r="E46" s="5" t="s">
        <v>343</v>
      </c>
      <c r="F46" s="6" t="s">
        <v>5</v>
      </c>
      <c r="G46" s="2" t="s">
        <v>269</v>
      </c>
      <c r="H46" s="4" t="s">
        <v>9</v>
      </c>
      <c r="I46" s="5" t="s">
        <v>6</v>
      </c>
      <c r="J46" s="5" t="s">
        <v>270</v>
      </c>
      <c r="K46" s="5" t="s">
        <v>271</v>
      </c>
      <c r="L46" s="6" t="s">
        <v>5</v>
      </c>
      <c r="M46" s="2" t="s">
        <v>344</v>
      </c>
      <c r="N46" s="3">
        <v>37602</v>
      </c>
      <c r="O46" s="3">
        <v>44501</v>
      </c>
      <c r="P46" s="3">
        <v>46691</v>
      </c>
    </row>
    <row r="47" spans="1:16" x14ac:dyDescent="0.15">
      <c r="A47" s="2" t="s">
        <v>49</v>
      </c>
      <c r="B47" s="2" t="s">
        <v>347</v>
      </c>
      <c r="C47" s="4" t="s">
        <v>6</v>
      </c>
      <c r="D47" s="5" t="s">
        <v>348</v>
      </c>
      <c r="E47" s="5" t="s">
        <v>349</v>
      </c>
      <c r="F47" s="6" t="s">
        <v>5</v>
      </c>
      <c r="G47" s="2" t="s">
        <v>269</v>
      </c>
      <c r="H47" s="4" t="s">
        <v>9</v>
      </c>
      <c r="I47" s="5" t="s">
        <v>6</v>
      </c>
      <c r="J47" s="5" t="s">
        <v>270</v>
      </c>
      <c r="K47" s="5" t="s">
        <v>271</v>
      </c>
      <c r="L47" s="6" t="s">
        <v>5</v>
      </c>
      <c r="M47" s="2" t="s">
        <v>350</v>
      </c>
      <c r="N47" s="3">
        <v>36139</v>
      </c>
      <c r="O47" s="3">
        <v>44652</v>
      </c>
      <c r="P47" s="3">
        <v>46843</v>
      </c>
    </row>
    <row r="48" spans="1:16" x14ac:dyDescent="0.15">
      <c r="A48" s="2" t="s">
        <v>49</v>
      </c>
      <c r="B48" s="2" t="s">
        <v>353</v>
      </c>
      <c r="C48" s="4" t="s">
        <v>6</v>
      </c>
      <c r="D48" s="5" t="s">
        <v>354</v>
      </c>
      <c r="E48" s="5" t="s">
        <v>355</v>
      </c>
      <c r="F48" s="6" t="s">
        <v>5</v>
      </c>
      <c r="G48" s="2" t="s">
        <v>269</v>
      </c>
      <c r="H48" s="4" t="s">
        <v>9</v>
      </c>
      <c r="I48" s="5" t="s">
        <v>6</v>
      </c>
      <c r="J48" s="5" t="s">
        <v>270</v>
      </c>
      <c r="K48" s="5" t="s">
        <v>271</v>
      </c>
      <c r="L48" s="6" t="s">
        <v>5</v>
      </c>
      <c r="M48" s="2" t="s">
        <v>356</v>
      </c>
      <c r="N48" s="3">
        <v>31373</v>
      </c>
      <c r="O48" s="3">
        <v>45383</v>
      </c>
      <c r="P48" s="3">
        <v>47573</v>
      </c>
    </row>
    <row r="49" spans="1:16" x14ac:dyDescent="0.15">
      <c r="A49" s="2" t="s">
        <v>49</v>
      </c>
      <c r="B49" s="2" t="s">
        <v>358</v>
      </c>
      <c r="C49" s="4" t="s">
        <v>6</v>
      </c>
      <c r="D49" s="5" t="s">
        <v>134</v>
      </c>
      <c r="E49" s="5" t="s">
        <v>359</v>
      </c>
      <c r="F49" s="6" t="s">
        <v>5</v>
      </c>
      <c r="G49" s="2" t="s">
        <v>269</v>
      </c>
      <c r="H49" s="4" t="s">
        <v>9</v>
      </c>
      <c r="I49" s="5" t="s">
        <v>6</v>
      </c>
      <c r="J49" s="5" t="s">
        <v>270</v>
      </c>
      <c r="K49" s="5" t="s">
        <v>271</v>
      </c>
      <c r="L49" s="6" t="s">
        <v>5</v>
      </c>
      <c r="M49" s="2" t="s">
        <v>360</v>
      </c>
      <c r="N49" s="3">
        <v>35636</v>
      </c>
      <c r="O49" s="3">
        <v>44136</v>
      </c>
      <c r="P49" s="3">
        <v>46053</v>
      </c>
    </row>
    <row r="50" spans="1:16" x14ac:dyDescent="0.15">
      <c r="A50" s="2" t="s">
        <v>49</v>
      </c>
      <c r="B50" s="2" t="s">
        <v>362</v>
      </c>
      <c r="C50" s="4" t="s">
        <v>6</v>
      </c>
      <c r="D50" s="5" t="s">
        <v>363</v>
      </c>
      <c r="E50" s="5" t="s">
        <v>364</v>
      </c>
      <c r="F50" s="6" t="s">
        <v>5</v>
      </c>
      <c r="G50" s="2" t="s">
        <v>269</v>
      </c>
      <c r="H50" s="4" t="s">
        <v>9</v>
      </c>
      <c r="I50" s="5" t="s">
        <v>6</v>
      </c>
      <c r="J50" s="5" t="s">
        <v>270</v>
      </c>
      <c r="K50" s="5" t="s">
        <v>271</v>
      </c>
      <c r="L50" s="6" t="s">
        <v>5</v>
      </c>
      <c r="M50" s="2" t="s">
        <v>365</v>
      </c>
      <c r="N50" s="3">
        <v>39142</v>
      </c>
      <c r="O50" s="3">
        <v>43770</v>
      </c>
      <c r="P50" s="3">
        <v>45961</v>
      </c>
    </row>
    <row r="51" spans="1:16" x14ac:dyDescent="0.15">
      <c r="A51" s="2" t="s">
        <v>49</v>
      </c>
      <c r="B51" s="2" t="s">
        <v>366</v>
      </c>
      <c r="C51" s="4" t="s">
        <v>6</v>
      </c>
      <c r="D51" s="5" t="s">
        <v>367</v>
      </c>
      <c r="E51" s="5" t="s">
        <v>368</v>
      </c>
      <c r="F51" s="6" t="s">
        <v>5</v>
      </c>
      <c r="G51" s="2" t="s">
        <v>269</v>
      </c>
      <c r="H51" s="4" t="s">
        <v>9</v>
      </c>
      <c r="I51" s="5" t="s">
        <v>6</v>
      </c>
      <c r="J51" s="5" t="s">
        <v>270</v>
      </c>
      <c r="K51" s="5" t="s">
        <v>271</v>
      </c>
      <c r="L51" s="6" t="s">
        <v>5</v>
      </c>
      <c r="M51" s="2" t="s">
        <v>369</v>
      </c>
      <c r="N51" s="3">
        <v>37918</v>
      </c>
      <c r="O51" s="3">
        <v>44470</v>
      </c>
      <c r="P51" s="3">
        <v>46660</v>
      </c>
    </row>
    <row r="52" spans="1:16" x14ac:dyDescent="0.15">
      <c r="A52" s="2" t="s">
        <v>49</v>
      </c>
      <c r="B52" s="2" t="s">
        <v>377</v>
      </c>
      <c r="C52" s="4" t="s">
        <v>6</v>
      </c>
      <c r="D52" s="5" t="s">
        <v>378</v>
      </c>
      <c r="E52" s="5" t="s">
        <v>379</v>
      </c>
      <c r="F52" s="6" t="s">
        <v>380</v>
      </c>
      <c r="G52" s="2" t="s">
        <v>374</v>
      </c>
      <c r="H52" s="4" t="s">
        <v>29</v>
      </c>
      <c r="I52" s="5" t="s">
        <v>375</v>
      </c>
      <c r="J52" s="5" t="s">
        <v>376</v>
      </c>
      <c r="K52" s="5" t="s">
        <v>5</v>
      </c>
      <c r="L52" s="6" t="s">
        <v>5</v>
      </c>
      <c r="M52" s="2" t="s">
        <v>381</v>
      </c>
      <c r="N52" s="3">
        <v>40779</v>
      </c>
      <c r="O52" s="3">
        <v>45200</v>
      </c>
      <c r="P52" s="3">
        <v>47634</v>
      </c>
    </row>
    <row r="53" spans="1:16" x14ac:dyDescent="0.15">
      <c r="A53" s="2" t="s">
        <v>49</v>
      </c>
      <c r="B53" s="2" t="s">
        <v>410</v>
      </c>
      <c r="C53" s="4" t="s">
        <v>6</v>
      </c>
      <c r="D53" s="5" t="s">
        <v>411</v>
      </c>
      <c r="E53" s="5" t="s">
        <v>412</v>
      </c>
      <c r="F53" s="6" t="s">
        <v>5</v>
      </c>
      <c r="G53" s="2" t="s">
        <v>407</v>
      </c>
      <c r="H53" s="4" t="s">
        <v>9</v>
      </c>
      <c r="I53" s="5" t="s">
        <v>6</v>
      </c>
      <c r="J53" s="5" t="s">
        <v>408</v>
      </c>
      <c r="K53" s="5" t="s">
        <v>409</v>
      </c>
      <c r="L53" s="6" t="s">
        <v>5</v>
      </c>
      <c r="M53" s="2" t="s">
        <v>413</v>
      </c>
      <c r="N53" s="3">
        <v>44357</v>
      </c>
      <c r="O53" s="3">
        <v>44357</v>
      </c>
      <c r="P53" s="3">
        <v>46507</v>
      </c>
    </row>
    <row r="54" spans="1:16" x14ac:dyDescent="0.15">
      <c r="A54" s="2" t="s">
        <v>49</v>
      </c>
      <c r="B54" s="2" t="s">
        <v>418</v>
      </c>
      <c r="C54" s="4" t="s">
        <v>6</v>
      </c>
      <c r="D54" s="5" t="s">
        <v>174</v>
      </c>
      <c r="E54" s="5" t="s">
        <v>175</v>
      </c>
      <c r="F54" s="6" t="s">
        <v>419</v>
      </c>
      <c r="G54" s="2" t="s">
        <v>414</v>
      </c>
      <c r="H54" s="4" t="s">
        <v>415</v>
      </c>
      <c r="I54" s="5" t="s">
        <v>416</v>
      </c>
      <c r="J54" s="5" t="s">
        <v>417</v>
      </c>
      <c r="K54" s="5" t="s">
        <v>5</v>
      </c>
      <c r="L54" s="6" t="s">
        <v>5</v>
      </c>
      <c r="M54" s="2" t="s">
        <v>420</v>
      </c>
      <c r="N54" s="3">
        <v>44623</v>
      </c>
      <c r="O54" s="3">
        <v>44623</v>
      </c>
      <c r="P54" s="3">
        <v>47391</v>
      </c>
    </row>
    <row r="55" spans="1:16" x14ac:dyDescent="0.15">
      <c r="A55" s="2" t="s">
        <v>49</v>
      </c>
      <c r="B55" s="2" t="s">
        <v>426</v>
      </c>
      <c r="C55" s="4" t="s">
        <v>6</v>
      </c>
      <c r="D55" s="5" t="s">
        <v>79</v>
      </c>
      <c r="E55" s="5" t="s">
        <v>427</v>
      </c>
      <c r="F55" s="6" t="s">
        <v>5</v>
      </c>
      <c r="G55" s="2" t="s">
        <v>421</v>
      </c>
      <c r="H55" s="4" t="s">
        <v>423</v>
      </c>
      <c r="I55" s="5" t="s">
        <v>424</v>
      </c>
      <c r="J55" s="5" t="s">
        <v>425</v>
      </c>
      <c r="K55" s="5" t="s">
        <v>5</v>
      </c>
      <c r="L55" s="6" t="s">
        <v>5</v>
      </c>
      <c r="M55" s="2" t="s">
        <v>428</v>
      </c>
      <c r="N55" s="3">
        <v>44383</v>
      </c>
      <c r="O55" s="3">
        <v>44383</v>
      </c>
      <c r="P55" s="3">
        <v>46691</v>
      </c>
    </row>
    <row r="56" spans="1:16" x14ac:dyDescent="0.15">
      <c r="A56" s="2" t="s">
        <v>49</v>
      </c>
      <c r="B56" s="2" t="s">
        <v>436</v>
      </c>
      <c r="C56" s="4" t="s">
        <v>6</v>
      </c>
      <c r="D56" s="5" t="s">
        <v>437</v>
      </c>
      <c r="E56" s="5" t="s">
        <v>438</v>
      </c>
      <c r="F56" s="6" t="s">
        <v>5</v>
      </c>
      <c r="G56" s="2" t="s">
        <v>433</v>
      </c>
      <c r="H56" s="4" t="s">
        <v>9</v>
      </c>
      <c r="I56" s="5" t="s">
        <v>6</v>
      </c>
      <c r="J56" s="5" t="s">
        <v>434</v>
      </c>
      <c r="K56" s="5" t="s">
        <v>435</v>
      </c>
      <c r="L56" s="6" t="s">
        <v>5</v>
      </c>
      <c r="M56" s="2" t="s">
        <v>439</v>
      </c>
      <c r="N56" s="3">
        <v>39687</v>
      </c>
      <c r="O56" s="3">
        <v>44378</v>
      </c>
      <c r="P56" s="3">
        <v>46568</v>
      </c>
    </row>
    <row r="57" spans="1:16" x14ac:dyDescent="0.15">
      <c r="A57" s="2" t="s">
        <v>49</v>
      </c>
      <c r="B57" s="2" t="s">
        <v>444</v>
      </c>
      <c r="C57" s="4" t="s">
        <v>6</v>
      </c>
      <c r="D57" s="5" t="s">
        <v>179</v>
      </c>
      <c r="E57" s="5" t="s">
        <v>445</v>
      </c>
      <c r="F57" s="6" t="s">
        <v>446</v>
      </c>
      <c r="G57" s="2" t="s">
        <v>440</v>
      </c>
      <c r="H57" s="4" t="s">
        <v>384</v>
      </c>
      <c r="I57" s="5" t="s">
        <v>441</v>
      </c>
      <c r="J57" s="5" t="s">
        <v>442</v>
      </c>
      <c r="K57" s="5" t="s">
        <v>443</v>
      </c>
      <c r="L57" s="6" t="s">
        <v>5</v>
      </c>
      <c r="M57" s="2" t="s">
        <v>447</v>
      </c>
      <c r="N57" s="3">
        <v>44469</v>
      </c>
      <c r="O57" s="3">
        <v>44469</v>
      </c>
      <c r="P57" s="3">
        <v>46660</v>
      </c>
    </row>
    <row r="58" spans="1:16" x14ac:dyDescent="0.15">
      <c r="A58" s="2" t="s">
        <v>49</v>
      </c>
      <c r="B58" s="2" t="s">
        <v>463</v>
      </c>
      <c r="C58" s="4" t="s">
        <v>6</v>
      </c>
      <c r="D58" s="5" t="s">
        <v>464</v>
      </c>
      <c r="E58" s="5" t="s">
        <v>465</v>
      </c>
      <c r="F58" s="6" t="s">
        <v>466</v>
      </c>
      <c r="G58" s="2" t="s">
        <v>461</v>
      </c>
      <c r="H58" s="4" t="s">
        <v>9</v>
      </c>
      <c r="I58" s="5" t="s">
        <v>6</v>
      </c>
      <c r="J58" s="5" t="s">
        <v>462</v>
      </c>
      <c r="K58" s="5" t="s">
        <v>5</v>
      </c>
      <c r="L58" s="6" t="s">
        <v>5</v>
      </c>
      <c r="M58" s="2" t="s">
        <v>467</v>
      </c>
      <c r="N58" s="3">
        <v>42329</v>
      </c>
      <c r="O58" s="3">
        <v>44713</v>
      </c>
      <c r="P58" s="3">
        <v>46904</v>
      </c>
    </row>
    <row r="59" spans="1:16" x14ac:dyDescent="0.15">
      <c r="A59" s="2" t="s">
        <v>49</v>
      </c>
      <c r="B59" s="2" t="s">
        <v>470</v>
      </c>
      <c r="C59" s="4" t="s">
        <v>6</v>
      </c>
      <c r="D59" s="5" t="s">
        <v>91</v>
      </c>
      <c r="E59" s="5" t="s">
        <v>471</v>
      </c>
      <c r="F59" s="6" t="s">
        <v>5</v>
      </c>
      <c r="G59" s="2" t="s">
        <v>461</v>
      </c>
      <c r="H59" s="4" t="s">
        <v>9</v>
      </c>
      <c r="I59" s="5" t="s">
        <v>6</v>
      </c>
      <c r="J59" s="5" t="s">
        <v>462</v>
      </c>
      <c r="K59" s="5" t="s">
        <v>5</v>
      </c>
      <c r="L59" s="6" t="s">
        <v>5</v>
      </c>
      <c r="M59" s="2" t="s">
        <v>472</v>
      </c>
      <c r="N59" s="3">
        <v>45001</v>
      </c>
      <c r="O59" s="3">
        <v>45001</v>
      </c>
      <c r="P59" s="3">
        <v>47208</v>
      </c>
    </row>
    <row r="60" spans="1:16" x14ac:dyDescent="0.15">
      <c r="A60" s="2" t="s">
        <v>49</v>
      </c>
      <c r="B60" s="2" t="s">
        <v>473</v>
      </c>
      <c r="C60" s="4" t="s">
        <v>6</v>
      </c>
      <c r="D60" s="5" t="s">
        <v>378</v>
      </c>
      <c r="E60" s="5" t="s">
        <v>474</v>
      </c>
      <c r="F60" s="6" t="s">
        <v>5</v>
      </c>
      <c r="G60" s="2" t="s">
        <v>461</v>
      </c>
      <c r="H60" s="4" t="s">
        <v>9</v>
      </c>
      <c r="I60" s="5" t="s">
        <v>6</v>
      </c>
      <c r="J60" s="5" t="s">
        <v>462</v>
      </c>
      <c r="K60" s="5" t="s">
        <v>5</v>
      </c>
      <c r="L60" s="6" t="s">
        <v>5</v>
      </c>
      <c r="M60" s="2" t="s">
        <v>475</v>
      </c>
      <c r="N60" s="3">
        <v>41753</v>
      </c>
      <c r="O60" s="3">
        <v>45444</v>
      </c>
      <c r="P60" s="3">
        <v>47269</v>
      </c>
    </row>
    <row r="61" spans="1:16" x14ac:dyDescent="0.15">
      <c r="A61" s="2" t="s">
        <v>49</v>
      </c>
      <c r="B61" s="2" t="s">
        <v>495</v>
      </c>
      <c r="C61" s="4" t="s">
        <v>6</v>
      </c>
      <c r="D61" s="5" t="s">
        <v>378</v>
      </c>
      <c r="E61" s="5" t="s">
        <v>496</v>
      </c>
      <c r="F61" s="6" t="s">
        <v>497</v>
      </c>
      <c r="G61" s="2" t="s">
        <v>488</v>
      </c>
      <c r="H61" s="4" t="s">
        <v>9</v>
      </c>
      <c r="I61" s="5" t="s">
        <v>6</v>
      </c>
      <c r="J61" s="5" t="s">
        <v>489</v>
      </c>
      <c r="K61" s="5" t="s">
        <v>490</v>
      </c>
      <c r="L61" s="6" t="s">
        <v>5</v>
      </c>
      <c r="M61" s="2" t="s">
        <v>498</v>
      </c>
      <c r="N61" s="3">
        <v>44917</v>
      </c>
      <c r="O61" s="3">
        <v>44917</v>
      </c>
      <c r="P61" s="3">
        <v>47269</v>
      </c>
    </row>
    <row r="62" spans="1:16" x14ac:dyDescent="0.15">
      <c r="A62" s="2" t="s">
        <v>49</v>
      </c>
      <c r="B62" s="2" t="s">
        <v>499</v>
      </c>
      <c r="C62" s="4" t="s">
        <v>6</v>
      </c>
      <c r="D62" s="5" t="s">
        <v>500</v>
      </c>
      <c r="E62" s="5" t="s">
        <v>501</v>
      </c>
      <c r="F62" s="6" t="s">
        <v>5</v>
      </c>
      <c r="G62" s="2" t="s">
        <v>488</v>
      </c>
      <c r="H62" s="4" t="s">
        <v>9</v>
      </c>
      <c r="I62" s="5" t="s">
        <v>6</v>
      </c>
      <c r="J62" s="5" t="s">
        <v>489</v>
      </c>
      <c r="K62" s="5" t="s">
        <v>490</v>
      </c>
      <c r="L62" s="6" t="s">
        <v>5</v>
      </c>
      <c r="M62" s="2" t="s">
        <v>502</v>
      </c>
      <c r="N62" s="3">
        <v>44917</v>
      </c>
      <c r="O62" s="3">
        <v>44917</v>
      </c>
      <c r="P62" s="3">
        <v>47269</v>
      </c>
    </row>
    <row r="63" spans="1:16" x14ac:dyDescent="0.15">
      <c r="A63" s="2" t="s">
        <v>49</v>
      </c>
      <c r="B63" s="2" t="s">
        <v>506</v>
      </c>
      <c r="C63" s="4" t="s">
        <v>6</v>
      </c>
      <c r="D63" s="5" t="s">
        <v>174</v>
      </c>
      <c r="E63" s="5" t="s">
        <v>507</v>
      </c>
      <c r="F63" s="6" t="s">
        <v>508</v>
      </c>
      <c r="G63" s="2" t="s">
        <v>503</v>
      </c>
      <c r="H63" s="4" t="s">
        <v>29</v>
      </c>
      <c r="I63" s="5" t="s">
        <v>504</v>
      </c>
      <c r="J63" s="5" t="s">
        <v>505</v>
      </c>
      <c r="K63" s="5" t="s">
        <v>5</v>
      </c>
      <c r="L63" s="6" t="s">
        <v>5</v>
      </c>
      <c r="M63" s="2" t="s">
        <v>509</v>
      </c>
      <c r="N63" s="3">
        <v>45275</v>
      </c>
      <c r="O63" s="3">
        <v>45275</v>
      </c>
      <c r="P63" s="3">
        <v>48121</v>
      </c>
    </row>
    <row r="64" spans="1:16" x14ac:dyDescent="0.15">
      <c r="A64" s="2" t="s">
        <v>49</v>
      </c>
      <c r="B64" s="2" t="s">
        <v>519</v>
      </c>
      <c r="C64" s="4" t="s">
        <v>6</v>
      </c>
      <c r="D64" s="5" t="s">
        <v>456</v>
      </c>
      <c r="E64" s="5" t="s">
        <v>520</v>
      </c>
      <c r="F64" s="6" t="s">
        <v>5</v>
      </c>
      <c r="G64" s="2" t="s">
        <v>514</v>
      </c>
      <c r="H64" s="4" t="s">
        <v>9</v>
      </c>
      <c r="I64" s="5" t="s">
        <v>6</v>
      </c>
      <c r="J64" s="5" t="s">
        <v>515</v>
      </c>
      <c r="K64" s="5" t="s">
        <v>516</v>
      </c>
      <c r="L64" s="6" t="s">
        <v>5</v>
      </c>
      <c r="M64" s="2" t="s">
        <v>521</v>
      </c>
      <c r="N64" s="3">
        <v>45316</v>
      </c>
      <c r="O64" s="3">
        <v>45316</v>
      </c>
      <c r="P64" s="3">
        <v>47269</v>
      </c>
    </row>
    <row r="65" spans="1:16" x14ac:dyDescent="0.15">
      <c r="A65" s="2" t="s">
        <v>49</v>
      </c>
      <c r="B65" s="2" t="s">
        <v>537</v>
      </c>
      <c r="C65" s="4" t="s">
        <v>6</v>
      </c>
      <c r="D65" s="5" t="s">
        <v>378</v>
      </c>
      <c r="E65" s="5" t="s">
        <v>538</v>
      </c>
      <c r="F65" s="6" t="s">
        <v>539</v>
      </c>
      <c r="G65" s="2" t="s">
        <v>534</v>
      </c>
      <c r="H65" s="4" t="s">
        <v>29</v>
      </c>
      <c r="I65" s="5" t="s">
        <v>504</v>
      </c>
      <c r="J65" s="5" t="s">
        <v>535</v>
      </c>
      <c r="K65" s="5" t="s">
        <v>536</v>
      </c>
      <c r="L65" s="6" t="s">
        <v>5</v>
      </c>
      <c r="M65" s="2" t="s">
        <v>540</v>
      </c>
      <c r="N65" s="3">
        <v>38772</v>
      </c>
      <c r="O65" s="3">
        <v>45444</v>
      </c>
      <c r="P65" s="3">
        <v>47634</v>
      </c>
    </row>
    <row r="66" spans="1:16" x14ac:dyDescent="0.15">
      <c r="A66" s="2" t="s">
        <v>49</v>
      </c>
      <c r="B66" s="2" t="s">
        <v>550</v>
      </c>
      <c r="C66" s="4" t="s">
        <v>6</v>
      </c>
      <c r="D66" s="5" t="s">
        <v>551</v>
      </c>
      <c r="E66" s="5" t="s">
        <v>552</v>
      </c>
      <c r="F66" s="6" t="s">
        <v>5</v>
      </c>
      <c r="G66" s="2" t="s">
        <v>541</v>
      </c>
      <c r="H66" s="4" t="s">
        <v>542</v>
      </c>
      <c r="I66" s="5" t="s">
        <v>543</v>
      </c>
      <c r="J66" s="5" t="s">
        <v>544</v>
      </c>
      <c r="K66" s="5" t="s">
        <v>545</v>
      </c>
      <c r="L66" s="6" t="s">
        <v>5</v>
      </c>
      <c r="M66" s="2" t="s">
        <v>553</v>
      </c>
      <c r="N66" s="3">
        <v>42143</v>
      </c>
      <c r="O66" s="3">
        <v>44378</v>
      </c>
      <c r="P66" s="3">
        <v>46568</v>
      </c>
    </row>
    <row r="67" spans="1:16" x14ac:dyDescent="0.15">
      <c r="A67" s="2" t="s">
        <v>49</v>
      </c>
      <c r="B67" s="2" t="s">
        <v>561</v>
      </c>
      <c r="C67" s="4" t="s">
        <v>6</v>
      </c>
      <c r="D67" s="5" t="s">
        <v>562</v>
      </c>
      <c r="E67" s="5" t="s">
        <v>563</v>
      </c>
      <c r="F67" s="6" t="s">
        <v>564</v>
      </c>
      <c r="G67" s="2" t="s">
        <v>541</v>
      </c>
      <c r="H67" s="4" t="s">
        <v>542</v>
      </c>
      <c r="I67" s="5" t="s">
        <v>543</v>
      </c>
      <c r="J67" s="5" t="s">
        <v>544</v>
      </c>
      <c r="K67" s="5" t="s">
        <v>545</v>
      </c>
      <c r="L67" s="6" t="s">
        <v>5</v>
      </c>
      <c r="M67" s="2" t="s">
        <v>565</v>
      </c>
      <c r="N67" s="3">
        <v>45108</v>
      </c>
      <c r="O67" s="3">
        <v>45108</v>
      </c>
      <c r="P67" s="3">
        <v>47299</v>
      </c>
    </row>
    <row r="68" spans="1:16" x14ac:dyDescent="0.15">
      <c r="A68" s="2" t="s">
        <v>49</v>
      </c>
      <c r="B68" s="2" t="s">
        <v>578</v>
      </c>
      <c r="C68" s="4" t="s">
        <v>6</v>
      </c>
      <c r="D68" s="5" t="s">
        <v>174</v>
      </c>
      <c r="E68" s="5" t="s">
        <v>579</v>
      </c>
      <c r="F68" s="6" t="s">
        <v>580</v>
      </c>
      <c r="G68" s="2" t="s">
        <v>575</v>
      </c>
      <c r="H68" s="4" t="s">
        <v>423</v>
      </c>
      <c r="I68" s="5" t="s">
        <v>576</v>
      </c>
      <c r="J68" s="5" t="s">
        <v>577</v>
      </c>
      <c r="K68" s="5" t="s">
        <v>5</v>
      </c>
      <c r="L68" s="6" t="s">
        <v>5</v>
      </c>
      <c r="M68" s="2" t="s">
        <v>581</v>
      </c>
      <c r="N68" s="3">
        <v>44896</v>
      </c>
      <c r="O68" s="3">
        <v>44896</v>
      </c>
      <c r="P68" s="3">
        <v>47391</v>
      </c>
    </row>
    <row r="69" spans="1:16" x14ac:dyDescent="0.15">
      <c r="A69" s="2" t="s">
        <v>49</v>
      </c>
      <c r="B69" s="2" t="s">
        <v>590</v>
      </c>
      <c r="C69" s="4" t="s">
        <v>6</v>
      </c>
      <c r="D69" s="5" t="s">
        <v>588</v>
      </c>
      <c r="E69" s="5" t="s">
        <v>589</v>
      </c>
      <c r="F69" s="6" t="s">
        <v>5</v>
      </c>
      <c r="G69" s="2" t="s">
        <v>587</v>
      </c>
      <c r="H69" s="4" t="s">
        <v>9</v>
      </c>
      <c r="I69" s="5" t="s">
        <v>6</v>
      </c>
      <c r="J69" s="5" t="s">
        <v>588</v>
      </c>
      <c r="K69" s="5" t="s">
        <v>589</v>
      </c>
      <c r="L69" s="6" t="s">
        <v>5</v>
      </c>
      <c r="M69" s="2" t="s">
        <v>591</v>
      </c>
      <c r="N69" s="3">
        <v>34030</v>
      </c>
      <c r="O69" s="3">
        <v>44378</v>
      </c>
      <c r="P69" s="3">
        <v>46203</v>
      </c>
    </row>
    <row r="70" spans="1:16" x14ac:dyDescent="0.15">
      <c r="A70" s="2" t="s">
        <v>49</v>
      </c>
      <c r="B70" s="2" t="s">
        <v>615</v>
      </c>
      <c r="C70" s="4" t="s">
        <v>6</v>
      </c>
      <c r="D70" s="5" t="s">
        <v>616</v>
      </c>
      <c r="E70" s="5" t="s">
        <v>617</v>
      </c>
      <c r="F70" s="6" t="s">
        <v>5</v>
      </c>
      <c r="G70" s="2" t="s">
        <v>612</v>
      </c>
      <c r="H70" s="4" t="s">
        <v>9</v>
      </c>
      <c r="I70" s="5" t="s">
        <v>6</v>
      </c>
      <c r="J70" s="5" t="s">
        <v>613</v>
      </c>
      <c r="K70" s="5" t="s">
        <v>614</v>
      </c>
      <c r="L70" s="6" t="s">
        <v>5</v>
      </c>
      <c r="M70" s="2" t="s">
        <v>618</v>
      </c>
      <c r="N70" s="3">
        <v>44355</v>
      </c>
      <c r="O70" s="3">
        <v>44355</v>
      </c>
      <c r="P70" s="3">
        <v>46721</v>
      </c>
    </row>
    <row r="71" spans="1:16" x14ac:dyDescent="0.15">
      <c r="A71" s="2" t="s">
        <v>49</v>
      </c>
      <c r="B71" s="2" t="s">
        <v>622</v>
      </c>
      <c r="C71" s="4" t="s">
        <v>6</v>
      </c>
      <c r="D71" s="5" t="s">
        <v>623</v>
      </c>
      <c r="E71" s="5" t="s">
        <v>624</v>
      </c>
      <c r="F71" s="6" t="s">
        <v>5</v>
      </c>
      <c r="G71" s="2" t="s">
        <v>619</v>
      </c>
      <c r="H71" s="4" t="s">
        <v>29</v>
      </c>
      <c r="I71" s="5" t="s">
        <v>620</v>
      </c>
      <c r="J71" s="5" t="s">
        <v>621</v>
      </c>
      <c r="K71" s="5" t="s">
        <v>5</v>
      </c>
      <c r="L71" s="6" t="s">
        <v>5</v>
      </c>
      <c r="M71" s="2" t="s">
        <v>625</v>
      </c>
      <c r="N71" s="3">
        <v>42528</v>
      </c>
      <c r="O71" s="3">
        <v>45047</v>
      </c>
      <c r="P71" s="3">
        <v>47238</v>
      </c>
    </row>
    <row r="72" spans="1:16" x14ac:dyDescent="0.15">
      <c r="A72" s="2" t="s">
        <v>49</v>
      </c>
      <c r="B72" s="2" t="s">
        <v>626</v>
      </c>
      <c r="C72" s="4" t="s">
        <v>6</v>
      </c>
      <c r="D72" s="5" t="s">
        <v>627</v>
      </c>
      <c r="E72" s="5" t="s">
        <v>628</v>
      </c>
      <c r="F72" s="6" t="s">
        <v>5</v>
      </c>
      <c r="G72" s="2" t="s">
        <v>619</v>
      </c>
      <c r="H72" s="4" t="s">
        <v>29</v>
      </c>
      <c r="I72" s="5" t="s">
        <v>620</v>
      </c>
      <c r="J72" s="5" t="s">
        <v>621</v>
      </c>
      <c r="K72" s="5" t="s">
        <v>5</v>
      </c>
      <c r="L72" s="6" t="s">
        <v>5</v>
      </c>
      <c r="M72" s="2" t="s">
        <v>629</v>
      </c>
      <c r="N72" s="3">
        <v>32833</v>
      </c>
      <c r="O72" s="3">
        <v>45383</v>
      </c>
      <c r="P72" s="3">
        <v>47573</v>
      </c>
    </row>
    <row r="73" spans="1:16" x14ac:dyDescent="0.15">
      <c r="A73" s="2" t="s">
        <v>49</v>
      </c>
      <c r="B73" s="2" t="s">
        <v>630</v>
      </c>
      <c r="C73" s="4" t="s">
        <v>6</v>
      </c>
      <c r="D73" s="5" t="s">
        <v>631</v>
      </c>
      <c r="E73" s="5" t="s">
        <v>632</v>
      </c>
      <c r="F73" s="6" t="s">
        <v>5</v>
      </c>
      <c r="G73" s="2" t="s">
        <v>619</v>
      </c>
      <c r="H73" s="4" t="s">
        <v>29</v>
      </c>
      <c r="I73" s="5" t="s">
        <v>620</v>
      </c>
      <c r="J73" s="5" t="s">
        <v>621</v>
      </c>
      <c r="K73" s="5" t="s">
        <v>5</v>
      </c>
      <c r="L73" s="6" t="s">
        <v>5</v>
      </c>
      <c r="M73" s="2" t="s">
        <v>634</v>
      </c>
      <c r="N73" s="3">
        <v>42509</v>
      </c>
      <c r="O73" s="3">
        <v>44743</v>
      </c>
      <c r="P73" s="3">
        <v>46934</v>
      </c>
    </row>
    <row r="74" spans="1:16" x14ac:dyDescent="0.15">
      <c r="A74" s="2" t="s">
        <v>49</v>
      </c>
      <c r="B74" s="2" t="s">
        <v>649</v>
      </c>
      <c r="C74" s="4" t="s">
        <v>6</v>
      </c>
      <c r="D74" s="5" t="s">
        <v>179</v>
      </c>
      <c r="E74" s="5" t="s">
        <v>650</v>
      </c>
      <c r="F74" s="6" t="s">
        <v>651</v>
      </c>
      <c r="G74" s="2" t="s">
        <v>641</v>
      </c>
      <c r="H74" s="4" t="s">
        <v>642</v>
      </c>
      <c r="I74" s="5" t="s">
        <v>643</v>
      </c>
      <c r="J74" s="5" t="s">
        <v>644</v>
      </c>
      <c r="K74" s="5" t="s">
        <v>216</v>
      </c>
      <c r="L74" s="6" t="s">
        <v>5</v>
      </c>
      <c r="M74" s="2" t="s">
        <v>652</v>
      </c>
      <c r="N74" s="3">
        <v>42649</v>
      </c>
      <c r="O74" s="3">
        <v>45200</v>
      </c>
      <c r="P74" s="3">
        <v>47391</v>
      </c>
    </row>
    <row r="75" spans="1:16" x14ac:dyDescent="0.15">
      <c r="A75" s="2" t="s">
        <v>49</v>
      </c>
      <c r="B75" s="2" t="s">
        <v>656</v>
      </c>
      <c r="C75" s="4" t="s">
        <v>6</v>
      </c>
      <c r="D75" s="5" t="s">
        <v>657</v>
      </c>
      <c r="E75" s="5" t="s">
        <v>658</v>
      </c>
      <c r="F75" s="6" t="s">
        <v>47</v>
      </c>
      <c r="G75" s="2" t="s">
        <v>653</v>
      </c>
      <c r="H75" s="4" t="s">
        <v>9</v>
      </c>
      <c r="I75" s="5" t="s">
        <v>6</v>
      </c>
      <c r="J75" s="5" t="s">
        <v>654</v>
      </c>
      <c r="K75" s="5" t="s">
        <v>655</v>
      </c>
      <c r="L75" s="6" t="s">
        <v>5</v>
      </c>
      <c r="M75" s="2" t="s">
        <v>659</v>
      </c>
      <c r="N75" s="3">
        <v>44613</v>
      </c>
      <c r="O75" s="3">
        <v>44613</v>
      </c>
      <c r="P75" s="3">
        <v>46873</v>
      </c>
    </row>
    <row r="76" spans="1:16" x14ac:dyDescent="0.15">
      <c r="A76" s="2" t="s">
        <v>49</v>
      </c>
      <c r="B76" s="2" t="s">
        <v>688</v>
      </c>
      <c r="C76" s="4" t="s">
        <v>6</v>
      </c>
      <c r="D76" s="5" t="s">
        <v>689</v>
      </c>
      <c r="E76" s="5" t="s">
        <v>690</v>
      </c>
      <c r="F76" s="6" t="s">
        <v>5</v>
      </c>
      <c r="G76" s="2" t="s">
        <v>684</v>
      </c>
      <c r="H76" s="4" t="s">
        <v>685</v>
      </c>
      <c r="I76" s="5" t="s">
        <v>686</v>
      </c>
      <c r="J76" s="5" t="s">
        <v>687</v>
      </c>
      <c r="K76" s="5" t="s">
        <v>5</v>
      </c>
      <c r="L76" s="6" t="s">
        <v>5</v>
      </c>
      <c r="M76" s="2" t="s">
        <v>691</v>
      </c>
      <c r="N76" s="3">
        <v>44767</v>
      </c>
      <c r="O76" s="3">
        <v>44767</v>
      </c>
      <c r="P76" s="3">
        <v>47238</v>
      </c>
    </row>
    <row r="77" spans="1:16" x14ac:dyDescent="0.15">
      <c r="A77" s="2" t="s">
        <v>49</v>
      </c>
      <c r="B77" s="2" t="s">
        <v>692</v>
      </c>
      <c r="C77" s="4" t="s">
        <v>6</v>
      </c>
      <c r="D77" s="5" t="s">
        <v>434</v>
      </c>
      <c r="E77" s="5" t="s">
        <v>693</v>
      </c>
      <c r="F77" s="6" t="s">
        <v>5</v>
      </c>
      <c r="G77" s="2" t="s">
        <v>684</v>
      </c>
      <c r="H77" s="4" t="s">
        <v>685</v>
      </c>
      <c r="I77" s="5" t="s">
        <v>686</v>
      </c>
      <c r="J77" s="5" t="s">
        <v>687</v>
      </c>
      <c r="K77" s="5" t="s">
        <v>5</v>
      </c>
      <c r="L77" s="6" t="s">
        <v>5</v>
      </c>
      <c r="M77" s="2" t="s">
        <v>694</v>
      </c>
      <c r="N77" s="3">
        <v>44886</v>
      </c>
      <c r="O77" s="3">
        <v>44886</v>
      </c>
      <c r="P77" s="3">
        <v>47422</v>
      </c>
    </row>
    <row r="78" spans="1:16" x14ac:dyDescent="0.15">
      <c r="A78" s="2" t="s">
        <v>49</v>
      </c>
      <c r="B78" s="2" t="s">
        <v>695</v>
      </c>
      <c r="C78" s="4" t="s">
        <v>6</v>
      </c>
      <c r="D78" s="5" t="s">
        <v>696</v>
      </c>
      <c r="E78" s="5" t="s">
        <v>697</v>
      </c>
      <c r="F78" s="6" t="s">
        <v>5</v>
      </c>
      <c r="G78" s="2" t="s">
        <v>684</v>
      </c>
      <c r="H78" s="4" t="s">
        <v>685</v>
      </c>
      <c r="I78" s="5" t="s">
        <v>686</v>
      </c>
      <c r="J78" s="5" t="s">
        <v>687</v>
      </c>
      <c r="K78" s="5" t="s">
        <v>5</v>
      </c>
      <c r="L78" s="6" t="s">
        <v>5</v>
      </c>
      <c r="M78" s="2" t="s">
        <v>699</v>
      </c>
      <c r="N78" s="3">
        <v>43025</v>
      </c>
      <c r="O78" s="3">
        <v>45231</v>
      </c>
      <c r="P78" s="3">
        <v>47422</v>
      </c>
    </row>
    <row r="79" spans="1:16" x14ac:dyDescent="0.15">
      <c r="A79" s="2" t="s">
        <v>49</v>
      </c>
      <c r="B79" s="2" t="s">
        <v>702</v>
      </c>
      <c r="C79" s="4" t="s">
        <v>6</v>
      </c>
      <c r="D79" s="5" t="s">
        <v>631</v>
      </c>
      <c r="E79" s="5" t="s">
        <v>703</v>
      </c>
      <c r="F79" s="6" t="s">
        <v>5</v>
      </c>
      <c r="G79" s="2" t="s">
        <v>700</v>
      </c>
      <c r="H79" s="4" t="s">
        <v>9</v>
      </c>
      <c r="I79" s="5" t="s">
        <v>6</v>
      </c>
      <c r="J79" s="5" t="s">
        <v>701</v>
      </c>
      <c r="K79" s="5" t="s">
        <v>5</v>
      </c>
      <c r="L79" s="6" t="s">
        <v>5</v>
      </c>
      <c r="M79" s="2" t="s">
        <v>704</v>
      </c>
      <c r="N79" s="3">
        <v>37580</v>
      </c>
      <c r="O79" s="3">
        <v>44378</v>
      </c>
      <c r="P79" s="3">
        <v>46568</v>
      </c>
    </row>
    <row r="80" spans="1:16" x14ac:dyDescent="0.15">
      <c r="A80" s="2" t="s">
        <v>49</v>
      </c>
      <c r="B80" s="2" t="s">
        <v>705</v>
      </c>
      <c r="C80" s="4" t="s">
        <v>6</v>
      </c>
      <c r="D80" s="5" t="s">
        <v>179</v>
      </c>
      <c r="E80" s="5" t="s">
        <v>180</v>
      </c>
      <c r="F80" s="6" t="s">
        <v>706</v>
      </c>
      <c r="G80" s="2" t="s">
        <v>700</v>
      </c>
      <c r="H80" s="4" t="s">
        <v>9</v>
      </c>
      <c r="I80" s="5" t="s">
        <v>6</v>
      </c>
      <c r="J80" s="5" t="s">
        <v>701</v>
      </c>
      <c r="K80" s="5" t="s">
        <v>5</v>
      </c>
      <c r="L80" s="6" t="s">
        <v>5</v>
      </c>
      <c r="M80" s="2" t="s">
        <v>707</v>
      </c>
      <c r="N80" s="3">
        <v>44410</v>
      </c>
      <c r="O80" s="3">
        <v>44410</v>
      </c>
      <c r="P80" s="3">
        <v>46660</v>
      </c>
    </row>
    <row r="81" spans="1:16" x14ac:dyDescent="0.15">
      <c r="A81" s="2" t="s">
        <v>49</v>
      </c>
      <c r="B81" s="2" t="s">
        <v>708</v>
      </c>
      <c r="C81" s="4" t="s">
        <v>6</v>
      </c>
      <c r="D81" s="5" t="s">
        <v>449</v>
      </c>
      <c r="E81" s="5" t="s">
        <v>709</v>
      </c>
      <c r="F81" s="6" t="s">
        <v>5</v>
      </c>
      <c r="G81" s="2" t="s">
        <v>700</v>
      </c>
      <c r="H81" s="4" t="s">
        <v>9</v>
      </c>
      <c r="I81" s="5" t="s">
        <v>6</v>
      </c>
      <c r="J81" s="5" t="s">
        <v>701</v>
      </c>
      <c r="K81" s="5" t="s">
        <v>5</v>
      </c>
      <c r="L81" s="6" t="s">
        <v>5</v>
      </c>
      <c r="M81" s="2" t="s">
        <v>710</v>
      </c>
      <c r="N81" s="3">
        <v>36700</v>
      </c>
      <c r="O81" s="3">
        <v>44835</v>
      </c>
      <c r="P81" s="3">
        <v>47026</v>
      </c>
    </row>
    <row r="82" spans="1:16" x14ac:dyDescent="0.15">
      <c r="A82" s="2" t="s">
        <v>49</v>
      </c>
      <c r="B82" s="2" t="s">
        <v>728</v>
      </c>
      <c r="C82" s="4" t="s">
        <v>6</v>
      </c>
      <c r="D82" s="5" t="s">
        <v>729</v>
      </c>
      <c r="E82" s="5" t="s">
        <v>730</v>
      </c>
      <c r="F82" s="6" t="s">
        <v>5</v>
      </c>
      <c r="G82" s="2" t="s">
        <v>722</v>
      </c>
      <c r="H82" s="4" t="s">
        <v>724</v>
      </c>
      <c r="I82" s="5" t="s">
        <v>725</v>
      </c>
      <c r="J82" s="5" t="s">
        <v>726</v>
      </c>
      <c r="K82" s="5" t="s">
        <v>727</v>
      </c>
      <c r="L82" s="6" t="s">
        <v>5</v>
      </c>
      <c r="M82" s="2" t="s">
        <v>731</v>
      </c>
      <c r="N82" s="3">
        <v>44392</v>
      </c>
      <c r="O82" s="3">
        <v>44392</v>
      </c>
      <c r="P82" s="3">
        <v>46934</v>
      </c>
    </row>
    <row r="83" spans="1:16" x14ac:dyDescent="0.15">
      <c r="A83" s="2" t="s">
        <v>49</v>
      </c>
      <c r="B83" s="2" t="s">
        <v>732</v>
      </c>
      <c r="C83" s="4" t="s">
        <v>6</v>
      </c>
      <c r="D83" s="5" t="s">
        <v>733</v>
      </c>
      <c r="E83" s="5" t="s">
        <v>734</v>
      </c>
      <c r="F83" s="6" t="s">
        <v>5</v>
      </c>
      <c r="G83" s="2" t="s">
        <v>722</v>
      </c>
      <c r="H83" s="4" t="s">
        <v>724</v>
      </c>
      <c r="I83" s="5" t="s">
        <v>725</v>
      </c>
      <c r="J83" s="5" t="s">
        <v>726</v>
      </c>
      <c r="K83" s="5" t="s">
        <v>727</v>
      </c>
      <c r="L83" s="6" t="s">
        <v>5</v>
      </c>
      <c r="M83" s="2" t="s">
        <v>735</v>
      </c>
      <c r="N83" s="3">
        <v>40269</v>
      </c>
      <c r="O83" s="3">
        <v>44682</v>
      </c>
      <c r="P83" s="3">
        <v>46873</v>
      </c>
    </row>
    <row r="84" spans="1:16" x14ac:dyDescent="0.15">
      <c r="A84" s="2" t="s">
        <v>49</v>
      </c>
      <c r="B84" s="2" t="s">
        <v>739</v>
      </c>
      <c r="C84" s="4" t="s">
        <v>6</v>
      </c>
      <c r="D84" s="5" t="s">
        <v>737</v>
      </c>
      <c r="E84" s="5" t="s">
        <v>738</v>
      </c>
      <c r="F84" s="6" t="s">
        <v>5</v>
      </c>
      <c r="G84" s="2" t="s">
        <v>736</v>
      </c>
      <c r="H84" s="4" t="s">
        <v>9</v>
      </c>
      <c r="I84" s="5" t="s">
        <v>6</v>
      </c>
      <c r="J84" s="5" t="s">
        <v>737</v>
      </c>
      <c r="K84" s="5" t="s">
        <v>738</v>
      </c>
      <c r="L84" s="6" t="s">
        <v>5</v>
      </c>
      <c r="M84" s="2" t="s">
        <v>740</v>
      </c>
      <c r="N84" s="3">
        <v>38446</v>
      </c>
      <c r="O84" s="3">
        <v>44378</v>
      </c>
      <c r="P84" s="3">
        <v>46203</v>
      </c>
    </row>
    <row r="85" spans="1:16" x14ac:dyDescent="0.15">
      <c r="A85" s="2" t="s">
        <v>49</v>
      </c>
      <c r="B85" s="2" t="s">
        <v>761</v>
      </c>
      <c r="C85" s="4" t="s">
        <v>6</v>
      </c>
      <c r="D85" s="5" t="s">
        <v>762</v>
      </c>
      <c r="E85" s="5" t="s">
        <v>763</v>
      </c>
      <c r="F85" s="6" t="s">
        <v>5</v>
      </c>
      <c r="G85" s="2" t="s">
        <v>758</v>
      </c>
      <c r="H85" s="4" t="s">
        <v>642</v>
      </c>
      <c r="I85" s="5" t="s">
        <v>643</v>
      </c>
      <c r="J85" s="5" t="s">
        <v>759</v>
      </c>
      <c r="K85" s="5" t="s">
        <v>760</v>
      </c>
      <c r="L85" s="6" t="s">
        <v>5</v>
      </c>
      <c r="M85" s="2" t="s">
        <v>764</v>
      </c>
      <c r="N85" s="3">
        <v>36847</v>
      </c>
      <c r="O85" s="3">
        <v>44378</v>
      </c>
      <c r="P85" s="3">
        <v>46568</v>
      </c>
    </row>
    <row r="86" spans="1:16" x14ac:dyDescent="0.15">
      <c r="A86" s="2" t="s">
        <v>49</v>
      </c>
      <c r="B86" s="2" t="s">
        <v>783</v>
      </c>
      <c r="C86" s="4" t="s">
        <v>6</v>
      </c>
      <c r="D86" s="5" t="s">
        <v>330</v>
      </c>
      <c r="E86" s="5" t="s">
        <v>784</v>
      </c>
      <c r="F86" s="6" t="s">
        <v>5</v>
      </c>
      <c r="G86" s="2" t="s">
        <v>778</v>
      </c>
      <c r="H86" s="4" t="s">
        <v>779</v>
      </c>
      <c r="I86" s="5" t="s">
        <v>780</v>
      </c>
      <c r="J86" s="5" t="s">
        <v>781</v>
      </c>
      <c r="K86" s="5" t="s">
        <v>782</v>
      </c>
      <c r="L86" s="6" t="s">
        <v>5</v>
      </c>
      <c r="M86" s="2" t="s">
        <v>785</v>
      </c>
      <c r="N86" s="3">
        <v>44365</v>
      </c>
      <c r="O86" s="3">
        <v>44365</v>
      </c>
      <c r="P86" s="3">
        <v>46934</v>
      </c>
    </row>
    <row r="87" spans="1:16" x14ac:dyDescent="0.15">
      <c r="A87" s="2" t="s">
        <v>49</v>
      </c>
      <c r="B87" s="2" t="s">
        <v>786</v>
      </c>
      <c r="C87" s="4" t="s">
        <v>6</v>
      </c>
      <c r="D87" s="5" t="s">
        <v>207</v>
      </c>
      <c r="E87" s="5" t="s">
        <v>787</v>
      </c>
      <c r="F87" s="6" t="s">
        <v>5</v>
      </c>
      <c r="G87" s="2" t="s">
        <v>778</v>
      </c>
      <c r="H87" s="4" t="s">
        <v>779</v>
      </c>
      <c r="I87" s="5" t="s">
        <v>780</v>
      </c>
      <c r="J87" s="5" t="s">
        <v>781</v>
      </c>
      <c r="K87" s="5" t="s">
        <v>782</v>
      </c>
      <c r="L87" s="6" t="s">
        <v>5</v>
      </c>
      <c r="M87" s="2" t="s">
        <v>788</v>
      </c>
      <c r="N87" s="3">
        <v>42447</v>
      </c>
      <c r="O87" s="3">
        <v>45047</v>
      </c>
      <c r="P87" s="3">
        <v>47603</v>
      </c>
    </row>
    <row r="88" spans="1:16" x14ac:dyDescent="0.15">
      <c r="A88" s="2" t="s">
        <v>49</v>
      </c>
      <c r="B88" s="2" t="s">
        <v>791</v>
      </c>
      <c r="C88" s="4" t="s">
        <v>6</v>
      </c>
      <c r="D88" s="5" t="s">
        <v>179</v>
      </c>
      <c r="E88" s="5" t="s">
        <v>180</v>
      </c>
      <c r="F88" s="6" t="s">
        <v>792</v>
      </c>
      <c r="G88" s="2" t="s">
        <v>789</v>
      </c>
      <c r="H88" s="4" t="s">
        <v>9</v>
      </c>
      <c r="I88" s="5" t="s">
        <v>6</v>
      </c>
      <c r="J88" s="5" t="s">
        <v>790</v>
      </c>
      <c r="K88" s="5" t="s">
        <v>5</v>
      </c>
      <c r="L88" s="6" t="s">
        <v>5</v>
      </c>
      <c r="M88" s="2" t="s">
        <v>794</v>
      </c>
      <c r="N88" s="3">
        <v>36983</v>
      </c>
      <c r="O88" s="3">
        <v>44835</v>
      </c>
      <c r="P88" s="3">
        <v>46660</v>
      </c>
    </row>
    <row r="89" spans="1:16" x14ac:dyDescent="0.15">
      <c r="A89" s="2" t="s">
        <v>49</v>
      </c>
      <c r="B89" s="2" t="s">
        <v>803</v>
      </c>
      <c r="C89" s="4" t="s">
        <v>6</v>
      </c>
      <c r="D89" s="5" t="s">
        <v>207</v>
      </c>
      <c r="E89" s="5" t="s">
        <v>804</v>
      </c>
      <c r="F89" s="6" t="s">
        <v>5</v>
      </c>
      <c r="G89" s="2" t="s">
        <v>800</v>
      </c>
      <c r="H89" s="4" t="s">
        <v>9</v>
      </c>
      <c r="I89" s="5" t="s">
        <v>6</v>
      </c>
      <c r="J89" s="5" t="s">
        <v>801</v>
      </c>
      <c r="K89" s="5" t="s">
        <v>802</v>
      </c>
      <c r="L89" s="6" t="s">
        <v>5</v>
      </c>
      <c r="M89" s="2" t="s">
        <v>805</v>
      </c>
      <c r="N89" s="3">
        <v>45108</v>
      </c>
      <c r="O89" s="3">
        <v>45108</v>
      </c>
      <c r="P89" s="3">
        <v>47603</v>
      </c>
    </row>
    <row r="90" spans="1:16" x14ac:dyDescent="0.15">
      <c r="A90" s="2" t="s">
        <v>49</v>
      </c>
      <c r="B90" s="2" t="s">
        <v>825</v>
      </c>
      <c r="C90" s="4" t="s">
        <v>6</v>
      </c>
      <c r="D90" s="5" t="s">
        <v>826</v>
      </c>
      <c r="E90" s="5" t="s">
        <v>5</v>
      </c>
      <c r="F90" s="6" t="s">
        <v>5</v>
      </c>
      <c r="G90" s="2" t="s">
        <v>823</v>
      </c>
      <c r="H90" s="4" t="s">
        <v>9</v>
      </c>
      <c r="I90" s="5" t="s">
        <v>6</v>
      </c>
      <c r="J90" s="5" t="s">
        <v>824</v>
      </c>
      <c r="K90" s="5" t="s">
        <v>5</v>
      </c>
      <c r="L90" s="6" t="s">
        <v>5</v>
      </c>
      <c r="M90" s="2" t="s">
        <v>827</v>
      </c>
      <c r="N90" s="3">
        <v>40193</v>
      </c>
      <c r="O90" s="3">
        <v>44835</v>
      </c>
      <c r="P90" s="3">
        <v>47026</v>
      </c>
    </row>
    <row r="91" spans="1:16" x14ac:dyDescent="0.15">
      <c r="A91" s="2" t="s">
        <v>49</v>
      </c>
      <c r="B91" s="2" t="s">
        <v>829</v>
      </c>
      <c r="C91" s="4" t="s">
        <v>6</v>
      </c>
      <c r="D91" s="5" t="s">
        <v>169</v>
      </c>
      <c r="E91" s="5" t="s">
        <v>830</v>
      </c>
      <c r="F91" s="6" t="s">
        <v>5</v>
      </c>
      <c r="G91" s="2" t="s">
        <v>823</v>
      </c>
      <c r="H91" s="4" t="s">
        <v>9</v>
      </c>
      <c r="I91" s="5" t="s">
        <v>6</v>
      </c>
      <c r="J91" s="5" t="s">
        <v>824</v>
      </c>
      <c r="K91" s="5" t="s">
        <v>5</v>
      </c>
      <c r="L91" s="6" t="s">
        <v>5</v>
      </c>
      <c r="M91" s="2" t="s">
        <v>831</v>
      </c>
      <c r="N91" s="3">
        <v>44832</v>
      </c>
      <c r="O91" s="3">
        <v>44832</v>
      </c>
      <c r="P91" s="3">
        <v>47208</v>
      </c>
    </row>
    <row r="92" spans="1:16" x14ac:dyDescent="0.15">
      <c r="A92" s="2" t="s">
        <v>49</v>
      </c>
      <c r="B92" s="2" t="s">
        <v>844</v>
      </c>
      <c r="C92" s="4" t="s">
        <v>6</v>
      </c>
      <c r="D92" s="5" t="s">
        <v>79</v>
      </c>
      <c r="E92" s="5" t="s">
        <v>80</v>
      </c>
      <c r="F92" s="6" t="s">
        <v>845</v>
      </c>
      <c r="G92" s="2" t="s">
        <v>841</v>
      </c>
      <c r="H92" s="4" t="s">
        <v>9</v>
      </c>
      <c r="I92" s="5" t="s">
        <v>6</v>
      </c>
      <c r="J92" s="5" t="s">
        <v>842</v>
      </c>
      <c r="K92" s="5" t="s">
        <v>843</v>
      </c>
      <c r="L92" s="6" t="s">
        <v>5</v>
      </c>
      <c r="M92" s="2" t="s">
        <v>846</v>
      </c>
      <c r="N92" s="3">
        <v>44375</v>
      </c>
      <c r="O92" s="3">
        <v>44375</v>
      </c>
      <c r="P92" s="3">
        <v>46691</v>
      </c>
    </row>
    <row r="93" spans="1:16" x14ac:dyDescent="0.15">
      <c r="A93" s="2" t="s">
        <v>49</v>
      </c>
      <c r="B93" s="2" t="s">
        <v>850</v>
      </c>
      <c r="C93" s="4" t="s">
        <v>6</v>
      </c>
      <c r="D93" s="5" t="s">
        <v>464</v>
      </c>
      <c r="E93" s="5" t="s">
        <v>851</v>
      </c>
      <c r="F93" s="6" t="s">
        <v>852</v>
      </c>
      <c r="G93" s="2" t="s">
        <v>847</v>
      </c>
      <c r="H93" s="4" t="s">
        <v>9</v>
      </c>
      <c r="I93" s="5" t="s">
        <v>6</v>
      </c>
      <c r="J93" s="5" t="s">
        <v>848</v>
      </c>
      <c r="K93" s="5" t="s">
        <v>849</v>
      </c>
      <c r="L93" s="6" t="s">
        <v>5</v>
      </c>
      <c r="M93" s="2" t="s">
        <v>853</v>
      </c>
      <c r="N93" s="3">
        <v>44370</v>
      </c>
      <c r="O93" s="3">
        <v>44370</v>
      </c>
      <c r="P93" s="3">
        <v>46904</v>
      </c>
    </row>
    <row r="94" spans="1:16" x14ac:dyDescent="0.15">
      <c r="A94" s="2" t="s">
        <v>49</v>
      </c>
      <c r="B94" s="2" t="s">
        <v>863</v>
      </c>
      <c r="C94" s="4" t="s">
        <v>6</v>
      </c>
      <c r="D94" s="5" t="s">
        <v>290</v>
      </c>
      <c r="E94" s="5" t="s">
        <v>864</v>
      </c>
      <c r="F94" s="6" t="s">
        <v>5</v>
      </c>
      <c r="G94" s="2" t="s">
        <v>860</v>
      </c>
      <c r="H94" s="4" t="s">
        <v>9</v>
      </c>
      <c r="I94" s="5" t="s">
        <v>663</v>
      </c>
      <c r="J94" s="5" t="s">
        <v>861</v>
      </c>
      <c r="K94" s="5" t="s">
        <v>862</v>
      </c>
      <c r="L94" s="6" t="s">
        <v>5</v>
      </c>
      <c r="M94" s="2" t="s">
        <v>865</v>
      </c>
      <c r="N94" s="3">
        <v>44398</v>
      </c>
      <c r="O94" s="3">
        <v>44398</v>
      </c>
      <c r="P94" s="3">
        <v>46843</v>
      </c>
    </row>
    <row r="95" spans="1:16" x14ac:dyDescent="0.15">
      <c r="A95" s="2" t="s">
        <v>49</v>
      </c>
      <c r="B95" s="2" t="s">
        <v>866</v>
      </c>
      <c r="C95" s="4" t="s">
        <v>6</v>
      </c>
      <c r="D95" s="5" t="s">
        <v>729</v>
      </c>
      <c r="E95" s="5" t="s">
        <v>867</v>
      </c>
      <c r="F95" s="6" t="s">
        <v>5</v>
      </c>
      <c r="G95" s="2" t="s">
        <v>860</v>
      </c>
      <c r="H95" s="4" t="s">
        <v>9</v>
      </c>
      <c r="I95" s="5" t="s">
        <v>663</v>
      </c>
      <c r="J95" s="5" t="s">
        <v>861</v>
      </c>
      <c r="K95" s="5" t="s">
        <v>862</v>
      </c>
      <c r="L95" s="6" t="s">
        <v>5</v>
      </c>
      <c r="M95" s="2" t="s">
        <v>868</v>
      </c>
      <c r="N95" s="3">
        <v>42258</v>
      </c>
      <c r="O95" s="3">
        <v>44743</v>
      </c>
      <c r="P95" s="3">
        <v>46934</v>
      </c>
    </row>
    <row r="96" spans="1:16" x14ac:dyDescent="0.15">
      <c r="A96" s="2" t="s">
        <v>49</v>
      </c>
      <c r="B96" s="2" t="s">
        <v>872</v>
      </c>
      <c r="C96" s="4" t="s">
        <v>6</v>
      </c>
      <c r="D96" s="5" t="s">
        <v>174</v>
      </c>
      <c r="E96" s="5" t="s">
        <v>873</v>
      </c>
      <c r="F96" s="6" t="s">
        <v>5</v>
      </c>
      <c r="G96" s="2" t="s">
        <v>869</v>
      </c>
      <c r="H96" s="4" t="s">
        <v>9</v>
      </c>
      <c r="I96" s="5" t="s">
        <v>6</v>
      </c>
      <c r="J96" s="5" t="s">
        <v>870</v>
      </c>
      <c r="K96" s="5" t="s">
        <v>871</v>
      </c>
      <c r="L96" s="6" t="s">
        <v>5</v>
      </c>
      <c r="M96" s="2" t="s">
        <v>874</v>
      </c>
      <c r="N96" s="3">
        <v>42077</v>
      </c>
      <c r="O96" s="3">
        <v>44470</v>
      </c>
      <c r="P96" s="3">
        <v>46660</v>
      </c>
    </row>
    <row r="97" spans="1:16" x14ac:dyDescent="0.15">
      <c r="A97" s="2" t="s">
        <v>49</v>
      </c>
      <c r="B97" s="2" t="s">
        <v>875</v>
      </c>
      <c r="C97" s="4" t="s">
        <v>6</v>
      </c>
      <c r="D97" s="5" t="s">
        <v>174</v>
      </c>
      <c r="E97" s="5" t="s">
        <v>873</v>
      </c>
      <c r="F97" s="6" t="s">
        <v>5</v>
      </c>
      <c r="G97" s="2" t="s">
        <v>869</v>
      </c>
      <c r="H97" s="4" t="s">
        <v>9</v>
      </c>
      <c r="I97" s="5" t="s">
        <v>6</v>
      </c>
      <c r="J97" s="5" t="s">
        <v>870</v>
      </c>
      <c r="K97" s="5" t="s">
        <v>871</v>
      </c>
      <c r="L97" s="6" t="s">
        <v>5</v>
      </c>
      <c r="M97" s="2" t="s">
        <v>876</v>
      </c>
      <c r="N97" s="3">
        <v>42077</v>
      </c>
      <c r="O97" s="3">
        <v>44470</v>
      </c>
      <c r="P97" s="3">
        <v>46660</v>
      </c>
    </row>
    <row r="98" spans="1:16" x14ac:dyDescent="0.15">
      <c r="A98" s="2" t="s">
        <v>49</v>
      </c>
      <c r="B98" s="2" t="s">
        <v>882</v>
      </c>
      <c r="C98" s="4" t="s">
        <v>6</v>
      </c>
      <c r="D98" s="5" t="s">
        <v>870</v>
      </c>
      <c r="E98" s="5" t="s">
        <v>871</v>
      </c>
      <c r="F98" s="6" t="s">
        <v>5</v>
      </c>
      <c r="G98" s="2" t="s">
        <v>869</v>
      </c>
      <c r="H98" s="4" t="s">
        <v>9</v>
      </c>
      <c r="I98" s="5" t="s">
        <v>6</v>
      </c>
      <c r="J98" s="5" t="s">
        <v>870</v>
      </c>
      <c r="K98" s="5" t="s">
        <v>871</v>
      </c>
      <c r="L98" s="6" t="s">
        <v>5</v>
      </c>
      <c r="M98" s="2" t="s">
        <v>883</v>
      </c>
      <c r="N98" s="3">
        <v>31870</v>
      </c>
      <c r="O98" s="3">
        <v>45383</v>
      </c>
      <c r="P98" s="3">
        <v>47573</v>
      </c>
    </row>
    <row r="99" spans="1:16" x14ac:dyDescent="0.15">
      <c r="A99" s="2" t="s">
        <v>49</v>
      </c>
      <c r="B99" s="2" t="s">
        <v>886</v>
      </c>
      <c r="C99" s="4" t="s">
        <v>6</v>
      </c>
      <c r="D99" s="5" t="s">
        <v>616</v>
      </c>
      <c r="E99" s="5" t="s">
        <v>887</v>
      </c>
      <c r="F99" s="6" t="s">
        <v>888</v>
      </c>
      <c r="G99" s="2" t="s">
        <v>884</v>
      </c>
      <c r="H99" s="4" t="s">
        <v>9</v>
      </c>
      <c r="I99" s="5" t="s">
        <v>6</v>
      </c>
      <c r="J99" s="5" t="s">
        <v>885</v>
      </c>
      <c r="K99" s="5" t="s">
        <v>5</v>
      </c>
      <c r="L99" s="6" t="s">
        <v>5</v>
      </c>
      <c r="M99" s="2" t="s">
        <v>889</v>
      </c>
      <c r="N99" s="3">
        <v>44386</v>
      </c>
      <c r="O99" s="3">
        <v>44386</v>
      </c>
      <c r="P99" s="3">
        <v>46721</v>
      </c>
    </row>
    <row r="100" spans="1:16" x14ac:dyDescent="0.15">
      <c r="A100" s="2" t="s">
        <v>49</v>
      </c>
      <c r="B100" s="2" t="s">
        <v>890</v>
      </c>
      <c r="C100" s="4" t="s">
        <v>6</v>
      </c>
      <c r="D100" s="5" t="s">
        <v>500</v>
      </c>
      <c r="E100" s="5" t="s">
        <v>891</v>
      </c>
      <c r="F100" s="6" t="s">
        <v>892</v>
      </c>
      <c r="G100" s="2" t="s">
        <v>884</v>
      </c>
      <c r="H100" s="4" t="s">
        <v>9</v>
      </c>
      <c r="I100" s="5" t="s">
        <v>6</v>
      </c>
      <c r="J100" s="5" t="s">
        <v>885</v>
      </c>
      <c r="K100" s="5" t="s">
        <v>5</v>
      </c>
      <c r="L100" s="6" t="s">
        <v>5</v>
      </c>
      <c r="M100" s="2" t="s">
        <v>893</v>
      </c>
      <c r="N100" s="3">
        <v>45056</v>
      </c>
      <c r="O100" s="3">
        <v>45056</v>
      </c>
      <c r="P100" s="3">
        <v>47269</v>
      </c>
    </row>
    <row r="101" spans="1:16" x14ac:dyDescent="0.15">
      <c r="A101" s="2" t="s">
        <v>49</v>
      </c>
      <c r="B101" s="2" t="s">
        <v>901</v>
      </c>
      <c r="C101" s="4" t="s">
        <v>6</v>
      </c>
      <c r="D101" s="5" t="s">
        <v>99</v>
      </c>
      <c r="E101" s="5" t="s">
        <v>902</v>
      </c>
      <c r="F101" s="6" t="s">
        <v>5</v>
      </c>
      <c r="G101" s="2" t="s">
        <v>899</v>
      </c>
      <c r="H101" s="4" t="s">
        <v>9</v>
      </c>
      <c r="I101" s="5" t="s">
        <v>6</v>
      </c>
      <c r="J101" s="5" t="s">
        <v>169</v>
      </c>
      <c r="K101" s="5" t="s">
        <v>900</v>
      </c>
      <c r="L101" s="6" t="s">
        <v>5</v>
      </c>
      <c r="M101" s="2" t="s">
        <v>903</v>
      </c>
      <c r="N101" s="3">
        <v>44379</v>
      </c>
      <c r="O101" s="3">
        <v>44379</v>
      </c>
      <c r="P101" s="3">
        <v>46934</v>
      </c>
    </row>
    <row r="102" spans="1:16" x14ac:dyDescent="0.15">
      <c r="A102" s="2" t="s">
        <v>49</v>
      </c>
      <c r="B102" s="2" t="s">
        <v>947</v>
      </c>
      <c r="C102" s="4" t="s">
        <v>6</v>
      </c>
      <c r="D102" s="5" t="s">
        <v>179</v>
      </c>
      <c r="E102" s="5" t="s">
        <v>180</v>
      </c>
      <c r="F102" s="6" t="s">
        <v>948</v>
      </c>
      <c r="G102" s="2" t="s">
        <v>945</v>
      </c>
      <c r="H102" s="4" t="s">
        <v>9</v>
      </c>
      <c r="I102" s="5" t="s">
        <v>6</v>
      </c>
      <c r="J102" s="5" t="s">
        <v>140</v>
      </c>
      <c r="K102" s="5" t="s">
        <v>946</v>
      </c>
      <c r="L102" s="6" t="s">
        <v>5</v>
      </c>
      <c r="M102" s="2" t="s">
        <v>949</v>
      </c>
      <c r="N102" s="3">
        <v>44372</v>
      </c>
      <c r="O102" s="3">
        <v>44372</v>
      </c>
      <c r="P102" s="3">
        <v>46660</v>
      </c>
    </row>
    <row r="103" spans="1:16" x14ac:dyDescent="0.15">
      <c r="A103" s="2" t="s">
        <v>49</v>
      </c>
      <c r="B103" s="2" t="s">
        <v>950</v>
      </c>
      <c r="C103" s="4" t="s">
        <v>6</v>
      </c>
      <c r="D103" s="5" t="s">
        <v>174</v>
      </c>
      <c r="E103" s="5" t="s">
        <v>951</v>
      </c>
      <c r="F103" s="6" t="s">
        <v>5</v>
      </c>
      <c r="G103" s="2" t="s">
        <v>945</v>
      </c>
      <c r="H103" s="4" t="s">
        <v>9</v>
      </c>
      <c r="I103" s="5" t="s">
        <v>6</v>
      </c>
      <c r="J103" s="5" t="s">
        <v>140</v>
      </c>
      <c r="K103" s="5" t="s">
        <v>946</v>
      </c>
      <c r="L103" s="6" t="s">
        <v>5</v>
      </c>
      <c r="M103" s="2" t="s">
        <v>952</v>
      </c>
      <c r="N103" s="3">
        <v>44630</v>
      </c>
      <c r="O103" s="3">
        <v>44630</v>
      </c>
      <c r="P103" s="3">
        <v>47391</v>
      </c>
    </row>
    <row r="104" spans="1:16" x14ac:dyDescent="0.15">
      <c r="A104" s="2" t="s">
        <v>49</v>
      </c>
      <c r="B104" s="2" t="s">
        <v>953</v>
      </c>
      <c r="C104" s="4" t="s">
        <v>6</v>
      </c>
      <c r="D104" s="5" t="s">
        <v>954</v>
      </c>
      <c r="E104" s="5" t="s">
        <v>955</v>
      </c>
      <c r="F104" s="6" t="s">
        <v>956</v>
      </c>
      <c r="G104" s="2" t="s">
        <v>945</v>
      </c>
      <c r="H104" s="4" t="s">
        <v>9</v>
      </c>
      <c r="I104" s="5" t="s">
        <v>6</v>
      </c>
      <c r="J104" s="5" t="s">
        <v>140</v>
      </c>
      <c r="K104" s="5" t="s">
        <v>946</v>
      </c>
      <c r="L104" s="6" t="s">
        <v>5</v>
      </c>
      <c r="M104" s="2" t="s">
        <v>957</v>
      </c>
      <c r="N104" s="3">
        <v>44649</v>
      </c>
      <c r="O104" s="3">
        <v>44649</v>
      </c>
      <c r="P104" s="3">
        <v>47026</v>
      </c>
    </row>
    <row r="105" spans="1:16" x14ac:dyDescent="0.15">
      <c r="A105" s="2" t="s">
        <v>49</v>
      </c>
      <c r="B105" s="2" t="s">
        <v>961</v>
      </c>
      <c r="C105" s="4" t="s">
        <v>6</v>
      </c>
      <c r="D105" s="5" t="s">
        <v>962</v>
      </c>
      <c r="E105" s="5" t="s">
        <v>963</v>
      </c>
      <c r="F105" s="6" t="s">
        <v>964</v>
      </c>
      <c r="G105" s="2" t="s">
        <v>958</v>
      </c>
      <c r="H105" s="4" t="s">
        <v>9</v>
      </c>
      <c r="I105" s="5" t="s">
        <v>6</v>
      </c>
      <c r="J105" s="5" t="s">
        <v>959</v>
      </c>
      <c r="K105" s="5" t="s">
        <v>960</v>
      </c>
      <c r="L105" s="6" t="s">
        <v>5</v>
      </c>
      <c r="M105" s="2" t="s">
        <v>965</v>
      </c>
      <c r="N105" s="3">
        <v>44372</v>
      </c>
      <c r="O105" s="3">
        <v>44372</v>
      </c>
      <c r="P105" s="3">
        <v>46721</v>
      </c>
    </row>
    <row r="106" spans="1:16" x14ac:dyDescent="0.15">
      <c r="A106" s="2" t="s">
        <v>49</v>
      </c>
      <c r="B106" s="2" t="s">
        <v>966</v>
      </c>
      <c r="C106" s="4" t="s">
        <v>6</v>
      </c>
      <c r="D106" s="5" t="s">
        <v>967</v>
      </c>
      <c r="E106" s="5" t="s">
        <v>968</v>
      </c>
      <c r="F106" s="6" t="s">
        <v>969</v>
      </c>
      <c r="G106" s="2" t="s">
        <v>958</v>
      </c>
      <c r="H106" s="4" t="s">
        <v>9</v>
      </c>
      <c r="I106" s="5" t="s">
        <v>6</v>
      </c>
      <c r="J106" s="5" t="s">
        <v>959</v>
      </c>
      <c r="K106" s="5" t="s">
        <v>960</v>
      </c>
      <c r="L106" s="6" t="s">
        <v>5</v>
      </c>
      <c r="M106" s="2" t="s">
        <v>970</v>
      </c>
      <c r="N106" s="3">
        <v>44910</v>
      </c>
      <c r="O106" s="3">
        <v>44910</v>
      </c>
      <c r="P106" s="3">
        <v>47391</v>
      </c>
    </row>
    <row r="107" spans="1:16" x14ac:dyDescent="0.15">
      <c r="A107" s="2" t="s">
        <v>49</v>
      </c>
      <c r="B107" s="2" t="s">
        <v>985</v>
      </c>
      <c r="C107" s="4" t="s">
        <v>6</v>
      </c>
      <c r="D107" s="5" t="s">
        <v>986</v>
      </c>
      <c r="E107" s="5" t="s">
        <v>987</v>
      </c>
      <c r="F107" s="6" t="s">
        <v>5</v>
      </c>
      <c r="G107" s="2" t="s">
        <v>983</v>
      </c>
      <c r="H107" s="4" t="s">
        <v>9</v>
      </c>
      <c r="I107" s="5" t="s">
        <v>6</v>
      </c>
      <c r="J107" s="5" t="s">
        <v>984</v>
      </c>
      <c r="K107" s="5" t="s">
        <v>403</v>
      </c>
      <c r="L107" s="6" t="s">
        <v>5</v>
      </c>
      <c r="M107" s="2" t="s">
        <v>988</v>
      </c>
      <c r="N107" s="3">
        <v>29404</v>
      </c>
      <c r="O107" s="3">
        <v>44378</v>
      </c>
      <c r="P107" s="3">
        <v>46203</v>
      </c>
    </row>
    <row r="108" spans="1:16" x14ac:dyDescent="0.15">
      <c r="A108" s="2" t="s">
        <v>49</v>
      </c>
      <c r="B108" s="2" t="s">
        <v>992</v>
      </c>
      <c r="C108" s="4" t="s">
        <v>6</v>
      </c>
      <c r="D108" s="5" t="s">
        <v>408</v>
      </c>
      <c r="E108" s="5" t="s">
        <v>993</v>
      </c>
      <c r="F108" s="6" t="s">
        <v>5</v>
      </c>
      <c r="G108" s="2" t="s">
        <v>989</v>
      </c>
      <c r="H108" s="4" t="s">
        <v>9</v>
      </c>
      <c r="I108" s="5" t="s">
        <v>6</v>
      </c>
      <c r="J108" s="5" t="s">
        <v>990</v>
      </c>
      <c r="K108" s="5" t="s">
        <v>991</v>
      </c>
      <c r="L108" s="6" t="s">
        <v>5</v>
      </c>
      <c r="M108" s="2" t="s">
        <v>994</v>
      </c>
      <c r="N108" s="3">
        <v>44384</v>
      </c>
      <c r="O108" s="3">
        <v>44384</v>
      </c>
      <c r="P108" s="3">
        <v>46660</v>
      </c>
    </row>
    <row r="109" spans="1:16" x14ac:dyDescent="0.15">
      <c r="A109" s="2" t="s">
        <v>49</v>
      </c>
      <c r="B109" s="2" t="s">
        <v>999</v>
      </c>
      <c r="C109" s="4" t="s">
        <v>6</v>
      </c>
      <c r="D109" s="5" t="s">
        <v>1000</v>
      </c>
      <c r="E109" s="5" t="s">
        <v>1001</v>
      </c>
      <c r="F109" s="6" t="s">
        <v>5</v>
      </c>
      <c r="G109" s="2" t="s">
        <v>996</v>
      </c>
      <c r="H109" s="4" t="s">
        <v>9</v>
      </c>
      <c r="I109" s="5" t="s">
        <v>6</v>
      </c>
      <c r="J109" s="5" t="s">
        <v>997</v>
      </c>
      <c r="K109" s="5" t="s">
        <v>998</v>
      </c>
      <c r="L109" s="6" t="s">
        <v>5</v>
      </c>
      <c r="M109" s="2" t="s">
        <v>1002</v>
      </c>
      <c r="N109" s="3">
        <v>41128</v>
      </c>
      <c r="O109" s="3">
        <v>43374</v>
      </c>
      <c r="P109" s="3">
        <v>45565</v>
      </c>
    </row>
    <row r="110" spans="1:16" x14ac:dyDescent="0.15">
      <c r="A110" s="2" t="s">
        <v>49</v>
      </c>
      <c r="B110" s="2" t="s">
        <v>1003</v>
      </c>
      <c r="C110" s="4" t="s">
        <v>6</v>
      </c>
      <c r="D110" s="5" t="s">
        <v>806</v>
      </c>
      <c r="E110" s="5" t="s">
        <v>1004</v>
      </c>
      <c r="F110" s="6" t="s">
        <v>5</v>
      </c>
      <c r="G110" s="2" t="s">
        <v>996</v>
      </c>
      <c r="H110" s="4" t="s">
        <v>9</v>
      </c>
      <c r="I110" s="5" t="s">
        <v>6</v>
      </c>
      <c r="J110" s="5" t="s">
        <v>997</v>
      </c>
      <c r="K110" s="5" t="s">
        <v>998</v>
      </c>
      <c r="L110" s="6" t="s">
        <v>5</v>
      </c>
      <c r="M110" s="2" t="s">
        <v>1005</v>
      </c>
      <c r="N110" s="3">
        <v>42155</v>
      </c>
      <c r="O110" s="3">
        <v>44652</v>
      </c>
      <c r="P110" s="3">
        <v>46843</v>
      </c>
    </row>
    <row r="111" spans="1:16" x14ac:dyDescent="0.15">
      <c r="A111" s="2" t="s">
        <v>49</v>
      </c>
      <c r="B111" s="2" t="s">
        <v>1006</v>
      </c>
      <c r="C111" s="4" t="s">
        <v>6</v>
      </c>
      <c r="D111" s="5" t="s">
        <v>348</v>
      </c>
      <c r="E111" s="5" t="s">
        <v>1007</v>
      </c>
      <c r="F111" s="6" t="s">
        <v>5</v>
      </c>
      <c r="G111" s="2" t="s">
        <v>996</v>
      </c>
      <c r="H111" s="4" t="s">
        <v>9</v>
      </c>
      <c r="I111" s="5" t="s">
        <v>6</v>
      </c>
      <c r="J111" s="5" t="s">
        <v>997</v>
      </c>
      <c r="K111" s="5" t="s">
        <v>998</v>
      </c>
      <c r="L111" s="6" t="s">
        <v>5</v>
      </c>
      <c r="M111" s="2" t="s">
        <v>1008</v>
      </c>
      <c r="N111" s="3">
        <v>41769</v>
      </c>
      <c r="O111" s="3">
        <v>44287</v>
      </c>
      <c r="P111" s="3">
        <v>46477</v>
      </c>
    </row>
    <row r="112" spans="1:16" x14ac:dyDescent="0.15">
      <c r="A112" s="2" t="s">
        <v>49</v>
      </c>
      <c r="B112" s="2" t="s">
        <v>1009</v>
      </c>
      <c r="C112" s="4" t="s">
        <v>6</v>
      </c>
      <c r="D112" s="5" t="s">
        <v>1010</v>
      </c>
      <c r="E112" s="5" t="s">
        <v>1011</v>
      </c>
      <c r="F112" s="6" t="s">
        <v>5</v>
      </c>
      <c r="G112" s="2" t="s">
        <v>996</v>
      </c>
      <c r="H112" s="4" t="s">
        <v>9</v>
      </c>
      <c r="I112" s="5" t="s">
        <v>6</v>
      </c>
      <c r="J112" s="5" t="s">
        <v>997</v>
      </c>
      <c r="K112" s="5" t="s">
        <v>998</v>
      </c>
      <c r="L112" s="6" t="s">
        <v>5</v>
      </c>
      <c r="M112" s="2" t="s">
        <v>1012</v>
      </c>
      <c r="N112" s="3">
        <v>41128</v>
      </c>
      <c r="O112" s="3">
        <v>43405</v>
      </c>
      <c r="P112" s="3">
        <v>45596</v>
      </c>
    </row>
    <row r="113" spans="1:16" x14ac:dyDescent="0.15">
      <c r="A113" s="2" t="s">
        <v>49</v>
      </c>
      <c r="B113" s="2" t="s">
        <v>1013</v>
      </c>
      <c r="C113" s="4" t="s">
        <v>6</v>
      </c>
      <c r="D113" s="5" t="s">
        <v>1014</v>
      </c>
      <c r="E113" s="5" t="s">
        <v>1015</v>
      </c>
      <c r="F113" s="6" t="s">
        <v>5</v>
      </c>
      <c r="G113" s="2" t="s">
        <v>996</v>
      </c>
      <c r="H113" s="4" t="s">
        <v>9</v>
      </c>
      <c r="I113" s="5" t="s">
        <v>6</v>
      </c>
      <c r="J113" s="5" t="s">
        <v>997</v>
      </c>
      <c r="K113" s="5" t="s">
        <v>998</v>
      </c>
      <c r="L113" s="6" t="s">
        <v>5</v>
      </c>
      <c r="M113" s="2" t="s">
        <v>1016</v>
      </c>
      <c r="N113" s="3">
        <v>42964</v>
      </c>
      <c r="O113" s="3">
        <v>45231</v>
      </c>
      <c r="P113" s="3">
        <v>47422</v>
      </c>
    </row>
    <row r="114" spans="1:16" x14ac:dyDescent="0.15">
      <c r="A114" s="2" t="s">
        <v>49</v>
      </c>
      <c r="B114" s="2" t="s">
        <v>1017</v>
      </c>
      <c r="C114" s="4" t="s">
        <v>6</v>
      </c>
      <c r="D114" s="5" t="s">
        <v>1018</v>
      </c>
      <c r="E114" s="5" t="s">
        <v>1019</v>
      </c>
      <c r="F114" s="6" t="s">
        <v>5</v>
      </c>
      <c r="G114" s="2" t="s">
        <v>996</v>
      </c>
      <c r="H114" s="4" t="s">
        <v>9</v>
      </c>
      <c r="I114" s="5" t="s">
        <v>6</v>
      </c>
      <c r="J114" s="5" t="s">
        <v>997</v>
      </c>
      <c r="K114" s="5" t="s">
        <v>998</v>
      </c>
      <c r="L114" s="6" t="s">
        <v>5</v>
      </c>
      <c r="M114" s="2" t="s">
        <v>1020</v>
      </c>
      <c r="N114" s="3">
        <v>44980</v>
      </c>
      <c r="O114" s="3">
        <v>44980</v>
      </c>
      <c r="P114" s="3">
        <v>47208</v>
      </c>
    </row>
    <row r="115" spans="1:16" x14ac:dyDescent="0.15">
      <c r="A115" s="2" t="s">
        <v>49</v>
      </c>
      <c r="B115" s="2" t="s">
        <v>1042</v>
      </c>
      <c r="C115" s="4" t="s">
        <v>6</v>
      </c>
      <c r="D115" s="5" t="s">
        <v>1043</v>
      </c>
      <c r="E115" s="5" t="s">
        <v>5</v>
      </c>
      <c r="F115" s="6" t="s">
        <v>5</v>
      </c>
      <c r="G115" s="2" t="s">
        <v>1040</v>
      </c>
      <c r="H115" s="4" t="s">
        <v>9</v>
      </c>
      <c r="I115" s="5" t="s">
        <v>6</v>
      </c>
      <c r="J115" s="5" t="s">
        <v>1041</v>
      </c>
      <c r="K115" s="5" t="s">
        <v>5</v>
      </c>
      <c r="L115" s="6" t="s">
        <v>5</v>
      </c>
      <c r="M115" s="2" t="s">
        <v>1044</v>
      </c>
      <c r="N115" s="3">
        <v>30952</v>
      </c>
      <c r="O115" s="3">
        <v>44378</v>
      </c>
      <c r="P115" s="3">
        <v>46203</v>
      </c>
    </row>
    <row r="116" spans="1:16" x14ac:dyDescent="0.15">
      <c r="A116" s="2" t="s">
        <v>49</v>
      </c>
      <c r="B116" s="2" t="s">
        <v>1071</v>
      </c>
      <c r="C116" s="4" t="s">
        <v>6</v>
      </c>
      <c r="D116" s="5" t="s">
        <v>1072</v>
      </c>
      <c r="E116" s="5" t="s">
        <v>1073</v>
      </c>
      <c r="F116" s="6" t="s">
        <v>5</v>
      </c>
      <c r="G116" s="2" t="s">
        <v>1068</v>
      </c>
      <c r="H116" s="4" t="s">
        <v>9</v>
      </c>
      <c r="I116" s="5" t="s">
        <v>6</v>
      </c>
      <c r="J116" s="5" t="s">
        <v>1069</v>
      </c>
      <c r="K116" s="5" t="s">
        <v>1070</v>
      </c>
      <c r="L116" s="6" t="s">
        <v>5</v>
      </c>
      <c r="M116" s="2" t="s">
        <v>1074</v>
      </c>
      <c r="N116" s="3">
        <v>44452</v>
      </c>
      <c r="O116" s="3">
        <v>44452</v>
      </c>
      <c r="P116" s="3">
        <v>46934</v>
      </c>
    </row>
    <row r="117" spans="1:16" x14ac:dyDescent="0.15">
      <c r="A117" s="2" t="s">
        <v>49</v>
      </c>
      <c r="B117" s="2" t="s">
        <v>1075</v>
      </c>
      <c r="C117" s="4" t="s">
        <v>6</v>
      </c>
      <c r="D117" s="5" t="s">
        <v>1076</v>
      </c>
      <c r="E117" s="5" t="s">
        <v>1077</v>
      </c>
      <c r="F117" s="6" t="s">
        <v>1078</v>
      </c>
      <c r="G117" s="2" t="s">
        <v>1068</v>
      </c>
      <c r="H117" s="4" t="s">
        <v>9</v>
      </c>
      <c r="I117" s="5" t="s">
        <v>6</v>
      </c>
      <c r="J117" s="5" t="s">
        <v>1069</v>
      </c>
      <c r="K117" s="5" t="s">
        <v>1070</v>
      </c>
      <c r="L117" s="6" t="s">
        <v>5</v>
      </c>
      <c r="M117" s="2" t="s">
        <v>1079</v>
      </c>
      <c r="N117" s="3">
        <v>39524</v>
      </c>
      <c r="O117" s="3">
        <v>43952</v>
      </c>
      <c r="P117" s="3">
        <v>46142</v>
      </c>
    </row>
    <row r="118" spans="1:16" x14ac:dyDescent="0.15">
      <c r="A118" s="2" t="s">
        <v>49</v>
      </c>
      <c r="B118" s="2" t="s">
        <v>1080</v>
      </c>
      <c r="C118" s="4" t="s">
        <v>6</v>
      </c>
      <c r="D118" s="5" t="s">
        <v>1081</v>
      </c>
      <c r="E118" s="5" t="s">
        <v>1082</v>
      </c>
      <c r="F118" s="6" t="s">
        <v>5</v>
      </c>
      <c r="G118" s="2" t="s">
        <v>1068</v>
      </c>
      <c r="H118" s="4" t="s">
        <v>9</v>
      </c>
      <c r="I118" s="5" t="s">
        <v>6</v>
      </c>
      <c r="J118" s="5" t="s">
        <v>1069</v>
      </c>
      <c r="K118" s="5" t="s">
        <v>1070</v>
      </c>
      <c r="L118" s="6" t="s">
        <v>5</v>
      </c>
      <c r="M118" s="2" t="s">
        <v>1083</v>
      </c>
      <c r="N118" s="3">
        <v>43552</v>
      </c>
      <c r="O118" s="3">
        <v>43552</v>
      </c>
      <c r="P118" s="3">
        <v>45777</v>
      </c>
    </row>
    <row r="119" spans="1:16" x14ac:dyDescent="0.15">
      <c r="A119" s="2" t="s">
        <v>49</v>
      </c>
      <c r="B119" s="2" t="s">
        <v>1084</v>
      </c>
      <c r="C119" s="4" t="s">
        <v>6</v>
      </c>
      <c r="D119" s="5" t="s">
        <v>1085</v>
      </c>
      <c r="E119" s="5" t="s">
        <v>5</v>
      </c>
      <c r="F119" s="6" t="s">
        <v>1086</v>
      </c>
      <c r="G119" s="2" t="s">
        <v>1068</v>
      </c>
      <c r="H119" s="4" t="s">
        <v>9</v>
      </c>
      <c r="I119" s="5" t="s">
        <v>6</v>
      </c>
      <c r="J119" s="5" t="s">
        <v>1069</v>
      </c>
      <c r="K119" s="5" t="s">
        <v>1070</v>
      </c>
      <c r="L119" s="6" t="s">
        <v>5</v>
      </c>
      <c r="M119" s="2" t="s">
        <v>1087</v>
      </c>
      <c r="N119" s="3">
        <v>33224</v>
      </c>
      <c r="O119" s="3">
        <v>44682</v>
      </c>
      <c r="P119" s="3">
        <v>46873</v>
      </c>
    </row>
    <row r="120" spans="1:16" x14ac:dyDescent="0.15">
      <c r="A120" s="2" t="s">
        <v>49</v>
      </c>
      <c r="B120" s="2" t="s">
        <v>1088</v>
      </c>
      <c r="C120" s="4" t="s">
        <v>6</v>
      </c>
      <c r="D120" s="5" t="s">
        <v>1089</v>
      </c>
      <c r="E120" s="5" t="s">
        <v>1090</v>
      </c>
      <c r="F120" s="6" t="s">
        <v>5</v>
      </c>
      <c r="G120" s="2" t="s">
        <v>1068</v>
      </c>
      <c r="H120" s="4" t="s">
        <v>9</v>
      </c>
      <c r="I120" s="5" t="s">
        <v>6</v>
      </c>
      <c r="J120" s="5" t="s">
        <v>1069</v>
      </c>
      <c r="K120" s="5" t="s">
        <v>1070</v>
      </c>
      <c r="L120" s="6" t="s">
        <v>5</v>
      </c>
      <c r="M120" s="2" t="s">
        <v>1091</v>
      </c>
      <c r="N120" s="3">
        <v>40634</v>
      </c>
      <c r="O120" s="3">
        <v>45017</v>
      </c>
      <c r="P120" s="3">
        <v>47208</v>
      </c>
    </row>
    <row r="121" spans="1:16" x14ac:dyDescent="0.15">
      <c r="A121" s="2" t="s">
        <v>49</v>
      </c>
      <c r="B121" s="2" t="s">
        <v>1092</v>
      </c>
      <c r="C121" s="4" t="s">
        <v>6</v>
      </c>
      <c r="D121" s="5" t="s">
        <v>1093</v>
      </c>
      <c r="E121" s="5" t="s">
        <v>1094</v>
      </c>
      <c r="F121" s="6" t="s">
        <v>5</v>
      </c>
      <c r="G121" s="2" t="s">
        <v>1068</v>
      </c>
      <c r="H121" s="4" t="s">
        <v>9</v>
      </c>
      <c r="I121" s="5" t="s">
        <v>6</v>
      </c>
      <c r="J121" s="5" t="s">
        <v>1069</v>
      </c>
      <c r="K121" s="5" t="s">
        <v>1070</v>
      </c>
      <c r="L121" s="6" t="s">
        <v>5</v>
      </c>
      <c r="M121" s="2" t="s">
        <v>1095</v>
      </c>
      <c r="N121" s="3">
        <v>43251</v>
      </c>
      <c r="O121" s="3">
        <v>43251</v>
      </c>
      <c r="P121" s="3">
        <v>45565</v>
      </c>
    </row>
    <row r="122" spans="1:16" x14ac:dyDescent="0.15">
      <c r="A122" s="2" t="s">
        <v>49</v>
      </c>
      <c r="B122" s="2" t="s">
        <v>1096</v>
      </c>
      <c r="C122" s="4" t="s">
        <v>6</v>
      </c>
      <c r="D122" s="5" t="s">
        <v>367</v>
      </c>
      <c r="E122" s="5" t="s">
        <v>1097</v>
      </c>
      <c r="F122" s="6" t="s">
        <v>5</v>
      </c>
      <c r="G122" s="2" t="s">
        <v>1068</v>
      </c>
      <c r="H122" s="4" t="s">
        <v>9</v>
      </c>
      <c r="I122" s="5" t="s">
        <v>6</v>
      </c>
      <c r="J122" s="5" t="s">
        <v>1069</v>
      </c>
      <c r="K122" s="5" t="s">
        <v>1070</v>
      </c>
      <c r="L122" s="6" t="s">
        <v>5</v>
      </c>
      <c r="M122" s="2" t="s">
        <v>1098</v>
      </c>
      <c r="N122" s="3">
        <v>32773</v>
      </c>
      <c r="O122" s="3">
        <v>43374</v>
      </c>
      <c r="P122" s="3">
        <v>45565</v>
      </c>
    </row>
    <row r="123" spans="1:16" x14ac:dyDescent="0.15">
      <c r="A123" s="2" t="s">
        <v>49</v>
      </c>
      <c r="B123" s="2" t="s">
        <v>1099</v>
      </c>
      <c r="C123" s="4" t="s">
        <v>6</v>
      </c>
      <c r="D123" s="5" t="s">
        <v>411</v>
      </c>
      <c r="E123" s="5" t="s">
        <v>1100</v>
      </c>
      <c r="F123" s="6" t="s">
        <v>5</v>
      </c>
      <c r="G123" s="2" t="s">
        <v>1068</v>
      </c>
      <c r="H123" s="4" t="s">
        <v>9</v>
      </c>
      <c r="I123" s="5" t="s">
        <v>6</v>
      </c>
      <c r="J123" s="5" t="s">
        <v>1069</v>
      </c>
      <c r="K123" s="5" t="s">
        <v>1070</v>
      </c>
      <c r="L123" s="6" t="s">
        <v>5</v>
      </c>
      <c r="M123" s="2" t="s">
        <v>1101</v>
      </c>
      <c r="N123" s="3">
        <v>36710</v>
      </c>
      <c r="O123" s="3">
        <v>45413</v>
      </c>
      <c r="P123" s="3">
        <v>47603</v>
      </c>
    </row>
    <row r="124" spans="1:16" x14ac:dyDescent="0.15">
      <c r="A124" s="2" t="s">
        <v>49</v>
      </c>
      <c r="B124" s="2" t="s">
        <v>1102</v>
      </c>
      <c r="C124" s="4" t="s">
        <v>6</v>
      </c>
      <c r="D124" s="5" t="s">
        <v>1103</v>
      </c>
      <c r="E124" s="5" t="s">
        <v>1104</v>
      </c>
      <c r="F124" s="6" t="s">
        <v>5</v>
      </c>
      <c r="G124" s="2" t="s">
        <v>1068</v>
      </c>
      <c r="H124" s="4" t="s">
        <v>9</v>
      </c>
      <c r="I124" s="5" t="s">
        <v>6</v>
      </c>
      <c r="J124" s="5" t="s">
        <v>1069</v>
      </c>
      <c r="K124" s="5" t="s">
        <v>1070</v>
      </c>
      <c r="L124" s="6" t="s">
        <v>5</v>
      </c>
      <c r="M124" s="2" t="s">
        <v>1105</v>
      </c>
      <c r="N124" s="3">
        <v>42459</v>
      </c>
      <c r="O124" s="3">
        <v>45108</v>
      </c>
      <c r="P124" s="3">
        <v>47664</v>
      </c>
    </row>
    <row r="125" spans="1:16" x14ac:dyDescent="0.15">
      <c r="A125" s="2" t="s">
        <v>49</v>
      </c>
      <c r="B125" s="2" t="s">
        <v>1106</v>
      </c>
      <c r="C125" s="4" t="s">
        <v>6</v>
      </c>
      <c r="D125" s="5" t="s">
        <v>179</v>
      </c>
      <c r="E125" s="5" t="s">
        <v>1107</v>
      </c>
      <c r="F125" s="6" t="s">
        <v>5</v>
      </c>
      <c r="G125" s="2" t="s">
        <v>1068</v>
      </c>
      <c r="H125" s="4" t="s">
        <v>9</v>
      </c>
      <c r="I125" s="5" t="s">
        <v>6</v>
      </c>
      <c r="J125" s="5" t="s">
        <v>1069</v>
      </c>
      <c r="K125" s="5" t="s">
        <v>1070</v>
      </c>
      <c r="L125" s="6" t="s">
        <v>5</v>
      </c>
      <c r="M125" s="2" t="s">
        <v>1108</v>
      </c>
      <c r="N125" s="3">
        <v>43739</v>
      </c>
      <c r="O125" s="3">
        <v>43739</v>
      </c>
      <c r="P125" s="3">
        <v>45930</v>
      </c>
    </row>
    <row r="126" spans="1:16" x14ac:dyDescent="0.15">
      <c r="A126" s="2" t="s">
        <v>49</v>
      </c>
      <c r="B126" s="2" t="s">
        <v>1109</v>
      </c>
      <c r="C126" s="4" t="s">
        <v>6</v>
      </c>
      <c r="D126" s="5" t="s">
        <v>583</v>
      </c>
      <c r="E126" s="5" t="s">
        <v>584</v>
      </c>
      <c r="F126" s="6" t="s">
        <v>5</v>
      </c>
      <c r="G126" s="2" t="s">
        <v>1068</v>
      </c>
      <c r="H126" s="4" t="s">
        <v>9</v>
      </c>
      <c r="I126" s="5" t="s">
        <v>6</v>
      </c>
      <c r="J126" s="5" t="s">
        <v>1069</v>
      </c>
      <c r="K126" s="5" t="s">
        <v>1070</v>
      </c>
      <c r="L126" s="6" t="s">
        <v>5</v>
      </c>
      <c r="M126" s="2" t="s">
        <v>1110</v>
      </c>
      <c r="N126" s="3">
        <v>34780</v>
      </c>
      <c r="O126" s="3">
        <v>44013</v>
      </c>
      <c r="P126" s="3">
        <v>46203</v>
      </c>
    </row>
    <row r="127" spans="1:16" x14ac:dyDescent="0.15">
      <c r="A127" s="2" t="s">
        <v>49</v>
      </c>
      <c r="B127" s="2" t="s">
        <v>1111</v>
      </c>
      <c r="C127" s="4" t="s">
        <v>6</v>
      </c>
      <c r="D127" s="5" t="s">
        <v>1112</v>
      </c>
      <c r="E127" s="5" t="s">
        <v>1113</v>
      </c>
      <c r="F127" s="6" t="s">
        <v>5</v>
      </c>
      <c r="G127" s="2" t="s">
        <v>1068</v>
      </c>
      <c r="H127" s="4" t="s">
        <v>9</v>
      </c>
      <c r="I127" s="5" t="s">
        <v>6</v>
      </c>
      <c r="J127" s="5" t="s">
        <v>1069</v>
      </c>
      <c r="K127" s="5" t="s">
        <v>1070</v>
      </c>
      <c r="L127" s="6" t="s">
        <v>5</v>
      </c>
      <c r="M127" s="2" t="s">
        <v>1114</v>
      </c>
      <c r="N127" s="3">
        <v>39755</v>
      </c>
      <c r="O127" s="3">
        <v>44105</v>
      </c>
      <c r="P127" s="3">
        <v>46295</v>
      </c>
    </row>
    <row r="128" spans="1:16" x14ac:dyDescent="0.15">
      <c r="A128" s="2" t="s">
        <v>49</v>
      </c>
      <c r="B128" s="2" t="s">
        <v>1115</v>
      </c>
      <c r="C128" s="4" t="s">
        <v>6</v>
      </c>
      <c r="D128" s="5" t="s">
        <v>1116</v>
      </c>
      <c r="E128" s="5" t="s">
        <v>1117</v>
      </c>
      <c r="F128" s="6" t="s">
        <v>5</v>
      </c>
      <c r="G128" s="2" t="s">
        <v>1068</v>
      </c>
      <c r="H128" s="4" t="s">
        <v>9</v>
      </c>
      <c r="I128" s="5" t="s">
        <v>6</v>
      </c>
      <c r="J128" s="5" t="s">
        <v>1069</v>
      </c>
      <c r="K128" s="5" t="s">
        <v>1070</v>
      </c>
      <c r="L128" s="6" t="s">
        <v>5</v>
      </c>
      <c r="M128" s="2" t="s">
        <v>1118</v>
      </c>
      <c r="N128" s="3">
        <v>41823</v>
      </c>
      <c r="O128" s="3">
        <v>44105</v>
      </c>
      <c r="P128" s="3">
        <v>46295</v>
      </c>
    </row>
    <row r="129" spans="1:16" x14ac:dyDescent="0.15">
      <c r="A129" s="2" t="s">
        <v>49</v>
      </c>
      <c r="B129" s="2" t="s">
        <v>1119</v>
      </c>
      <c r="C129" s="4" t="s">
        <v>6</v>
      </c>
      <c r="D129" s="5" t="s">
        <v>1076</v>
      </c>
      <c r="E129" s="5" t="s">
        <v>1120</v>
      </c>
      <c r="F129" s="6" t="s">
        <v>5</v>
      </c>
      <c r="G129" s="2" t="s">
        <v>1068</v>
      </c>
      <c r="H129" s="4" t="s">
        <v>9</v>
      </c>
      <c r="I129" s="5" t="s">
        <v>6</v>
      </c>
      <c r="J129" s="5" t="s">
        <v>1069</v>
      </c>
      <c r="K129" s="5" t="s">
        <v>1070</v>
      </c>
      <c r="L129" s="6" t="s">
        <v>5</v>
      </c>
      <c r="M129" s="2" t="s">
        <v>1121</v>
      </c>
      <c r="N129" s="3">
        <v>41883</v>
      </c>
      <c r="O129" s="3">
        <v>44287</v>
      </c>
      <c r="P129" s="3">
        <v>46477</v>
      </c>
    </row>
    <row r="130" spans="1:16" x14ac:dyDescent="0.15">
      <c r="A130" s="2" t="s">
        <v>49</v>
      </c>
      <c r="B130" s="2" t="s">
        <v>1122</v>
      </c>
      <c r="C130" s="4" t="s">
        <v>6</v>
      </c>
      <c r="D130" s="5" t="s">
        <v>1123</v>
      </c>
      <c r="E130" s="5" t="s">
        <v>70</v>
      </c>
      <c r="F130" s="6" t="s">
        <v>5</v>
      </c>
      <c r="G130" s="2" t="s">
        <v>1068</v>
      </c>
      <c r="H130" s="4" t="s">
        <v>9</v>
      </c>
      <c r="I130" s="5" t="s">
        <v>6</v>
      </c>
      <c r="J130" s="5" t="s">
        <v>1069</v>
      </c>
      <c r="K130" s="5" t="s">
        <v>1070</v>
      </c>
      <c r="L130" s="6" t="s">
        <v>5</v>
      </c>
      <c r="M130" s="2" t="s">
        <v>1124</v>
      </c>
      <c r="N130" s="3">
        <v>41855</v>
      </c>
      <c r="O130" s="3">
        <v>44378</v>
      </c>
      <c r="P130" s="3">
        <v>46568</v>
      </c>
    </row>
    <row r="131" spans="1:16" x14ac:dyDescent="0.15">
      <c r="A131" s="2" t="s">
        <v>49</v>
      </c>
      <c r="B131" s="2" t="s">
        <v>1125</v>
      </c>
      <c r="C131" s="4" t="s">
        <v>6</v>
      </c>
      <c r="D131" s="5" t="s">
        <v>1126</v>
      </c>
      <c r="E131" s="5" t="s">
        <v>1127</v>
      </c>
      <c r="F131" s="6" t="s">
        <v>5</v>
      </c>
      <c r="G131" s="2" t="s">
        <v>1068</v>
      </c>
      <c r="H131" s="4" t="s">
        <v>9</v>
      </c>
      <c r="I131" s="5" t="s">
        <v>6</v>
      </c>
      <c r="J131" s="5" t="s">
        <v>1069</v>
      </c>
      <c r="K131" s="5" t="s">
        <v>1070</v>
      </c>
      <c r="L131" s="6" t="s">
        <v>5</v>
      </c>
      <c r="M131" s="2" t="s">
        <v>1128</v>
      </c>
      <c r="N131" s="3">
        <v>43586</v>
      </c>
      <c r="O131" s="3">
        <v>43586</v>
      </c>
      <c r="P131" s="3">
        <v>45777</v>
      </c>
    </row>
    <row r="132" spans="1:16" x14ac:dyDescent="0.15">
      <c r="A132" s="2" t="s">
        <v>49</v>
      </c>
      <c r="B132" s="2" t="s">
        <v>1129</v>
      </c>
      <c r="C132" s="4" t="s">
        <v>6</v>
      </c>
      <c r="D132" s="5" t="s">
        <v>1130</v>
      </c>
      <c r="E132" s="5" t="s">
        <v>1131</v>
      </c>
      <c r="F132" s="6" t="s">
        <v>5</v>
      </c>
      <c r="G132" s="2" t="s">
        <v>1068</v>
      </c>
      <c r="H132" s="4" t="s">
        <v>9</v>
      </c>
      <c r="I132" s="5" t="s">
        <v>6</v>
      </c>
      <c r="J132" s="5" t="s">
        <v>1069</v>
      </c>
      <c r="K132" s="5" t="s">
        <v>1070</v>
      </c>
      <c r="L132" s="6" t="s">
        <v>5</v>
      </c>
      <c r="M132" s="2" t="s">
        <v>1132</v>
      </c>
      <c r="N132" s="3">
        <v>45104</v>
      </c>
      <c r="O132" s="3">
        <v>45104</v>
      </c>
      <c r="P132" s="3">
        <v>47422</v>
      </c>
    </row>
    <row r="133" spans="1:16" x14ac:dyDescent="0.15">
      <c r="A133" s="2" t="s">
        <v>49</v>
      </c>
      <c r="B133" s="2" t="s">
        <v>1133</v>
      </c>
      <c r="C133" s="4" t="s">
        <v>6</v>
      </c>
      <c r="D133" s="5" t="s">
        <v>79</v>
      </c>
      <c r="E133" s="5" t="s">
        <v>1134</v>
      </c>
      <c r="F133" s="6" t="s">
        <v>5</v>
      </c>
      <c r="G133" s="2" t="s">
        <v>1068</v>
      </c>
      <c r="H133" s="4" t="s">
        <v>9</v>
      </c>
      <c r="I133" s="5" t="s">
        <v>6</v>
      </c>
      <c r="J133" s="5" t="s">
        <v>1069</v>
      </c>
      <c r="K133" s="5" t="s">
        <v>1070</v>
      </c>
      <c r="L133" s="6" t="s">
        <v>5</v>
      </c>
      <c r="M133" s="2" t="s">
        <v>1135</v>
      </c>
      <c r="N133" s="3">
        <v>45177</v>
      </c>
      <c r="O133" s="3">
        <v>45177</v>
      </c>
      <c r="P133" s="3">
        <v>47422</v>
      </c>
    </row>
    <row r="134" spans="1:16" x14ac:dyDescent="0.15">
      <c r="A134" s="2" t="s">
        <v>49</v>
      </c>
      <c r="B134" s="2" t="s">
        <v>1139</v>
      </c>
      <c r="C134" s="4" t="s">
        <v>6</v>
      </c>
      <c r="D134" s="5" t="s">
        <v>1140</v>
      </c>
      <c r="E134" s="5" t="s">
        <v>1141</v>
      </c>
      <c r="F134" s="6" t="s">
        <v>5</v>
      </c>
      <c r="G134" s="2" t="s">
        <v>1136</v>
      </c>
      <c r="H134" s="4" t="s">
        <v>384</v>
      </c>
      <c r="I134" s="5" t="s">
        <v>441</v>
      </c>
      <c r="J134" s="5" t="s">
        <v>1137</v>
      </c>
      <c r="K134" s="5" t="s">
        <v>1138</v>
      </c>
      <c r="L134" s="6" t="s">
        <v>5</v>
      </c>
      <c r="M134" s="2" t="s">
        <v>1142</v>
      </c>
      <c r="N134" s="3">
        <v>44383</v>
      </c>
      <c r="O134" s="3">
        <v>44383</v>
      </c>
      <c r="P134" s="3">
        <v>46934</v>
      </c>
    </row>
    <row r="135" spans="1:16" x14ac:dyDescent="0.15">
      <c r="A135" s="2" t="s">
        <v>49</v>
      </c>
      <c r="B135" s="2" t="s">
        <v>1175</v>
      </c>
      <c r="C135" s="4" t="s">
        <v>6</v>
      </c>
      <c r="D135" s="5" t="s">
        <v>1176</v>
      </c>
      <c r="E135" s="5" t="s">
        <v>5</v>
      </c>
      <c r="F135" s="6" t="s">
        <v>5</v>
      </c>
      <c r="G135" s="2" t="s">
        <v>1172</v>
      </c>
      <c r="H135" s="4" t="s">
        <v>384</v>
      </c>
      <c r="I135" s="5" t="s">
        <v>441</v>
      </c>
      <c r="J135" s="5" t="s">
        <v>1173</v>
      </c>
      <c r="K135" s="5" t="s">
        <v>1174</v>
      </c>
      <c r="L135" s="6" t="s">
        <v>5</v>
      </c>
      <c r="M135" s="2" t="s">
        <v>1177</v>
      </c>
      <c r="N135" s="3">
        <v>44678</v>
      </c>
      <c r="O135" s="3">
        <v>44678</v>
      </c>
      <c r="P135" s="3">
        <v>46538</v>
      </c>
    </row>
    <row r="136" spans="1:16" x14ac:dyDescent="0.15">
      <c r="A136" s="2" t="s">
        <v>49</v>
      </c>
      <c r="B136" s="2" t="s">
        <v>1185</v>
      </c>
      <c r="C136" s="4" t="s">
        <v>6</v>
      </c>
      <c r="D136" s="5" t="s">
        <v>1186</v>
      </c>
      <c r="E136" s="5" t="s">
        <v>1187</v>
      </c>
      <c r="F136" s="6" t="s">
        <v>5</v>
      </c>
      <c r="G136" s="2" t="s">
        <v>1181</v>
      </c>
      <c r="H136" s="4" t="s">
        <v>9</v>
      </c>
      <c r="I136" s="5" t="s">
        <v>1182</v>
      </c>
      <c r="J136" s="5" t="s">
        <v>1183</v>
      </c>
      <c r="K136" s="5" t="s">
        <v>1184</v>
      </c>
      <c r="L136" s="6" t="s">
        <v>5</v>
      </c>
      <c r="M136" s="2" t="s">
        <v>1188</v>
      </c>
      <c r="N136" s="3">
        <v>40198</v>
      </c>
      <c r="O136" s="3">
        <v>44652</v>
      </c>
      <c r="P136" s="3">
        <v>46843</v>
      </c>
    </row>
    <row r="137" spans="1:16" x14ac:dyDescent="0.15">
      <c r="A137" s="2" t="s">
        <v>49</v>
      </c>
      <c r="B137" s="2" t="s">
        <v>1189</v>
      </c>
      <c r="C137" s="4" t="s">
        <v>6</v>
      </c>
      <c r="D137" s="5" t="s">
        <v>1190</v>
      </c>
      <c r="E137" s="5" t="s">
        <v>1191</v>
      </c>
      <c r="F137" s="6" t="s">
        <v>5</v>
      </c>
      <c r="G137" s="2" t="s">
        <v>1181</v>
      </c>
      <c r="H137" s="4" t="s">
        <v>9</v>
      </c>
      <c r="I137" s="5" t="s">
        <v>1182</v>
      </c>
      <c r="J137" s="5" t="s">
        <v>1183</v>
      </c>
      <c r="K137" s="5" t="s">
        <v>1184</v>
      </c>
      <c r="L137" s="6" t="s">
        <v>5</v>
      </c>
      <c r="M137" s="2" t="s">
        <v>1192</v>
      </c>
      <c r="N137" s="3">
        <v>38779</v>
      </c>
      <c r="O137" s="3">
        <v>45108</v>
      </c>
      <c r="P137" s="3">
        <v>47299</v>
      </c>
    </row>
    <row r="138" spans="1:16" x14ac:dyDescent="0.15">
      <c r="A138" s="2" t="s">
        <v>49</v>
      </c>
      <c r="B138" s="2" t="s">
        <v>1193</v>
      </c>
      <c r="C138" s="4" t="s">
        <v>6</v>
      </c>
      <c r="D138" s="5" t="s">
        <v>179</v>
      </c>
      <c r="E138" s="5" t="s">
        <v>646</v>
      </c>
      <c r="F138" s="6" t="s">
        <v>1194</v>
      </c>
      <c r="G138" s="2" t="s">
        <v>1181</v>
      </c>
      <c r="H138" s="4" t="s">
        <v>9</v>
      </c>
      <c r="I138" s="5" t="s">
        <v>1182</v>
      </c>
      <c r="J138" s="5" t="s">
        <v>1183</v>
      </c>
      <c r="K138" s="5" t="s">
        <v>1184</v>
      </c>
      <c r="L138" s="6" t="s">
        <v>5</v>
      </c>
      <c r="M138" s="2" t="s">
        <v>1195</v>
      </c>
      <c r="N138" s="3">
        <v>40638</v>
      </c>
      <c r="O138" s="3">
        <v>45200</v>
      </c>
      <c r="P138" s="3">
        <v>47391</v>
      </c>
    </row>
    <row r="139" spans="1:16" x14ac:dyDescent="0.15">
      <c r="A139" s="2" t="s">
        <v>49</v>
      </c>
      <c r="B139" s="2" t="s">
        <v>1199</v>
      </c>
      <c r="C139" s="4" t="s">
        <v>6</v>
      </c>
      <c r="D139" s="5" t="s">
        <v>456</v>
      </c>
      <c r="E139" s="5" t="s">
        <v>520</v>
      </c>
      <c r="F139" s="6" t="s">
        <v>5</v>
      </c>
      <c r="G139" s="2" t="s">
        <v>1196</v>
      </c>
      <c r="H139" s="4" t="s">
        <v>29</v>
      </c>
      <c r="I139" s="5" t="s">
        <v>1197</v>
      </c>
      <c r="J139" s="5" t="s">
        <v>1198</v>
      </c>
      <c r="K139" s="5" t="s">
        <v>5</v>
      </c>
      <c r="L139" s="6" t="s">
        <v>5</v>
      </c>
      <c r="M139" s="2" t="s">
        <v>1200</v>
      </c>
      <c r="N139" s="3">
        <v>45005</v>
      </c>
      <c r="O139" s="3">
        <v>45005</v>
      </c>
      <c r="P139" s="3">
        <v>46904</v>
      </c>
    </row>
    <row r="140" spans="1:16" x14ac:dyDescent="0.15">
      <c r="A140" s="2" t="s">
        <v>49</v>
      </c>
      <c r="B140" s="2" t="s">
        <v>1207</v>
      </c>
      <c r="C140" s="4" t="s">
        <v>6</v>
      </c>
      <c r="D140" s="5" t="s">
        <v>174</v>
      </c>
      <c r="E140" s="5" t="s">
        <v>1208</v>
      </c>
      <c r="F140" s="6" t="s">
        <v>5</v>
      </c>
      <c r="G140" s="2" t="s">
        <v>1205</v>
      </c>
      <c r="H140" s="4" t="s">
        <v>29</v>
      </c>
      <c r="I140" s="5" t="s">
        <v>30</v>
      </c>
      <c r="J140" s="5" t="s">
        <v>1206</v>
      </c>
      <c r="K140" s="5" t="s">
        <v>5</v>
      </c>
      <c r="L140" s="6" t="s">
        <v>5</v>
      </c>
      <c r="M140" s="2" t="s">
        <v>1209</v>
      </c>
      <c r="N140" s="3">
        <v>42074</v>
      </c>
      <c r="O140" s="3">
        <v>44470</v>
      </c>
      <c r="P140" s="3">
        <v>46660</v>
      </c>
    </row>
    <row r="141" spans="1:16" x14ac:dyDescent="0.15">
      <c r="A141" s="2" t="s">
        <v>49</v>
      </c>
      <c r="B141" s="2" t="s">
        <v>1217</v>
      </c>
      <c r="C141" s="4" t="s">
        <v>6</v>
      </c>
      <c r="D141" s="5" t="s">
        <v>627</v>
      </c>
      <c r="E141" s="5" t="s">
        <v>1218</v>
      </c>
      <c r="F141" s="6" t="s">
        <v>5</v>
      </c>
      <c r="G141" s="2" t="s">
        <v>1214</v>
      </c>
      <c r="H141" s="4" t="s">
        <v>779</v>
      </c>
      <c r="I141" s="5" t="s">
        <v>1215</v>
      </c>
      <c r="J141" s="5" t="s">
        <v>1216</v>
      </c>
      <c r="K141" s="5" t="s">
        <v>5</v>
      </c>
      <c r="L141" s="6" t="s">
        <v>5</v>
      </c>
      <c r="M141" s="2" t="s">
        <v>1219</v>
      </c>
      <c r="N141" s="3">
        <v>38611</v>
      </c>
      <c r="O141" s="3">
        <v>45383</v>
      </c>
      <c r="P141" s="3">
        <v>47573</v>
      </c>
    </row>
    <row r="142" spans="1:16" x14ac:dyDescent="0.15">
      <c r="A142" s="2" t="s">
        <v>49</v>
      </c>
      <c r="B142" s="2" t="s">
        <v>1236</v>
      </c>
      <c r="C142" s="4" t="s">
        <v>6</v>
      </c>
      <c r="D142" s="5" t="s">
        <v>1237</v>
      </c>
      <c r="E142" s="5" t="s">
        <v>5</v>
      </c>
      <c r="F142" s="6" t="s">
        <v>1238</v>
      </c>
      <c r="G142" s="2" t="s">
        <v>1234</v>
      </c>
      <c r="H142" s="4" t="s">
        <v>9</v>
      </c>
      <c r="I142" s="5" t="s">
        <v>6</v>
      </c>
      <c r="J142" s="5" t="s">
        <v>1235</v>
      </c>
      <c r="K142" s="5" t="s">
        <v>5</v>
      </c>
      <c r="L142" s="6" t="s">
        <v>5</v>
      </c>
      <c r="M142" s="2" t="s">
        <v>1239</v>
      </c>
      <c r="N142" s="3">
        <v>44392</v>
      </c>
      <c r="O142" s="3">
        <v>44392</v>
      </c>
      <c r="P142" s="3">
        <v>46721</v>
      </c>
    </row>
    <row r="143" spans="1:16" x14ac:dyDescent="0.15">
      <c r="A143" s="2" t="s">
        <v>49</v>
      </c>
      <c r="B143" s="2" t="s">
        <v>1240</v>
      </c>
      <c r="C143" s="4" t="s">
        <v>6</v>
      </c>
      <c r="D143" s="5" t="s">
        <v>1241</v>
      </c>
      <c r="E143" s="5" t="s">
        <v>1242</v>
      </c>
      <c r="F143" s="6" t="s">
        <v>1243</v>
      </c>
      <c r="G143" s="2" t="s">
        <v>1234</v>
      </c>
      <c r="H143" s="4" t="s">
        <v>9</v>
      </c>
      <c r="I143" s="5" t="s">
        <v>6</v>
      </c>
      <c r="J143" s="5" t="s">
        <v>1235</v>
      </c>
      <c r="K143" s="5" t="s">
        <v>5</v>
      </c>
      <c r="L143" s="6" t="s">
        <v>5</v>
      </c>
      <c r="M143" s="2" t="s">
        <v>1244</v>
      </c>
      <c r="N143" s="3">
        <v>44826</v>
      </c>
      <c r="O143" s="3">
        <v>44826</v>
      </c>
      <c r="P143" s="3">
        <v>47238</v>
      </c>
    </row>
    <row r="144" spans="1:16" x14ac:dyDescent="0.15">
      <c r="A144" s="2" t="s">
        <v>49</v>
      </c>
      <c r="B144" s="2" t="s">
        <v>1245</v>
      </c>
      <c r="C144" s="4" t="s">
        <v>6</v>
      </c>
      <c r="D144" s="5" t="s">
        <v>45</v>
      </c>
      <c r="E144" s="5" t="s">
        <v>1246</v>
      </c>
      <c r="F144" s="6" t="s">
        <v>5</v>
      </c>
      <c r="G144" s="2" t="s">
        <v>1234</v>
      </c>
      <c r="H144" s="4" t="s">
        <v>9</v>
      </c>
      <c r="I144" s="5" t="s">
        <v>6</v>
      </c>
      <c r="J144" s="5" t="s">
        <v>1235</v>
      </c>
      <c r="K144" s="5" t="s">
        <v>5</v>
      </c>
      <c r="L144" s="6" t="s">
        <v>5</v>
      </c>
      <c r="M144" s="2" t="s">
        <v>1247</v>
      </c>
      <c r="N144" s="3">
        <v>42822</v>
      </c>
      <c r="O144" s="3">
        <v>45261</v>
      </c>
      <c r="P144" s="3">
        <v>47452</v>
      </c>
    </row>
    <row r="145" spans="1:16" x14ac:dyDescent="0.15">
      <c r="A145" s="2" t="s">
        <v>49</v>
      </c>
      <c r="B145" s="2" t="s">
        <v>431</v>
      </c>
      <c r="C145" s="4" t="s">
        <v>6</v>
      </c>
      <c r="D145" s="5" t="s">
        <v>429</v>
      </c>
      <c r="E145" s="5" t="s">
        <v>430</v>
      </c>
      <c r="F145" s="6" t="s">
        <v>5</v>
      </c>
      <c r="G145" s="2"/>
      <c r="H145" s="4"/>
      <c r="I145" s="5"/>
      <c r="J145" s="5"/>
      <c r="K145" s="5"/>
      <c r="L145" s="6"/>
      <c r="M145" s="2" t="s">
        <v>432</v>
      </c>
      <c r="N145" s="3">
        <v>44350</v>
      </c>
      <c r="O145" s="3">
        <v>44350</v>
      </c>
      <c r="P145" s="3">
        <v>46660</v>
      </c>
    </row>
    <row r="146" spans="1:16" x14ac:dyDescent="0.15">
      <c r="A146" s="2" t="s">
        <v>49</v>
      </c>
      <c r="B146" s="2" t="s">
        <v>1256</v>
      </c>
      <c r="C146" s="4" t="s">
        <v>6</v>
      </c>
      <c r="D146" s="5" t="s">
        <v>1152</v>
      </c>
      <c r="E146" s="5" t="s">
        <v>1257</v>
      </c>
      <c r="F146" s="6" t="s">
        <v>1258</v>
      </c>
      <c r="G146" s="2" t="s">
        <v>1254</v>
      </c>
      <c r="H146" s="4" t="s">
        <v>9</v>
      </c>
      <c r="I146" s="5" t="s">
        <v>6</v>
      </c>
      <c r="J146" s="5" t="s">
        <v>45</v>
      </c>
      <c r="K146" s="5" t="s">
        <v>1255</v>
      </c>
      <c r="L146" s="6" t="s">
        <v>5</v>
      </c>
      <c r="M146" s="2" t="s">
        <v>1259</v>
      </c>
      <c r="N146" s="3">
        <v>43279</v>
      </c>
      <c r="O146" s="3">
        <v>43279</v>
      </c>
      <c r="P146" s="3">
        <v>45626</v>
      </c>
    </row>
    <row r="147" spans="1:16" x14ac:dyDescent="0.15">
      <c r="A147" s="2" t="s">
        <v>49</v>
      </c>
      <c r="B147" s="2" t="s">
        <v>1264</v>
      </c>
      <c r="C147" s="4" t="s">
        <v>6</v>
      </c>
      <c r="D147" s="5" t="s">
        <v>464</v>
      </c>
      <c r="E147" s="5" t="s">
        <v>1265</v>
      </c>
      <c r="F147" s="6" t="s">
        <v>1266</v>
      </c>
      <c r="G147" s="2" t="s">
        <v>1260</v>
      </c>
      <c r="H147" s="4" t="s">
        <v>724</v>
      </c>
      <c r="I147" s="5" t="s">
        <v>1261</v>
      </c>
      <c r="J147" s="5" t="s">
        <v>1262</v>
      </c>
      <c r="K147" s="5" t="s">
        <v>1263</v>
      </c>
      <c r="L147" s="6" t="s">
        <v>5</v>
      </c>
      <c r="M147" s="2" t="s">
        <v>1267</v>
      </c>
      <c r="N147" s="3">
        <v>44392</v>
      </c>
      <c r="O147" s="3">
        <v>44392</v>
      </c>
      <c r="P147" s="3">
        <v>46904</v>
      </c>
    </row>
    <row r="148" spans="1:16" x14ac:dyDescent="0.15">
      <c r="A148" s="2" t="s">
        <v>49</v>
      </c>
      <c r="B148" s="2" t="s">
        <v>451</v>
      </c>
      <c r="C148" s="4" t="s">
        <v>6</v>
      </c>
      <c r="D148" s="5" t="s">
        <v>452</v>
      </c>
      <c r="E148" s="5" t="s">
        <v>453</v>
      </c>
      <c r="F148" s="6" t="s">
        <v>5</v>
      </c>
      <c r="G148" s="2" t="s">
        <v>448</v>
      </c>
      <c r="H148" s="4" t="s">
        <v>9</v>
      </c>
      <c r="I148" s="5" t="s">
        <v>6</v>
      </c>
      <c r="J148" s="5" t="s">
        <v>449</v>
      </c>
      <c r="K148" s="5" t="s">
        <v>450</v>
      </c>
      <c r="L148" s="6" t="s">
        <v>5</v>
      </c>
      <c r="M148" s="2" t="s">
        <v>454</v>
      </c>
      <c r="N148" s="3">
        <v>42675</v>
      </c>
      <c r="O148" s="3">
        <v>44501</v>
      </c>
      <c r="P148" s="3">
        <v>46326</v>
      </c>
    </row>
    <row r="149" spans="1:16" x14ac:dyDescent="0.15">
      <c r="A149" s="2" t="s">
        <v>49</v>
      </c>
      <c r="B149" s="2" t="s">
        <v>455</v>
      </c>
      <c r="C149" s="4" t="s">
        <v>6</v>
      </c>
      <c r="D149" s="5" t="s">
        <v>456</v>
      </c>
      <c r="E149" s="5" t="s">
        <v>457</v>
      </c>
      <c r="F149" s="6" t="s">
        <v>5</v>
      </c>
      <c r="G149" s="2"/>
      <c r="H149" s="4"/>
      <c r="I149" s="5"/>
      <c r="J149" s="5"/>
      <c r="K149" s="5"/>
      <c r="L149" s="6"/>
      <c r="M149" s="2" t="s">
        <v>458</v>
      </c>
      <c r="N149" s="3">
        <v>44367</v>
      </c>
      <c r="O149" s="3">
        <v>44367</v>
      </c>
      <c r="P149" s="3">
        <v>46538</v>
      </c>
    </row>
    <row r="150" spans="1:16" x14ac:dyDescent="0.15">
      <c r="A150" s="2" t="s">
        <v>49</v>
      </c>
      <c r="B150" s="2" t="s">
        <v>459</v>
      </c>
      <c r="C150" s="4" t="s">
        <v>6</v>
      </c>
      <c r="D150" s="5" t="s">
        <v>456</v>
      </c>
      <c r="E150" s="5" t="s">
        <v>457</v>
      </c>
      <c r="F150" s="6" t="s">
        <v>5</v>
      </c>
      <c r="G150" s="2"/>
      <c r="H150" s="4"/>
      <c r="I150" s="5"/>
      <c r="J150" s="5"/>
      <c r="K150" s="5"/>
      <c r="L150" s="6"/>
      <c r="M150" s="2" t="s">
        <v>460</v>
      </c>
      <c r="N150" s="3">
        <v>45261</v>
      </c>
      <c r="O150" s="3">
        <v>45261</v>
      </c>
      <c r="P150" s="3">
        <v>47269</v>
      </c>
    </row>
    <row r="151" spans="1:16" x14ac:dyDescent="0.15">
      <c r="A151" s="2" t="s">
        <v>49</v>
      </c>
      <c r="B151" s="2" t="s">
        <v>1276</v>
      </c>
      <c r="C151" s="4" t="s">
        <v>6</v>
      </c>
      <c r="D151" s="5" t="s">
        <v>1277</v>
      </c>
      <c r="E151" s="5" t="s">
        <v>5</v>
      </c>
      <c r="F151" s="6" t="s">
        <v>5</v>
      </c>
      <c r="G151" s="2" t="s">
        <v>1272</v>
      </c>
      <c r="H151" s="4" t="s">
        <v>1273</v>
      </c>
      <c r="I151" s="5" t="s">
        <v>1274</v>
      </c>
      <c r="J151" s="5" t="s">
        <v>1275</v>
      </c>
      <c r="K151" s="5" t="s">
        <v>5</v>
      </c>
      <c r="L151" s="6" t="s">
        <v>5</v>
      </c>
      <c r="M151" s="2" t="s">
        <v>1278</v>
      </c>
      <c r="N151" s="3">
        <v>44387</v>
      </c>
      <c r="O151" s="3">
        <v>44387</v>
      </c>
      <c r="P151" s="3">
        <v>46326</v>
      </c>
    </row>
    <row r="152" spans="1:16" x14ac:dyDescent="0.15">
      <c r="A152" s="2" t="s">
        <v>49</v>
      </c>
      <c r="B152" s="2" t="s">
        <v>1283</v>
      </c>
      <c r="C152" s="4" t="s">
        <v>6</v>
      </c>
      <c r="D152" s="5" t="s">
        <v>1284</v>
      </c>
      <c r="E152" s="5" t="s">
        <v>599</v>
      </c>
      <c r="F152" s="6" t="s">
        <v>767</v>
      </c>
      <c r="G152" s="2" t="s">
        <v>1279</v>
      </c>
      <c r="H152" s="4" t="s">
        <v>9</v>
      </c>
      <c r="I152" s="5" t="s">
        <v>1280</v>
      </c>
      <c r="J152" s="5" t="s">
        <v>1281</v>
      </c>
      <c r="K152" s="5" t="s">
        <v>1282</v>
      </c>
      <c r="L152" s="6" t="s">
        <v>5</v>
      </c>
      <c r="M152" s="2" t="s">
        <v>1285</v>
      </c>
      <c r="N152" s="3">
        <v>44405</v>
      </c>
      <c r="O152" s="3">
        <v>44405</v>
      </c>
      <c r="P152" s="3">
        <v>46660</v>
      </c>
    </row>
    <row r="153" spans="1:16" x14ac:dyDescent="0.15">
      <c r="A153" s="2" t="s">
        <v>49</v>
      </c>
      <c r="B153" s="2" t="s">
        <v>1283</v>
      </c>
      <c r="C153" s="4" t="s">
        <v>6</v>
      </c>
      <c r="D153" s="5" t="s">
        <v>1286</v>
      </c>
      <c r="E153" s="5" t="s">
        <v>1287</v>
      </c>
      <c r="F153" s="6" t="s">
        <v>5</v>
      </c>
      <c r="G153" s="2" t="s">
        <v>1279</v>
      </c>
      <c r="H153" s="4" t="s">
        <v>9</v>
      </c>
      <c r="I153" s="5" t="s">
        <v>1280</v>
      </c>
      <c r="J153" s="5" t="s">
        <v>1281</v>
      </c>
      <c r="K153" s="5" t="s">
        <v>1282</v>
      </c>
      <c r="L153" s="6" t="s">
        <v>5</v>
      </c>
      <c r="M153" s="2" t="s">
        <v>1288</v>
      </c>
      <c r="N153" s="3">
        <v>43217</v>
      </c>
      <c r="O153" s="3">
        <v>45200</v>
      </c>
      <c r="P153" s="3">
        <v>47026</v>
      </c>
    </row>
    <row r="154" spans="1:16" x14ac:dyDescent="0.15">
      <c r="A154" s="2" t="s">
        <v>49</v>
      </c>
      <c r="B154" s="2" t="s">
        <v>1292</v>
      </c>
      <c r="C154" s="4" t="s">
        <v>6</v>
      </c>
      <c r="D154" s="5" t="s">
        <v>1152</v>
      </c>
      <c r="E154" s="5" t="s">
        <v>1257</v>
      </c>
      <c r="F154" s="6" t="s">
        <v>1293</v>
      </c>
      <c r="G154" s="2" t="s">
        <v>1289</v>
      </c>
      <c r="H154" s="4" t="s">
        <v>9</v>
      </c>
      <c r="I154" s="5" t="s">
        <v>663</v>
      </c>
      <c r="J154" s="5" t="s">
        <v>1290</v>
      </c>
      <c r="K154" s="5" t="s">
        <v>1291</v>
      </c>
      <c r="L154" s="6" t="s">
        <v>5</v>
      </c>
      <c r="M154" s="2" t="s">
        <v>1294</v>
      </c>
      <c r="N154" s="3">
        <v>44409</v>
      </c>
      <c r="O154" s="3">
        <v>44409</v>
      </c>
      <c r="P154" s="3">
        <v>46721</v>
      </c>
    </row>
    <row r="155" spans="1:16" x14ac:dyDescent="0.15">
      <c r="A155" s="2" t="s">
        <v>49</v>
      </c>
      <c r="B155" s="2" t="s">
        <v>478</v>
      </c>
      <c r="C155" s="4" t="s">
        <v>6</v>
      </c>
      <c r="D155" s="5" t="s">
        <v>479</v>
      </c>
      <c r="E155" s="5" t="s">
        <v>480</v>
      </c>
      <c r="F155" s="6" t="s">
        <v>5</v>
      </c>
      <c r="G155" s="2"/>
      <c r="H155" s="4"/>
      <c r="I155" s="5"/>
      <c r="J155" s="5"/>
      <c r="K155" s="5"/>
      <c r="L155" s="6"/>
      <c r="M155" s="2" t="s">
        <v>481</v>
      </c>
      <c r="N155" s="3">
        <v>44874</v>
      </c>
      <c r="O155" s="3">
        <v>44874</v>
      </c>
      <c r="P155" s="3">
        <v>46691</v>
      </c>
    </row>
    <row r="156" spans="1:16" x14ac:dyDescent="0.15">
      <c r="A156" s="2" t="s">
        <v>16</v>
      </c>
      <c r="B156" s="2" t="s">
        <v>478</v>
      </c>
      <c r="C156" s="4" t="s">
        <v>6</v>
      </c>
      <c r="D156" s="5" t="s">
        <v>479</v>
      </c>
      <c r="E156" s="5" t="s">
        <v>480</v>
      </c>
      <c r="F156" s="6" t="s">
        <v>5</v>
      </c>
      <c r="G156" s="2"/>
      <c r="H156" s="4"/>
      <c r="I156" s="5"/>
      <c r="J156" s="5"/>
      <c r="K156" s="5"/>
      <c r="L156" s="6"/>
      <c r="M156" s="2" t="s">
        <v>482</v>
      </c>
      <c r="N156" s="3">
        <v>44350</v>
      </c>
      <c r="O156" s="3">
        <v>44350</v>
      </c>
      <c r="P156" s="3">
        <v>46691</v>
      </c>
    </row>
    <row r="157" spans="1:16" x14ac:dyDescent="0.15">
      <c r="A157" s="2" t="s">
        <v>486</v>
      </c>
      <c r="B157" s="2" t="s">
        <v>485</v>
      </c>
      <c r="C157" s="4" t="s">
        <v>6</v>
      </c>
      <c r="D157" s="5" t="s">
        <v>483</v>
      </c>
      <c r="E157" s="5" t="s">
        <v>484</v>
      </c>
      <c r="F157" s="6" t="s">
        <v>5</v>
      </c>
      <c r="G157" s="2"/>
      <c r="H157" s="4"/>
      <c r="I157" s="5"/>
      <c r="J157" s="5"/>
      <c r="K157" s="5"/>
      <c r="L157" s="6"/>
      <c r="M157" s="2" t="s">
        <v>487</v>
      </c>
      <c r="N157" s="3">
        <v>44351</v>
      </c>
      <c r="O157" s="3">
        <v>44351</v>
      </c>
      <c r="P157" s="3">
        <v>46507</v>
      </c>
    </row>
    <row r="158" spans="1:16" x14ac:dyDescent="0.15">
      <c r="A158" s="2" t="s">
        <v>49</v>
      </c>
      <c r="B158" s="2" t="s">
        <v>1298</v>
      </c>
      <c r="C158" s="4" t="s">
        <v>6</v>
      </c>
      <c r="D158" s="5" t="s">
        <v>1152</v>
      </c>
      <c r="E158" s="5" t="s">
        <v>1299</v>
      </c>
      <c r="F158" s="6" t="s">
        <v>5</v>
      </c>
      <c r="G158" s="2" t="s">
        <v>1295</v>
      </c>
      <c r="H158" s="4" t="s">
        <v>9</v>
      </c>
      <c r="I158" s="5" t="s">
        <v>6</v>
      </c>
      <c r="J158" s="5" t="s">
        <v>1296</v>
      </c>
      <c r="K158" s="5" t="s">
        <v>1297</v>
      </c>
      <c r="L158" s="6" t="s">
        <v>5</v>
      </c>
      <c r="M158" s="2" t="s">
        <v>1300</v>
      </c>
      <c r="N158" s="3">
        <v>44943</v>
      </c>
      <c r="O158" s="3">
        <v>44943</v>
      </c>
      <c r="P158" s="3">
        <v>47452</v>
      </c>
    </row>
    <row r="159" spans="1:16" x14ac:dyDescent="0.15">
      <c r="A159" s="2" t="s">
        <v>49</v>
      </c>
      <c r="B159" s="2" t="s">
        <v>1312</v>
      </c>
      <c r="C159" s="4" t="s">
        <v>6</v>
      </c>
      <c r="D159" s="5" t="s">
        <v>1313</v>
      </c>
      <c r="E159" s="5" t="s">
        <v>5</v>
      </c>
      <c r="F159" s="6" t="s">
        <v>5</v>
      </c>
      <c r="G159" s="2" t="s">
        <v>1310</v>
      </c>
      <c r="H159" s="4" t="s">
        <v>9</v>
      </c>
      <c r="I159" s="5" t="s">
        <v>6</v>
      </c>
      <c r="J159" s="5" t="s">
        <v>1311</v>
      </c>
      <c r="K159" s="5" t="s">
        <v>5</v>
      </c>
      <c r="L159" s="6" t="s">
        <v>5</v>
      </c>
      <c r="M159" s="2" t="s">
        <v>1314</v>
      </c>
      <c r="N159" s="3">
        <v>44405</v>
      </c>
      <c r="O159" s="3">
        <v>44405</v>
      </c>
      <c r="P159" s="3">
        <v>46843</v>
      </c>
    </row>
    <row r="160" spans="1:16" x14ac:dyDescent="0.15">
      <c r="A160" s="2" t="s">
        <v>49</v>
      </c>
      <c r="B160" s="2" t="s">
        <v>1315</v>
      </c>
      <c r="C160" s="4" t="s">
        <v>6</v>
      </c>
      <c r="D160" s="5" t="s">
        <v>123</v>
      </c>
      <c r="E160" s="5" t="s">
        <v>1316</v>
      </c>
      <c r="F160" s="6" t="s">
        <v>5</v>
      </c>
      <c r="G160" s="2" t="s">
        <v>1310</v>
      </c>
      <c r="H160" s="4" t="s">
        <v>9</v>
      </c>
      <c r="I160" s="5" t="s">
        <v>6</v>
      </c>
      <c r="J160" s="5" t="s">
        <v>1311</v>
      </c>
      <c r="K160" s="5" t="s">
        <v>5</v>
      </c>
      <c r="L160" s="6" t="s">
        <v>5</v>
      </c>
      <c r="M160" s="2" t="s">
        <v>1317</v>
      </c>
      <c r="N160" s="3">
        <v>44854</v>
      </c>
      <c r="O160" s="3">
        <v>44854</v>
      </c>
      <c r="P160" s="3">
        <v>47208</v>
      </c>
    </row>
    <row r="161" spans="1:16" x14ac:dyDescent="0.15">
      <c r="A161" s="2" t="s">
        <v>49</v>
      </c>
      <c r="B161" s="2" t="s">
        <v>1318</v>
      </c>
      <c r="C161" s="4" t="s">
        <v>6</v>
      </c>
      <c r="D161" s="5" t="s">
        <v>79</v>
      </c>
      <c r="E161" s="5" t="s">
        <v>1319</v>
      </c>
      <c r="F161" s="6" t="s">
        <v>5</v>
      </c>
      <c r="G161" s="2" t="s">
        <v>1310</v>
      </c>
      <c r="H161" s="4" t="s">
        <v>9</v>
      </c>
      <c r="I161" s="5" t="s">
        <v>6</v>
      </c>
      <c r="J161" s="5" t="s">
        <v>1311</v>
      </c>
      <c r="K161" s="5" t="s">
        <v>5</v>
      </c>
      <c r="L161" s="6" t="s">
        <v>5</v>
      </c>
      <c r="M161" s="2" t="s">
        <v>1320</v>
      </c>
      <c r="N161" s="3">
        <v>37012</v>
      </c>
      <c r="O161" s="3">
        <v>45231</v>
      </c>
      <c r="P161" s="3">
        <v>47422</v>
      </c>
    </row>
    <row r="162" spans="1:16" x14ac:dyDescent="0.15">
      <c r="A162" s="2" t="s">
        <v>49</v>
      </c>
      <c r="B162" s="2" t="s">
        <v>511</v>
      </c>
      <c r="C162" s="4" t="s">
        <v>6</v>
      </c>
      <c r="D162" s="5" t="s">
        <v>437</v>
      </c>
      <c r="E162" s="5" t="s">
        <v>512</v>
      </c>
      <c r="F162" s="6" t="s">
        <v>5</v>
      </c>
      <c r="G162" s="2"/>
      <c r="H162" s="4"/>
      <c r="I162" s="5"/>
      <c r="J162" s="5"/>
      <c r="K162" s="5"/>
      <c r="L162" s="6"/>
      <c r="M162" s="2" t="s">
        <v>513</v>
      </c>
      <c r="N162" s="3">
        <v>41819</v>
      </c>
      <c r="O162" s="3">
        <v>44013</v>
      </c>
      <c r="P162" s="3">
        <v>46203</v>
      </c>
    </row>
    <row r="163" spans="1:16" x14ac:dyDescent="0.15">
      <c r="A163" s="2" t="s">
        <v>49</v>
      </c>
      <c r="B163" s="2" t="s">
        <v>1331</v>
      </c>
      <c r="C163" s="4" t="s">
        <v>6</v>
      </c>
      <c r="D163" s="5" t="s">
        <v>1332</v>
      </c>
      <c r="E163" s="5" t="s">
        <v>5</v>
      </c>
      <c r="F163" s="6" t="s">
        <v>5</v>
      </c>
      <c r="G163" s="2" t="s">
        <v>1329</v>
      </c>
      <c r="H163" s="4" t="s">
        <v>9</v>
      </c>
      <c r="I163" s="5" t="s">
        <v>6</v>
      </c>
      <c r="J163" s="5" t="s">
        <v>1330</v>
      </c>
      <c r="K163" s="5" t="s">
        <v>5</v>
      </c>
      <c r="L163" s="6" t="s">
        <v>5</v>
      </c>
      <c r="M163" s="2" t="s">
        <v>1333</v>
      </c>
      <c r="N163" s="3">
        <v>44411</v>
      </c>
      <c r="O163" s="3">
        <v>44411</v>
      </c>
      <c r="P163" s="3">
        <v>46538</v>
      </c>
    </row>
    <row r="164" spans="1:16" x14ac:dyDescent="0.15">
      <c r="A164" s="2" t="s">
        <v>49</v>
      </c>
      <c r="B164" s="2" t="s">
        <v>1334</v>
      </c>
      <c r="C164" s="4" t="s">
        <v>6</v>
      </c>
      <c r="D164" s="5" t="s">
        <v>1332</v>
      </c>
      <c r="E164" s="5" t="s">
        <v>5</v>
      </c>
      <c r="F164" s="6" t="s">
        <v>5</v>
      </c>
      <c r="G164" s="2" t="s">
        <v>1329</v>
      </c>
      <c r="H164" s="4" t="s">
        <v>9</v>
      </c>
      <c r="I164" s="5" t="s">
        <v>6</v>
      </c>
      <c r="J164" s="5" t="s">
        <v>1330</v>
      </c>
      <c r="K164" s="5" t="s">
        <v>5</v>
      </c>
      <c r="L164" s="6" t="s">
        <v>5</v>
      </c>
      <c r="M164" s="2" t="s">
        <v>1335</v>
      </c>
      <c r="N164" s="3">
        <v>40800</v>
      </c>
      <c r="O164" s="3">
        <v>44713</v>
      </c>
      <c r="P164" s="3">
        <v>46538</v>
      </c>
    </row>
    <row r="165" spans="1:16" x14ac:dyDescent="0.15">
      <c r="A165" s="2" t="s">
        <v>49</v>
      </c>
      <c r="B165" s="2" t="s">
        <v>524</v>
      </c>
      <c r="C165" s="4" t="s">
        <v>6</v>
      </c>
      <c r="D165" s="5" t="s">
        <v>522</v>
      </c>
      <c r="E165" s="5" t="s">
        <v>523</v>
      </c>
      <c r="F165" s="6" t="s">
        <v>5</v>
      </c>
      <c r="G165" s="2"/>
      <c r="H165" s="4"/>
      <c r="I165" s="5"/>
      <c r="J165" s="5"/>
      <c r="K165" s="5"/>
      <c r="L165" s="6"/>
      <c r="M165" s="2" t="s">
        <v>525</v>
      </c>
      <c r="N165" s="3">
        <v>44354</v>
      </c>
      <c r="O165" s="3">
        <v>44354</v>
      </c>
      <c r="P165" s="3">
        <v>46843</v>
      </c>
    </row>
    <row r="166" spans="1:16" x14ac:dyDescent="0.15">
      <c r="A166" s="2" t="s">
        <v>49</v>
      </c>
      <c r="B166" s="2" t="s">
        <v>526</v>
      </c>
      <c r="C166" s="4" t="s">
        <v>6</v>
      </c>
      <c r="D166" s="5" t="s">
        <v>69</v>
      </c>
      <c r="E166" s="5" t="s">
        <v>527</v>
      </c>
      <c r="F166" s="6" t="s">
        <v>528</v>
      </c>
      <c r="G166" s="2"/>
      <c r="H166" s="4"/>
      <c r="I166" s="5"/>
      <c r="J166" s="5"/>
      <c r="K166" s="5"/>
      <c r="L166" s="6"/>
      <c r="M166" s="2" t="s">
        <v>529</v>
      </c>
      <c r="N166" s="3">
        <v>44357</v>
      </c>
      <c r="O166" s="3">
        <v>44357</v>
      </c>
      <c r="P166" s="3">
        <v>46904</v>
      </c>
    </row>
    <row r="167" spans="1:16" x14ac:dyDescent="0.15">
      <c r="A167" s="2" t="s">
        <v>49</v>
      </c>
      <c r="B167" s="2" t="s">
        <v>1336</v>
      </c>
      <c r="C167" s="4" t="s">
        <v>6</v>
      </c>
      <c r="D167" s="5" t="s">
        <v>1332</v>
      </c>
      <c r="E167" s="5" t="s">
        <v>5</v>
      </c>
      <c r="F167" s="6" t="s">
        <v>5</v>
      </c>
      <c r="G167" s="2" t="s">
        <v>1329</v>
      </c>
      <c r="H167" s="4" t="s">
        <v>9</v>
      </c>
      <c r="I167" s="5" t="s">
        <v>6</v>
      </c>
      <c r="J167" s="5" t="s">
        <v>1330</v>
      </c>
      <c r="K167" s="5" t="s">
        <v>5</v>
      </c>
      <c r="L167" s="6" t="s">
        <v>5</v>
      </c>
      <c r="M167" s="2" t="s">
        <v>1337</v>
      </c>
      <c r="N167" s="3">
        <v>40866</v>
      </c>
      <c r="O167" s="3">
        <v>44713</v>
      </c>
      <c r="P167" s="3">
        <v>46538</v>
      </c>
    </row>
    <row r="168" spans="1:16" x14ac:dyDescent="0.15">
      <c r="A168" s="2" t="s">
        <v>49</v>
      </c>
      <c r="B168" s="2" t="s">
        <v>1338</v>
      </c>
      <c r="C168" s="4" t="s">
        <v>6</v>
      </c>
      <c r="D168" s="5" t="s">
        <v>1332</v>
      </c>
      <c r="E168" s="5" t="s">
        <v>5</v>
      </c>
      <c r="F168" s="6" t="s">
        <v>5</v>
      </c>
      <c r="G168" s="2" t="s">
        <v>1329</v>
      </c>
      <c r="H168" s="4" t="s">
        <v>9</v>
      </c>
      <c r="I168" s="5" t="s">
        <v>6</v>
      </c>
      <c r="J168" s="5" t="s">
        <v>1330</v>
      </c>
      <c r="K168" s="5" t="s">
        <v>5</v>
      </c>
      <c r="L168" s="6" t="s">
        <v>5</v>
      </c>
      <c r="M168" s="2" t="s">
        <v>1339</v>
      </c>
      <c r="N168" s="3">
        <v>40866</v>
      </c>
      <c r="O168" s="3">
        <v>44713</v>
      </c>
      <c r="P168" s="3">
        <v>46538</v>
      </c>
    </row>
    <row r="169" spans="1:16" x14ac:dyDescent="0.15">
      <c r="A169" s="2" t="s">
        <v>49</v>
      </c>
      <c r="B169" s="2" t="s">
        <v>1340</v>
      </c>
      <c r="C169" s="4" t="s">
        <v>6</v>
      </c>
      <c r="D169" s="5" t="s">
        <v>456</v>
      </c>
      <c r="E169" s="5" t="s">
        <v>520</v>
      </c>
      <c r="F169" s="6" t="s">
        <v>5</v>
      </c>
      <c r="G169" s="2" t="s">
        <v>1329</v>
      </c>
      <c r="H169" s="4" t="s">
        <v>9</v>
      </c>
      <c r="I169" s="5" t="s">
        <v>6</v>
      </c>
      <c r="J169" s="5" t="s">
        <v>1330</v>
      </c>
      <c r="K169" s="5" t="s">
        <v>5</v>
      </c>
      <c r="L169" s="6" t="s">
        <v>5</v>
      </c>
      <c r="M169" s="2" t="s">
        <v>1341</v>
      </c>
      <c r="N169" s="3">
        <v>43186</v>
      </c>
      <c r="O169" s="3">
        <v>45078</v>
      </c>
      <c r="P169" s="3">
        <v>46904</v>
      </c>
    </row>
    <row r="170" spans="1:16" x14ac:dyDescent="0.15">
      <c r="A170" s="2" t="s">
        <v>49</v>
      </c>
      <c r="B170" s="2" t="s">
        <v>1342</v>
      </c>
      <c r="C170" s="4" t="s">
        <v>6</v>
      </c>
      <c r="D170" s="5" t="s">
        <v>456</v>
      </c>
      <c r="E170" s="5" t="s">
        <v>520</v>
      </c>
      <c r="F170" s="6" t="s">
        <v>5</v>
      </c>
      <c r="G170" s="2" t="s">
        <v>1329</v>
      </c>
      <c r="H170" s="4" t="s">
        <v>9</v>
      </c>
      <c r="I170" s="5" t="s">
        <v>6</v>
      </c>
      <c r="J170" s="5" t="s">
        <v>1330</v>
      </c>
      <c r="K170" s="5" t="s">
        <v>5</v>
      </c>
      <c r="L170" s="6" t="s">
        <v>5</v>
      </c>
      <c r="M170" s="2" t="s">
        <v>1343</v>
      </c>
      <c r="N170" s="3">
        <v>41426</v>
      </c>
      <c r="O170" s="3">
        <v>45078</v>
      </c>
      <c r="P170" s="3">
        <v>46904</v>
      </c>
    </row>
    <row r="171" spans="1:16" x14ac:dyDescent="0.15">
      <c r="A171" s="2" t="s">
        <v>49</v>
      </c>
      <c r="B171" s="2" t="s">
        <v>1344</v>
      </c>
      <c r="C171" s="4" t="s">
        <v>6</v>
      </c>
      <c r="D171" s="5" t="s">
        <v>1332</v>
      </c>
      <c r="E171" s="5" t="s">
        <v>5</v>
      </c>
      <c r="F171" s="6" t="s">
        <v>5</v>
      </c>
      <c r="G171" s="2" t="s">
        <v>1329</v>
      </c>
      <c r="H171" s="4" t="s">
        <v>9</v>
      </c>
      <c r="I171" s="5" t="s">
        <v>6</v>
      </c>
      <c r="J171" s="5" t="s">
        <v>1330</v>
      </c>
      <c r="K171" s="5" t="s">
        <v>5</v>
      </c>
      <c r="L171" s="6" t="s">
        <v>5</v>
      </c>
      <c r="M171" s="2" t="s">
        <v>1345</v>
      </c>
      <c r="N171" s="3">
        <v>43391</v>
      </c>
      <c r="O171" s="3">
        <v>45444</v>
      </c>
      <c r="P171" s="3">
        <v>47269</v>
      </c>
    </row>
    <row r="172" spans="1:16" x14ac:dyDescent="0.15">
      <c r="A172" s="2" t="s">
        <v>49</v>
      </c>
      <c r="B172" s="2" t="s">
        <v>1356</v>
      </c>
      <c r="C172" s="4" t="s">
        <v>6</v>
      </c>
      <c r="D172" s="5" t="s">
        <v>174</v>
      </c>
      <c r="E172" s="5" t="s">
        <v>579</v>
      </c>
      <c r="F172" s="6" t="s">
        <v>1357</v>
      </c>
      <c r="G172" s="2" t="s">
        <v>1354</v>
      </c>
      <c r="H172" s="4" t="s">
        <v>384</v>
      </c>
      <c r="I172" s="5" t="s">
        <v>1058</v>
      </c>
      <c r="J172" s="5" t="s">
        <v>1355</v>
      </c>
      <c r="K172" s="5" t="s">
        <v>5</v>
      </c>
      <c r="L172" s="6" t="s">
        <v>5</v>
      </c>
      <c r="M172" s="2" t="s">
        <v>1358</v>
      </c>
      <c r="N172" s="3">
        <v>44630</v>
      </c>
      <c r="O172" s="3">
        <v>44630</v>
      </c>
      <c r="P172" s="3">
        <v>47026</v>
      </c>
    </row>
    <row r="173" spans="1:16" x14ac:dyDescent="0.15">
      <c r="A173" s="2" t="s">
        <v>49</v>
      </c>
      <c r="B173" s="2" t="s">
        <v>1359</v>
      </c>
      <c r="C173" s="4" t="s">
        <v>6</v>
      </c>
      <c r="D173" s="5" t="s">
        <v>1360</v>
      </c>
      <c r="E173" s="5" t="s">
        <v>1361</v>
      </c>
      <c r="F173" s="6" t="s">
        <v>5</v>
      </c>
      <c r="G173" s="2" t="s">
        <v>1354</v>
      </c>
      <c r="H173" s="4" t="s">
        <v>384</v>
      </c>
      <c r="I173" s="5" t="s">
        <v>1058</v>
      </c>
      <c r="J173" s="5" t="s">
        <v>1355</v>
      </c>
      <c r="K173" s="5" t="s">
        <v>5</v>
      </c>
      <c r="L173" s="6" t="s">
        <v>5</v>
      </c>
      <c r="M173" s="2" t="s">
        <v>1362</v>
      </c>
      <c r="N173" s="3">
        <v>44907</v>
      </c>
      <c r="O173" s="3">
        <v>44907</v>
      </c>
      <c r="P173" s="3">
        <v>47208</v>
      </c>
    </row>
    <row r="174" spans="1:16" x14ac:dyDescent="0.15">
      <c r="A174" s="2" t="s">
        <v>49</v>
      </c>
      <c r="B174" s="2" t="s">
        <v>1363</v>
      </c>
      <c r="C174" s="4" t="s">
        <v>6</v>
      </c>
      <c r="D174" s="5" t="s">
        <v>69</v>
      </c>
      <c r="E174" s="5" t="s">
        <v>1364</v>
      </c>
      <c r="F174" s="6" t="s">
        <v>1365</v>
      </c>
      <c r="G174" s="2" t="s">
        <v>1354</v>
      </c>
      <c r="H174" s="4" t="s">
        <v>384</v>
      </c>
      <c r="I174" s="5" t="s">
        <v>1058</v>
      </c>
      <c r="J174" s="5" t="s">
        <v>1355</v>
      </c>
      <c r="K174" s="5" t="s">
        <v>5</v>
      </c>
      <c r="L174" s="6" t="s">
        <v>5</v>
      </c>
      <c r="M174" s="2" t="s">
        <v>1366</v>
      </c>
      <c r="N174" s="3">
        <v>44918</v>
      </c>
      <c r="O174" s="3">
        <v>44918</v>
      </c>
      <c r="P174" s="3">
        <v>47269</v>
      </c>
    </row>
    <row r="175" spans="1:16" x14ac:dyDescent="0.15">
      <c r="A175" s="2" t="s">
        <v>49</v>
      </c>
      <c r="B175" s="2" t="s">
        <v>1403</v>
      </c>
      <c r="C175" s="4" t="s">
        <v>6</v>
      </c>
      <c r="D175" s="5" t="s">
        <v>1401</v>
      </c>
      <c r="E175" s="5" t="s">
        <v>1402</v>
      </c>
      <c r="F175" s="6" t="s">
        <v>5</v>
      </c>
      <c r="G175" s="2" t="s">
        <v>1400</v>
      </c>
      <c r="H175" s="4" t="s">
        <v>9</v>
      </c>
      <c r="I175" s="5" t="s">
        <v>6</v>
      </c>
      <c r="J175" s="5" t="s">
        <v>1401</v>
      </c>
      <c r="K175" s="5" t="s">
        <v>1402</v>
      </c>
      <c r="L175" s="6" t="s">
        <v>5</v>
      </c>
      <c r="M175" s="2" t="s">
        <v>1404</v>
      </c>
      <c r="N175" s="3">
        <v>37609</v>
      </c>
      <c r="O175" s="3">
        <v>44470</v>
      </c>
      <c r="P175" s="3">
        <v>46660</v>
      </c>
    </row>
    <row r="176" spans="1:16" x14ac:dyDescent="0.15">
      <c r="A176" s="2" t="s">
        <v>49</v>
      </c>
      <c r="B176" s="2" t="s">
        <v>1407</v>
      </c>
      <c r="C176" s="4" t="s">
        <v>6</v>
      </c>
      <c r="D176" s="5" t="s">
        <v>174</v>
      </c>
      <c r="E176" s="5" t="s">
        <v>1208</v>
      </c>
      <c r="F176" s="6" t="s">
        <v>5</v>
      </c>
      <c r="G176" s="2" t="s">
        <v>1405</v>
      </c>
      <c r="H176" s="4" t="s">
        <v>9</v>
      </c>
      <c r="I176" s="5" t="s">
        <v>6</v>
      </c>
      <c r="J176" s="5" t="s">
        <v>1406</v>
      </c>
      <c r="K176" s="5" t="s">
        <v>609</v>
      </c>
      <c r="L176" s="6" t="s">
        <v>5</v>
      </c>
      <c r="M176" s="2" t="s">
        <v>1408</v>
      </c>
      <c r="N176" s="3">
        <v>42074</v>
      </c>
      <c r="O176" s="3">
        <v>44470</v>
      </c>
      <c r="P176" s="3">
        <v>46660</v>
      </c>
    </row>
    <row r="177" spans="1:16" x14ac:dyDescent="0.15">
      <c r="A177" s="2" t="s">
        <v>49</v>
      </c>
      <c r="B177" s="2" t="s">
        <v>1426</v>
      </c>
      <c r="C177" s="4" t="s">
        <v>6</v>
      </c>
      <c r="D177" s="5" t="s">
        <v>1427</v>
      </c>
      <c r="E177" s="5" t="s">
        <v>1428</v>
      </c>
      <c r="F177" s="6" t="s">
        <v>5</v>
      </c>
      <c r="G177" s="2" t="s">
        <v>1422</v>
      </c>
      <c r="H177" s="4" t="s">
        <v>29</v>
      </c>
      <c r="I177" s="5" t="s">
        <v>1423</v>
      </c>
      <c r="J177" s="5" t="s">
        <v>1424</v>
      </c>
      <c r="K177" s="5" t="s">
        <v>1425</v>
      </c>
      <c r="L177" s="6" t="s">
        <v>5</v>
      </c>
      <c r="M177" s="2" t="s">
        <v>1429</v>
      </c>
      <c r="N177" s="3">
        <v>44414</v>
      </c>
      <c r="O177" s="3">
        <v>44414</v>
      </c>
      <c r="P177" s="3">
        <v>46691</v>
      </c>
    </row>
    <row r="178" spans="1:16" x14ac:dyDescent="0.15">
      <c r="A178" s="2" t="s">
        <v>49</v>
      </c>
      <c r="B178" s="2" t="s">
        <v>593</v>
      </c>
      <c r="C178" s="4" t="s">
        <v>6</v>
      </c>
      <c r="D178" s="5" t="s">
        <v>594</v>
      </c>
      <c r="E178" s="5" t="s">
        <v>595</v>
      </c>
      <c r="F178" s="6" t="s">
        <v>5</v>
      </c>
      <c r="G178" s="2"/>
      <c r="H178" s="4"/>
      <c r="I178" s="5"/>
      <c r="J178" s="5"/>
      <c r="K178" s="5"/>
      <c r="L178" s="6"/>
      <c r="M178" s="2" t="s">
        <v>596</v>
      </c>
      <c r="N178" s="3">
        <v>42249</v>
      </c>
      <c r="O178" s="3">
        <v>44378</v>
      </c>
      <c r="P178" s="3">
        <v>46203</v>
      </c>
    </row>
    <row r="179" spans="1:16" x14ac:dyDescent="0.15">
      <c r="A179" s="2" t="s">
        <v>49</v>
      </c>
      <c r="B179" s="2" t="s">
        <v>597</v>
      </c>
      <c r="C179" s="4" t="s">
        <v>6</v>
      </c>
      <c r="D179" s="5" t="s">
        <v>598</v>
      </c>
      <c r="E179" s="5" t="s">
        <v>599</v>
      </c>
      <c r="F179" s="6" t="s">
        <v>5</v>
      </c>
      <c r="G179" s="2"/>
      <c r="H179" s="4"/>
      <c r="I179" s="5"/>
      <c r="J179" s="5"/>
      <c r="K179" s="5"/>
      <c r="L179" s="6"/>
      <c r="M179" s="2" t="s">
        <v>600</v>
      </c>
      <c r="N179" s="3">
        <v>32582</v>
      </c>
      <c r="O179" s="3">
        <v>44378</v>
      </c>
      <c r="P179" s="3">
        <v>46203</v>
      </c>
    </row>
    <row r="180" spans="1:16" x14ac:dyDescent="0.15">
      <c r="A180" s="2" t="s">
        <v>49</v>
      </c>
      <c r="B180" s="2" t="s">
        <v>602</v>
      </c>
      <c r="C180" s="4" t="s">
        <v>6</v>
      </c>
      <c r="D180" s="5" t="s">
        <v>603</v>
      </c>
      <c r="E180" s="5" t="s">
        <v>604</v>
      </c>
      <c r="F180" s="6" t="s">
        <v>605</v>
      </c>
      <c r="G180" s="2"/>
      <c r="H180" s="4"/>
      <c r="I180" s="5"/>
      <c r="J180" s="5"/>
      <c r="K180" s="5"/>
      <c r="L180" s="6"/>
      <c r="M180" s="2" t="s">
        <v>606</v>
      </c>
      <c r="N180" s="3">
        <v>44354</v>
      </c>
      <c r="O180" s="3">
        <v>44354</v>
      </c>
      <c r="P180" s="3">
        <v>46507</v>
      </c>
    </row>
    <row r="181" spans="1:16" x14ac:dyDescent="0.15">
      <c r="A181" s="2" t="s">
        <v>49</v>
      </c>
      <c r="B181" s="2" t="s">
        <v>607</v>
      </c>
      <c r="C181" s="4" t="s">
        <v>6</v>
      </c>
      <c r="D181" s="5" t="s">
        <v>608</v>
      </c>
      <c r="E181" s="5" t="s">
        <v>609</v>
      </c>
      <c r="F181" s="6" t="s">
        <v>610</v>
      </c>
      <c r="G181" s="2"/>
      <c r="H181" s="4"/>
      <c r="I181" s="5"/>
      <c r="J181" s="5"/>
      <c r="K181" s="5"/>
      <c r="L181" s="6"/>
      <c r="M181" s="2" t="s">
        <v>611</v>
      </c>
      <c r="N181" s="3">
        <v>44355</v>
      </c>
      <c r="O181" s="3">
        <v>44355</v>
      </c>
      <c r="P181" s="3">
        <v>46356</v>
      </c>
    </row>
    <row r="182" spans="1:16" x14ac:dyDescent="0.15">
      <c r="A182" s="2" t="s">
        <v>49</v>
      </c>
      <c r="B182" s="2" t="s">
        <v>1458</v>
      </c>
      <c r="C182" s="4" t="s">
        <v>6</v>
      </c>
      <c r="D182" s="5" t="s">
        <v>378</v>
      </c>
      <c r="E182" s="5" t="s">
        <v>1459</v>
      </c>
      <c r="F182" s="6" t="s">
        <v>5</v>
      </c>
      <c r="G182" s="2" t="s">
        <v>1456</v>
      </c>
      <c r="H182" s="4" t="s">
        <v>9</v>
      </c>
      <c r="I182" s="5" t="s">
        <v>6</v>
      </c>
      <c r="J182" s="5" t="s">
        <v>1457</v>
      </c>
      <c r="K182" s="5" t="s">
        <v>5</v>
      </c>
      <c r="L182" s="6" t="s">
        <v>5</v>
      </c>
      <c r="M182" s="2" t="s">
        <v>1460</v>
      </c>
      <c r="N182" s="3">
        <v>43191</v>
      </c>
      <c r="O182" s="3">
        <v>45078</v>
      </c>
      <c r="P182" s="3">
        <v>46904</v>
      </c>
    </row>
    <row r="183" spans="1:16" x14ac:dyDescent="0.15">
      <c r="A183" s="2" t="s">
        <v>49</v>
      </c>
      <c r="B183" s="2" t="s">
        <v>1473</v>
      </c>
      <c r="C183" s="4" t="s">
        <v>6</v>
      </c>
      <c r="D183" s="5" t="s">
        <v>1027</v>
      </c>
      <c r="E183" s="5" t="s">
        <v>1474</v>
      </c>
      <c r="F183" s="6" t="s">
        <v>1475</v>
      </c>
      <c r="G183" s="2" t="s">
        <v>1472</v>
      </c>
      <c r="H183" s="4" t="s">
        <v>9</v>
      </c>
      <c r="I183" s="5" t="s">
        <v>6</v>
      </c>
      <c r="J183" s="5" t="s">
        <v>1027</v>
      </c>
      <c r="K183" s="5" t="s">
        <v>609</v>
      </c>
      <c r="L183" s="6" t="s">
        <v>5</v>
      </c>
      <c r="M183" s="2" t="s">
        <v>1476</v>
      </c>
      <c r="N183" s="3">
        <v>44412</v>
      </c>
      <c r="O183" s="3">
        <v>44412</v>
      </c>
      <c r="P183" s="3">
        <v>46356</v>
      </c>
    </row>
    <row r="184" spans="1:16" x14ac:dyDescent="0.15">
      <c r="A184" s="2" t="s">
        <v>49</v>
      </c>
      <c r="B184" s="2" t="s">
        <v>1500</v>
      </c>
      <c r="C184" s="4" t="s">
        <v>6</v>
      </c>
      <c r="D184" s="5" t="s">
        <v>1501</v>
      </c>
      <c r="E184" s="5" t="s">
        <v>1502</v>
      </c>
      <c r="F184" s="6" t="s">
        <v>5</v>
      </c>
      <c r="G184" s="2" t="s">
        <v>1497</v>
      </c>
      <c r="H184" s="4" t="s">
        <v>9</v>
      </c>
      <c r="I184" s="5" t="s">
        <v>6</v>
      </c>
      <c r="J184" s="5" t="s">
        <v>1498</v>
      </c>
      <c r="K184" s="5" t="s">
        <v>1499</v>
      </c>
      <c r="L184" s="6" t="s">
        <v>5</v>
      </c>
      <c r="M184" s="2" t="s">
        <v>1503</v>
      </c>
      <c r="N184" s="3">
        <v>41836</v>
      </c>
      <c r="O184" s="3">
        <v>44317</v>
      </c>
      <c r="P184" s="3">
        <v>46507</v>
      </c>
    </row>
    <row r="185" spans="1:16" x14ac:dyDescent="0.15">
      <c r="A185" s="2" t="s">
        <v>49</v>
      </c>
      <c r="B185" s="2" t="s">
        <v>1504</v>
      </c>
      <c r="C185" s="4" t="s">
        <v>6</v>
      </c>
      <c r="D185" s="5" t="s">
        <v>1505</v>
      </c>
      <c r="E185" s="5" t="s">
        <v>1506</v>
      </c>
      <c r="F185" s="6" t="s">
        <v>5</v>
      </c>
      <c r="G185" s="2" t="s">
        <v>1497</v>
      </c>
      <c r="H185" s="4" t="s">
        <v>9</v>
      </c>
      <c r="I185" s="5" t="s">
        <v>6</v>
      </c>
      <c r="J185" s="5" t="s">
        <v>1498</v>
      </c>
      <c r="K185" s="5" t="s">
        <v>1499</v>
      </c>
      <c r="L185" s="6" t="s">
        <v>5</v>
      </c>
      <c r="M185" s="2" t="s">
        <v>1507</v>
      </c>
      <c r="N185" s="3">
        <v>42036</v>
      </c>
      <c r="O185" s="3">
        <v>44317</v>
      </c>
      <c r="P185" s="3">
        <v>46507</v>
      </c>
    </row>
    <row r="186" spans="1:16" x14ac:dyDescent="0.15">
      <c r="A186" s="2" t="s">
        <v>16</v>
      </c>
      <c r="B186" s="2" t="s">
        <v>637</v>
      </c>
      <c r="C186" s="4" t="s">
        <v>6</v>
      </c>
      <c r="D186" s="5" t="s">
        <v>638</v>
      </c>
      <c r="E186" s="5" t="s">
        <v>639</v>
      </c>
      <c r="F186" s="6" t="s">
        <v>5</v>
      </c>
      <c r="G186" s="2"/>
      <c r="H186" s="4"/>
      <c r="I186" s="5"/>
      <c r="J186" s="5"/>
      <c r="K186" s="5"/>
      <c r="L186" s="6"/>
      <c r="M186" s="2" t="s">
        <v>640</v>
      </c>
      <c r="N186" s="3">
        <v>44352</v>
      </c>
      <c r="O186" s="3">
        <v>44352</v>
      </c>
      <c r="P186" s="3">
        <v>46203</v>
      </c>
    </row>
    <row r="187" spans="1:16" x14ac:dyDescent="0.15">
      <c r="A187" s="2" t="s">
        <v>49</v>
      </c>
      <c r="B187" s="2" t="s">
        <v>1509</v>
      </c>
      <c r="C187" s="4" t="s">
        <v>6</v>
      </c>
      <c r="D187" s="5" t="s">
        <v>1510</v>
      </c>
      <c r="E187" s="5" t="s">
        <v>1511</v>
      </c>
      <c r="F187" s="6" t="s">
        <v>5</v>
      </c>
      <c r="G187" s="2" t="s">
        <v>1497</v>
      </c>
      <c r="H187" s="4" t="s">
        <v>9</v>
      </c>
      <c r="I187" s="5" t="s">
        <v>6</v>
      </c>
      <c r="J187" s="5" t="s">
        <v>1508</v>
      </c>
      <c r="K187" s="5" t="s">
        <v>5</v>
      </c>
      <c r="L187" s="6" t="s">
        <v>5</v>
      </c>
      <c r="M187" s="2" t="s">
        <v>1512</v>
      </c>
      <c r="N187" s="3">
        <v>42787</v>
      </c>
      <c r="O187" s="3">
        <v>45200</v>
      </c>
      <c r="P187" s="3">
        <v>47391</v>
      </c>
    </row>
    <row r="188" spans="1:16" x14ac:dyDescent="0.15">
      <c r="A188" s="2" t="s">
        <v>49</v>
      </c>
      <c r="B188" s="2" t="s">
        <v>1513</v>
      </c>
      <c r="C188" s="4" t="s">
        <v>6</v>
      </c>
      <c r="D188" s="5" t="s">
        <v>1148</v>
      </c>
      <c r="E188" s="5" t="s">
        <v>1514</v>
      </c>
      <c r="F188" s="6" t="s">
        <v>5</v>
      </c>
      <c r="G188" s="2" t="s">
        <v>1497</v>
      </c>
      <c r="H188" s="4" t="s">
        <v>9</v>
      </c>
      <c r="I188" s="5" t="s">
        <v>6</v>
      </c>
      <c r="J188" s="5" t="s">
        <v>1508</v>
      </c>
      <c r="K188" s="5" t="s">
        <v>5</v>
      </c>
      <c r="L188" s="6" t="s">
        <v>5</v>
      </c>
      <c r="M188" s="2" t="s">
        <v>1515</v>
      </c>
      <c r="N188" s="3">
        <v>39029</v>
      </c>
      <c r="O188" s="3">
        <v>45383</v>
      </c>
      <c r="P188" s="3">
        <v>47573</v>
      </c>
    </row>
    <row r="189" spans="1:16" x14ac:dyDescent="0.15">
      <c r="A189" s="2" t="s">
        <v>49</v>
      </c>
      <c r="B189" s="2" t="s">
        <v>1516</v>
      </c>
      <c r="C189" s="4" t="s">
        <v>6</v>
      </c>
      <c r="D189" s="5" t="s">
        <v>1517</v>
      </c>
      <c r="E189" s="5" t="s">
        <v>1518</v>
      </c>
      <c r="F189" s="6" t="s">
        <v>5</v>
      </c>
      <c r="G189" s="2" t="s">
        <v>1497</v>
      </c>
      <c r="H189" s="4" t="s">
        <v>9</v>
      </c>
      <c r="I189" s="5" t="s">
        <v>6</v>
      </c>
      <c r="J189" s="5" t="s">
        <v>1508</v>
      </c>
      <c r="K189" s="5" t="s">
        <v>5</v>
      </c>
      <c r="L189" s="6" t="s">
        <v>5</v>
      </c>
      <c r="M189" s="2" t="s">
        <v>1519</v>
      </c>
      <c r="N189" s="3">
        <v>42430</v>
      </c>
      <c r="O189" s="3">
        <v>44835</v>
      </c>
      <c r="P189" s="3">
        <v>47026</v>
      </c>
    </row>
    <row r="190" spans="1:16" x14ac:dyDescent="0.15">
      <c r="A190" s="2" t="s">
        <v>49</v>
      </c>
      <c r="B190" s="2" t="s">
        <v>1535</v>
      </c>
      <c r="C190" s="4" t="s">
        <v>6</v>
      </c>
      <c r="D190" s="5" t="s">
        <v>1027</v>
      </c>
      <c r="E190" s="5" t="s">
        <v>1536</v>
      </c>
      <c r="F190" s="6" t="s">
        <v>1537</v>
      </c>
      <c r="G190" s="2" t="s">
        <v>1533</v>
      </c>
      <c r="H190" s="4" t="s">
        <v>384</v>
      </c>
      <c r="I190" s="5" t="s">
        <v>441</v>
      </c>
      <c r="J190" s="5" t="s">
        <v>959</v>
      </c>
      <c r="K190" s="5" t="s">
        <v>1534</v>
      </c>
      <c r="L190" s="6" t="s">
        <v>5</v>
      </c>
      <c r="M190" s="2" t="s">
        <v>1538</v>
      </c>
      <c r="N190" s="3">
        <v>44414</v>
      </c>
      <c r="O190" s="3">
        <v>44414</v>
      </c>
      <c r="P190" s="3">
        <v>46356</v>
      </c>
    </row>
    <row r="191" spans="1:16" x14ac:dyDescent="0.15">
      <c r="A191" s="2" t="s">
        <v>49</v>
      </c>
      <c r="B191" s="2" t="s">
        <v>1583</v>
      </c>
      <c r="C191" s="4" t="s">
        <v>6</v>
      </c>
      <c r="D191" s="5" t="s">
        <v>456</v>
      </c>
      <c r="E191" s="5" t="s">
        <v>457</v>
      </c>
      <c r="F191" s="6" t="s">
        <v>5</v>
      </c>
      <c r="G191" s="2" t="s">
        <v>1580</v>
      </c>
      <c r="H191" s="4" t="s">
        <v>9</v>
      </c>
      <c r="I191" s="5" t="s">
        <v>6</v>
      </c>
      <c r="J191" s="5" t="s">
        <v>1581</v>
      </c>
      <c r="K191" s="5" t="s">
        <v>1582</v>
      </c>
      <c r="L191" s="6" t="s">
        <v>5</v>
      </c>
      <c r="M191" s="2" t="s">
        <v>1584</v>
      </c>
      <c r="N191" s="3">
        <v>44419</v>
      </c>
      <c r="O191" s="3">
        <v>44419</v>
      </c>
      <c r="P191" s="3">
        <v>46538</v>
      </c>
    </row>
    <row r="192" spans="1:16" x14ac:dyDescent="0.15">
      <c r="A192" s="2" t="s">
        <v>49</v>
      </c>
      <c r="B192" s="2" t="s">
        <v>1585</v>
      </c>
      <c r="C192" s="4" t="s">
        <v>6</v>
      </c>
      <c r="D192" s="5" t="s">
        <v>1027</v>
      </c>
      <c r="E192" s="5" t="s">
        <v>1586</v>
      </c>
      <c r="F192" s="6" t="s">
        <v>1587</v>
      </c>
      <c r="G192" s="2" t="s">
        <v>1580</v>
      </c>
      <c r="H192" s="4" t="s">
        <v>9</v>
      </c>
      <c r="I192" s="5" t="s">
        <v>6</v>
      </c>
      <c r="J192" s="5" t="s">
        <v>1581</v>
      </c>
      <c r="K192" s="5" t="s">
        <v>1582</v>
      </c>
      <c r="L192" s="6" t="s">
        <v>5</v>
      </c>
      <c r="M192" s="2" t="s">
        <v>1588</v>
      </c>
      <c r="N192" s="3">
        <v>44343</v>
      </c>
      <c r="O192" s="3">
        <v>44343</v>
      </c>
      <c r="P192" s="3">
        <v>46356</v>
      </c>
    </row>
    <row r="193" spans="1:16" x14ac:dyDescent="0.15">
      <c r="A193" s="2" t="s">
        <v>42</v>
      </c>
      <c r="B193" s="2" t="s">
        <v>669</v>
      </c>
      <c r="C193" s="4" t="s">
        <v>6</v>
      </c>
      <c r="D193" s="5" t="s">
        <v>670</v>
      </c>
      <c r="E193" s="5" t="s">
        <v>5</v>
      </c>
      <c r="F193" s="6" t="s">
        <v>5</v>
      </c>
      <c r="G193" s="2"/>
      <c r="H193" s="4"/>
      <c r="I193" s="5"/>
      <c r="J193" s="5"/>
      <c r="K193" s="5"/>
      <c r="L193" s="6"/>
      <c r="M193" s="2" t="s">
        <v>671</v>
      </c>
      <c r="N193" s="3">
        <v>42027</v>
      </c>
      <c r="O193" s="3">
        <v>44378</v>
      </c>
      <c r="P193" s="3">
        <v>46568</v>
      </c>
    </row>
    <row r="194" spans="1:16" x14ac:dyDescent="0.15">
      <c r="A194" s="2" t="s">
        <v>49</v>
      </c>
      <c r="B194" s="2" t="s">
        <v>673</v>
      </c>
      <c r="C194" s="4" t="s">
        <v>6</v>
      </c>
      <c r="D194" s="5" t="s">
        <v>672</v>
      </c>
      <c r="E194" s="5" t="s">
        <v>674</v>
      </c>
      <c r="F194" s="6" t="s">
        <v>675</v>
      </c>
      <c r="G194" s="2"/>
      <c r="H194" s="4"/>
      <c r="I194" s="5"/>
      <c r="J194" s="5"/>
      <c r="K194" s="5"/>
      <c r="L194" s="6"/>
      <c r="M194" s="2" t="s">
        <v>676</v>
      </c>
      <c r="N194" s="3">
        <v>44373</v>
      </c>
      <c r="O194" s="3">
        <v>44373</v>
      </c>
      <c r="P194" s="3">
        <v>46843</v>
      </c>
    </row>
    <row r="195" spans="1:16" x14ac:dyDescent="0.15">
      <c r="A195" s="2" t="s">
        <v>16</v>
      </c>
      <c r="B195" s="2" t="s">
        <v>673</v>
      </c>
      <c r="C195" s="4" t="s">
        <v>6</v>
      </c>
      <c r="D195" s="5" t="s">
        <v>672</v>
      </c>
      <c r="E195" s="5" t="s">
        <v>674</v>
      </c>
      <c r="F195" s="6" t="s">
        <v>675</v>
      </c>
      <c r="G195" s="2"/>
      <c r="H195" s="4"/>
      <c r="I195" s="5"/>
      <c r="J195" s="5"/>
      <c r="K195" s="5"/>
      <c r="L195" s="6"/>
      <c r="M195" s="2" t="s">
        <v>677</v>
      </c>
      <c r="N195" s="3">
        <v>45211</v>
      </c>
      <c r="O195" s="3">
        <v>45211</v>
      </c>
      <c r="P195" s="3">
        <v>47573</v>
      </c>
    </row>
    <row r="196" spans="1:16" x14ac:dyDescent="0.15">
      <c r="A196" s="2" t="s">
        <v>49</v>
      </c>
      <c r="B196" s="2" t="s">
        <v>1589</v>
      </c>
      <c r="C196" s="4" t="s">
        <v>6</v>
      </c>
      <c r="D196" s="5" t="s">
        <v>1581</v>
      </c>
      <c r="E196" s="5" t="s">
        <v>1590</v>
      </c>
      <c r="F196" s="6" t="s">
        <v>1591</v>
      </c>
      <c r="G196" s="2" t="s">
        <v>1580</v>
      </c>
      <c r="H196" s="4" t="s">
        <v>9</v>
      </c>
      <c r="I196" s="5" t="s">
        <v>6</v>
      </c>
      <c r="J196" s="5" t="s">
        <v>1581</v>
      </c>
      <c r="K196" s="5" t="s">
        <v>1582</v>
      </c>
      <c r="L196" s="6" t="s">
        <v>5</v>
      </c>
      <c r="M196" s="2" t="s">
        <v>1592</v>
      </c>
      <c r="N196" s="3">
        <v>43964</v>
      </c>
      <c r="O196" s="3">
        <v>43964</v>
      </c>
      <c r="P196" s="3">
        <v>46173</v>
      </c>
    </row>
    <row r="197" spans="1:16" x14ac:dyDescent="0.15">
      <c r="A197" s="2" t="s">
        <v>49</v>
      </c>
      <c r="B197" s="2" t="s">
        <v>1593</v>
      </c>
      <c r="C197" s="4" t="s">
        <v>6</v>
      </c>
      <c r="D197" s="5" t="s">
        <v>69</v>
      </c>
      <c r="E197" s="5" t="s">
        <v>856</v>
      </c>
      <c r="F197" s="6" t="s">
        <v>1594</v>
      </c>
      <c r="G197" s="2" t="s">
        <v>1580</v>
      </c>
      <c r="H197" s="4" t="s">
        <v>9</v>
      </c>
      <c r="I197" s="5" t="s">
        <v>6</v>
      </c>
      <c r="J197" s="5" t="s">
        <v>1581</v>
      </c>
      <c r="K197" s="5" t="s">
        <v>1582</v>
      </c>
      <c r="L197" s="6" t="s">
        <v>5</v>
      </c>
      <c r="M197" s="2" t="s">
        <v>1595</v>
      </c>
      <c r="N197" s="3">
        <v>44343</v>
      </c>
      <c r="O197" s="3">
        <v>44343</v>
      </c>
      <c r="P197" s="3">
        <v>46173</v>
      </c>
    </row>
    <row r="198" spans="1:16" x14ac:dyDescent="0.15">
      <c r="A198" s="2" t="s">
        <v>49</v>
      </c>
      <c r="B198" s="2" t="s">
        <v>1596</v>
      </c>
      <c r="C198" s="4" t="s">
        <v>6</v>
      </c>
      <c r="D198" s="5" t="s">
        <v>1027</v>
      </c>
      <c r="E198" s="5" t="s">
        <v>1597</v>
      </c>
      <c r="F198" s="6" t="s">
        <v>1598</v>
      </c>
      <c r="G198" s="2" t="s">
        <v>1580</v>
      </c>
      <c r="H198" s="4" t="s">
        <v>9</v>
      </c>
      <c r="I198" s="5" t="s">
        <v>6</v>
      </c>
      <c r="J198" s="5" t="s">
        <v>1581</v>
      </c>
      <c r="K198" s="5" t="s">
        <v>1582</v>
      </c>
      <c r="L198" s="6" t="s">
        <v>5</v>
      </c>
      <c r="M198" s="2" t="s">
        <v>1599</v>
      </c>
      <c r="N198" s="3">
        <v>44568</v>
      </c>
      <c r="O198" s="3">
        <v>44568</v>
      </c>
      <c r="P198" s="3">
        <v>46721</v>
      </c>
    </row>
    <row r="199" spans="1:16" x14ac:dyDescent="0.15">
      <c r="A199" s="2" t="s">
        <v>49</v>
      </c>
      <c r="B199" s="2" t="s">
        <v>1600</v>
      </c>
      <c r="C199" s="4" t="s">
        <v>6</v>
      </c>
      <c r="D199" s="5" t="s">
        <v>247</v>
      </c>
      <c r="E199" s="5" t="s">
        <v>337</v>
      </c>
      <c r="F199" s="6" t="s">
        <v>1601</v>
      </c>
      <c r="G199" s="2" t="s">
        <v>1580</v>
      </c>
      <c r="H199" s="4" t="s">
        <v>9</v>
      </c>
      <c r="I199" s="5" t="s">
        <v>6</v>
      </c>
      <c r="J199" s="5" t="s">
        <v>1581</v>
      </c>
      <c r="K199" s="5" t="s">
        <v>1582</v>
      </c>
      <c r="L199" s="6" t="s">
        <v>5</v>
      </c>
      <c r="M199" s="2" t="s">
        <v>1602</v>
      </c>
      <c r="N199" s="3">
        <v>44728</v>
      </c>
      <c r="O199" s="3">
        <v>44728</v>
      </c>
      <c r="P199" s="3">
        <v>46904</v>
      </c>
    </row>
    <row r="200" spans="1:16" x14ac:dyDescent="0.15">
      <c r="A200" s="2" t="s">
        <v>49</v>
      </c>
      <c r="B200" s="2" t="s">
        <v>1603</v>
      </c>
      <c r="C200" s="4" t="s">
        <v>6</v>
      </c>
      <c r="D200" s="5" t="s">
        <v>616</v>
      </c>
      <c r="E200" s="5" t="s">
        <v>1604</v>
      </c>
      <c r="F200" s="6" t="s">
        <v>1605</v>
      </c>
      <c r="G200" s="2" t="s">
        <v>1580</v>
      </c>
      <c r="H200" s="4" t="s">
        <v>9</v>
      </c>
      <c r="I200" s="5" t="s">
        <v>6</v>
      </c>
      <c r="J200" s="5" t="s">
        <v>1581</v>
      </c>
      <c r="K200" s="5" t="s">
        <v>1582</v>
      </c>
      <c r="L200" s="6" t="s">
        <v>5</v>
      </c>
      <c r="M200" s="2" t="s">
        <v>1606</v>
      </c>
      <c r="N200" s="3">
        <v>45082</v>
      </c>
      <c r="O200" s="3">
        <v>45082</v>
      </c>
      <c r="P200" s="3">
        <v>47452</v>
      </c>
    </row>
    <row r="201" spans="1:16" x14ac:dyDescent="0.15">
      <c r="A201" s="2" t="s">
        <v>49</v>
      </c>
      <c r="B201" s="2" t="s">
        <v>1607</v>
      </c>
      <c r="C201" s="4" t="s">
        <v>6</v>
      </c>
      <c r="D201" s="5" t="s">
        <v>1027</v>
      </c>
      <c r="E201" s="5" t="s">
        <v>1608</v>
      </c>
      <c r="F201" s="6" t="s">
        <v>1609</v>
      </c>
      <c r="G201" s="2" t="s">
        <v>1580</v>
      </c>
      <c r="H201" s="4" t="s">
        <v>9</v>
      </c>
      <c r="I201" s="5" t="s">
        <v>6</v>
      </c>
      <c r="J201" s="5" t="s">
        <v>1581</v>
      </c>
      <c r="K201" s="5" t="s">
        <v>1582</v>
      </c>
      <c r="L201" s="6" t="s">
        <v>5</v>
      </c>
      <c r="M201" s="2" t="s">
        <v>1610</v>
      </c>
      <c r="N201" s="3">
        <v>45078</v>
      </c>
      <c r="O201" s="3">
        <v>45078</v>
      </c>
      <c r="P201" s="3">
        <v>47087</v>
      </c>
    </row>
    <row r="202" spans="1:16" x14ac:dyDescent="0.15">
      <c r="A202" s="2" t="s">
        <v>49</v>
      </c>
      <c r="B202" s="2" t="s">
        <v>1614</v>
      </c>
      <c r="C202" s="4" t="s">
        <v>6</v>
      </c>
      <c r="D202" s="5" t="s">
        <v>174</v>
      </c>
      <c r="E202" s="5" t="s">
        <v>1615</v>
      </c>
      <c r="F202" s="6" t="s">
        <v>1616</v>
      </c>
      <c r="G202" s="2" t="s">
        <v>1611</v>
      </c>
      <c r="H202" s="4" t="s">
        <v>9</v>
      </c>
      <c r="I202" s="5" t="s">
        <v>663</v>
      </c>
      <c r="J202" s="5" t="s">
        <v>1612</v>
      </c>
      <c r="K202" s="5" t="s">
        <v>1613</v>
      </c>
      <c r="L202" s="6" t="s">
        <v>5</v>
      </c>
      <c r="M202" s="2" t="s">
        <v>1617</v>
      </c>
      <c r="N202" s="3">
        <v>42077</v>
      </c>
      <c r="O202" s="3">
        <v>44470</v>
      </c>
      <c r="P202" s="3">
        <v>46660</v>
      </c>
    </row>
    <row r="203" spans="1:16" x14ac:dyDescent="0.15">
      <c r="A203" s="2" t="s">
        <v>49</v>
      </c>
      <c r="B203" s="2" t="s">
        <v>713</v>
      </c>
      <c r="C203" s="4" t="s">
        <v>6</v>
      </c>
      <c r="D203" s="5" t="s">
        <v>711</v>
      </c>
      <c r="E203" s="5" t="s">
        <v>712</v>
      </c>
      <c r="F203" s="6" t="s">
        <v>5</v>
      </c>
      <c r="G203" s="2"/>
      <c r="H203" s="4"/>
      <c r="I203" s="5"/>
      <c r="J203" s="5"/>
      <c r="K203" s="5"/>
      <c r="L203" s="6"/>
      <c r="M203" s="2" t="s">
        <v>714</v>
      </c>
      <c r="N203" s="3">
        <v>32516</v>
      </c>
      <c r="O203" s="3">
        <v>44378</v>
      </c>
      <c r="P203" s="3">
        <v>46203</v>
      </c>
    </row>
    <row r="204" spans="1:16" x14ac:dyDescent="0.15">
      <c r="A204" s="2" t="s">
        <v>49</v>
      </c>
      <c r="B204" s="2" t="s">
        <v>716</v>
      </c>
      <c r="C204" s="4" t="s">
        <v>6</v>
      </c>
      <c r="D204" s="5" t="s">
        <v>456</v>
      </c>
      <c r="E204" s="5" t="s">
        <v>520</v>
      </c>
      <c r="F204" s="6" t="s">
        <v>5</v>
      </c>
      <c r="G204" s="2"/>
      <c r="H204" s="4"/>
      <c r="I204" s="5"/>
      <c r="J204" s="5"/>
      <c r="K204" s="5"/>
      <c r="L204" s="6"/>
      <c r="M204" s="2" t="s">
        <v>717</v>
      </c>
      <c r="N204" s="3">
        <v>44351</v>
      </c>
      <c r="O204" s="3">
        <v>44351</v>
      </c>
      <c r="P204" s="3">
        <v>46538</v>
      </c>
    </row>
    <row r="205" spans="1:16" x14ac:dyDescent="0.15">
      <c r="A205" s="2" t="s">
        <v>49</v>
      </c>
      <c r="B205" s="2" t="s">
        <v>719</v>
      </c>
      <c r="C205" s="4" t="s">
        <v>6</v>
      </c>
      <c r="D205" s="5" t="s">
        <v>247</v>
      </c>
      <c r="E205" s="5" t="s">
        <v>720</v>
      </c>
      <c r="F205" s="6" t="s">
        <v>5</v>
      </c>
      <c r="G205" s="2"/>
      <c r="H205" s="4"/>
      <c r="I205" s="5"/>
      <c r="J205" s="5"/>
      <c r="K205" s="5"/>
      <c r="L205" s="6"/>
      <c r="M205" s="2" t="s">
        <v>721</v>
      </c>
      <c r="N205" s="3">
        <v>44358</v>
      </c>
      <c r="O205" s="3">
        <v>44358</v>
      </c>
      <c r="P205" s="3">
        <v>46538</v>
      </c>
    </row>
    <row r="206" spans="1:16" x14ac:dyDescent="0.15">
      <c r="A206" s="2" t="s">
        <v>49</v>
      </c>
      <c r="B206" s="2" t="s">
        <v>1621</v>
      </c>
      <c r="C206" s="4" t="s">
        <v>6</v>
      </c>
      <c r="D206" s="5" t="s">
        <v>1619</v>
      </c>
      <c r="E206" s="5" t="s">
        <v>1622</v>
      </c>
      <c r="F206" s="6" t="s">
        <v>5</v>
      </c>
      <c r="G206" s="2" t="s">
        <v>1618</v>
      </c>
      <c r="H206" s="4" t="s">
        <v>9</v>
      </c>
      <c r="I206" s="5" t="s">
        <v>6</v>
      </c>
      <c r="J206" s="5" t="s">
        <v>1619</v>
      </c>
      <c r="K206" s="5" t="s">
        <v>1620</v>
      </c>
      <c r="L206" s="6" t="s">
        <v>5</v>
      </c>
      <c r="M206" s="2" t="s">
        <v>1623</v>
      </c>
      <c r="N206" s="3">
        <v>44419</v>
      </c>
      <c r="O206" s="3">
        <v>44419</v>
      </c>
      <c r="P206" s="3">
        <v>46660</v>
      </c>
    </row>
    <row r="207" spans="1:16" x14ac:dyDescent="0.15">
      <c r="A207" s="2" t="s">
        <v>49</v>
      </c>
      <c r="B207" s="2" t="s">
        <v>1628</v>
      </c>
      <c r="C207" s="4" t="s">
        <v>6</v>
      </c>
      <c r="D207" s="5" t="s">
        <v>1629</v>
      </c>
      <c r="E207" s="5" t="s">
        <v>5</v>
      </c>
      <c r="F207" s="6" t="s">
        <v>5</v>
      </c>
      <c r="G207" s="2" t="s">
        <v>1624</v>
      </c>
      <c r="H207" s="4" t="s">
        <v>542</v>
      </c>
      <c r="I207" s="5" t="s">
        <v>1625</v>
      </c>
      <c r="J207" s="5" t="s">
        <v>1626</v>
      </c>
      <c r="K207" s="5" t="s">
        <v>1627</v>
      </c>
      <c r="L207" s="6" t="s">
        <v>5</v>
      </c>
      <c r="M207" s="2" t="s">
        <v>1630</v>
      </c>
      <c r="N207" s="3">
        <v>40841</v>
      </c>
      <c r="O207" s="3">
        <v>45383</v>
      </c>
      <c r="P207" s="3">
        <v>47573</v>
      </c>
    </row>
    <row r="208" spans="1:16" x14ac:dyDescent="0.15">
      <c r="A208" s="2" t="s">
        <v>49</v>
      </c>
      <c r="B208" s="2" t="s">
        <v>1642</v>
      </c>
      <c r="C208" s="4" t="s">
        <v>6</v>
      </c>
      <c r="D208" s="5" t="s">
        <v>174</v>
      </c>
      <c r="E208" s="5" t="s">
        <v>1208</v>
      </c>
      <c r="F208" s="6" t="s">
        <v>5</v>
      </c>
      <c r="G208" s="2" t="s">
        <v>1640</v>
      </c>
      <c r="H208" s="4" t="s">
        <v>384</v>
      </c>
      <c r="I208" s="5" t="s">
        <v>441</v>
      </c>
      <c r="J208" s="5" t="s">
        <v>1641</v>
      </c>
      <c r="K208" s="5" t="s">
        <v>609</v>
      </c>
      <c r="L208" s="6" t="s">
        <v>5</v>
      </c>
      <c r="M208" s="2" t="s">
        <v>1643</v>
      </c>
      <c r="N208" s="3">
        <v>42074</v>
      </c>
      <c r="O208" s="3">
        <v>44470</v>
      </c>
      <c r="P208" s="3">
        <v>46660</v>
      </c>
    </row>
    <row r="209" spans="1:16" x14ac:dyDescent="0.15">
      <c r="A209" s="2" t="s">
        <v>49</v>
      </c>
      <c r="B209" s="2" t="s">
        <v>1646</v>
      </c>
      <c r="C209" s="4" t="s">
        <v>6</v>
      </c>
      <c r="D209" s="5" t="s">
        <v>174</v>
      </c>
      <c r="E209" s="5" t="s">
        <v>1208</v>
      </c>
      <c r="F209" s="6" t="s">
        <v>5</v>
      </c>
      <c r="G209" s="2" t="s">
        <v>1644</v>
      </c>
      <c r="H209" s="4" t="s">
        <v>9</v>
      </c>
      <c r="I209" s="5" t="s">
        <v>6</v>
      </c>
      <c r="J209" s="5" t="s">
        <v>200</v>
      </c>
      <c r="K209" s="5" t="s">
        <v>1645</v>
      </c>
      <c r="L209" s="6" t="s">
        <v>5</v>
      </c>
      <c r="M209" s="2" t="s">
        <v>1647</v>
      </c>
      <c r="N209" s="3">
        <v>42074</v>
      </c>
      <c r="O209" s="3">
        <v>44470</v>
      </c>
      <c r="P209" s="3">
        <v>46660</v>
      </c>
    </row>
    <row r="210" spans="1:16" x14ac:dyDescent="0.15">
      <c r="A210" s="2" t="s">
        <v>42</v>
      </c>
      <c r="B210" s="2" t="s">
        <v>750</v>
      </c>
      <c r="C210" s="4" t="s">
        <v>6</v>
      </c>
      <c r="D210" s="5" t="s">
        <v>751</v>
      </c>
      <c r="E210" s="5" t="s">
        <v>5</v>
      </c>
      <c r="F210" s="6" t="s">
        <v>5</v>
      </c>
      <c r="G210" s="2" t="s">
        <v>748</v>
      </c>
      <c r="H210" s="4" t="s">
        <v>9</v>
      </c>
      <c r="I210" s="5" t="s">
        <v>6</v>
      </c>
      <c r="J210" s="5" t="s">
        <v>749</v>
      </c>
      <c r="K210" s="5" t="s">
        <v>5</v>
      </c>
      <c r="L210" s="6" t="s">
        <v>5</v>
      </c>
      <c r="M210" s="2" t="s">
        <v>752</v>
      </c>
      <c r="N210" s="3">
        <v>44362</v>
      </c>
      <c r="O210" s="3">
        <v>44362</v>
      </c>
      <c r="P210" s="3">
        <v>46843</v>
      </c>
    </row>
    <row r="211" spans="1:16" x14ac:dyDescent="0.15">
      <c r="A211" s="2" t="s">
        <v>486</v>
      </c>
      <c r="B211" s="2" t="s">
        <v>750</v>
      </c>
      <c r="C211" s="4" t="s">
        <v>6</v>
      </c>
      <c r="D211" s="5" t="s">
        <v>751</v>
      </c>
      <c r="E211" s="5" t="s">
        <v>5</v>
      </c>
      <c r="F211" s="6" t="s">
        <v>5</v>
      </c>
      <c r="G211" s="2" t="s">
        <v>748</v>
      </c>
      <c r="H211" s="4" t="s">
        <v>9</v>
      </c>
      <c r="I211" s="5" t="s">
        <v>6</v>
      </c>
      <c r="J211" s="5" t="s">
        <v>749</v>
      </c>
      <c r="K211" s="5" t="s">
        <v>5</v>
      </c>
      <c r="L211" s="6" t="s">
        <v>5</v>
      </c>
      <c r="M211" s="2" t="s">
        <v>753</v>
      </c>
      <c r="N211" s="3">
        <v>44362</v>
      </c>
      <c r="O211" s="3">
        <v>44362</v>
      </c>
      <c r="P211" s="3">
        <v>46843</v>
      </c>
    </row>
    <row r="212" spans="1:16" x14ac:dyDescent="0.15">
      <c r="A212" s="2" t="s">
        <v>49</v>
      </c>
      <c r="B212" s="2" t="s">
        <v>754</v>
      </c>
      <c r="C212" s="4" t="s">
        <v>6</v>
      </c>
      <c r="D212" s="5" t="s">
        <v>755</v>
      </c>
      <c r="E212" s="5" t="s">
        <v>756</v>
      </c>
      <c r="F212" s="6" t="s">
        <v>5</v>
      </c>
      <c r="G212" s="2" t="s">
        <v>748</v>
      </c>
      <c r="H212" s="4" t="s">
        <v>9</v>
      </c>
      <c r="I212" s="5" t="s">
        <v>6</v>
      </c>
      <c r="J212" s="5" t="s">
        <v>749</v>
      </c>
      <c r="K212" s="5" t="s">
        <v>5</v>
      </c>
      <c r="L212" s="6" t="s">
        <v>5</v>
      </c>
      <c r="M212" s="2" t="s">
        <v>757</v>
      </c>
      <c r="N212" s="3">
        <v>44757</v>
      </c>
      <c r="O212" s="3">
        <v>44757</v>
      </c>
      <c r="P212" s="3">
        <v>47208</v>
      </c>
    </row>
    <row r="213" spans="1:16" x14ac:dyDescent="0.15">
      <c r="A213" s="2" t="s">
        <v>49</v>
      </c>
      <c r="B213" s="2" t="s">
        <v>1648</v>
      </c>
      <c r="C213" s="4" t="s">
        <v>6</v>
      </c>
      <c r="D213" s="5" t="s">
        <v>1649</v>
      </c>
      <c r="E213" s="5" t="s">
        <v>1650</v>
      </c>
      <c r="F213" s="6" t="s">
        <v>5</v>
      </c>
      <c r="G213" s="2" t="s">
        <v>1644</v>
      </c>
      <c r="H213" s="4" t="s">
        <v>9</v>
      </c>
      <c r="I213" s="5" t="s">
        <v>6</v>
      </c>
      <c r="J213" s="5" t="s">
        <v>200</v>
      </c>
      <c r="K213" s="5" t="s">
        <v>1645</v>
      </c>
      <c r="L213" s="6" t="s">
        <v>5</v>
      </c>
      <c r="M213" s="2" t="s">
        <v>1651</v>
      </c>
      <c r="N213" s="3">
        <v>44804</v>
      </c>
      <c r="O213" s="3">
        <v>44804</v>
      </c>
      <c r="P213" s="3">
        <v>47422</v>
      </c>
    </row>
    <row r="214" spans="1:16" x14ac:dyDescent="0.15">
      <c r="A214" s="2" t="s">
        <v>49</v>
      </c>
      <c r="B214" s="2" t="s">
        <v>765</v>
      </c>
      <c r="C214" s="4" t="s">
        <v>6</v>
      </c>
      <c r="D214" s="5" t="s">
        <v>33</v>
      </c>
      <c r="E214" s="5" t="s">
        <v>766</v>
      </c>
      <c r="F214" s="6" t="s">
        <v>767</v>
      </c>
      <c r="G214" s="2"/>
      <c r="H214" s="4"/>
      <c r="I214" s="5"/>
      <c r="J214" s="5"/>
      <c r="K214" s="5"/>
      <c r="L214" s="6"/>
      <c r="M214" s="2" t="s">
        <v>768</v>
      </c>
      <c r="N214" s="3">
        <v>45019</v>
      </c>
      <c r="O214" s="3">
        <v>45019</v>
      </c>
      <c r="P214" s="3">
        <v>47238</v>
      </c>
    </row>
    <row r="215" spans="1:16" x14ac:dyDescent="0.15">
      <c r="A215" s="2" t="s">
        <v>49</v>
      </c>
      <c r="B215" s="2" t="s">
        <v>769</v>
      </c>
      <c r="C215" s="4" t="s">
        <v>6</v>
      </c>
      <c r="D215" s="5" t="s">
        <v>608</v>
      </c>
      <c r="E215" s="5" t="s">
        <v>770</v>
      </c>
      <c r="F215" s="6" t="s">
        <v>771</v>
      </c>
      <c r="G215" s="2"/>
      <c r="H215" s="4"/>
      <c r="I215" s="5"/>
      <c r="J215" s="5"/>
      <c r="K215" s="5"/>
      <c r="L215" s="6"/>
      <c r="M215" s="2" t="s">
        <v>773</v>
      </c>
      <c r="N215" s="3">
        <v>44363</v>
      </c>
      <c r="O215" s="3">
        <v>44363</v>
      </c>
      <c r="P215" s="3">
        <v>46721</v>
      </c>
    </row>
    <row r="216" spans="1:16" x14ac:dyDescent="0.15">
      <c r="A216" s="2" t="s">
        <v>49</v>
      </c>
      <c r="B216" s="2" t="s">
        <v>774</v>
      </c>
      <c r="C216" s="4" t="s">
        <v>6</v>
      </c>
      <c r="D216" s="5" t="s">
        <v>608</v>
      </c>
      <c r="E216" s="5" t="s">
        <v>775</v>
      </c>
      <c r="F216" s="6" t="s">
        <v>776</v>
      </c>
      <c r="G216" s="2"/>
      <c r="H216" s="4"/>
      <c r="I216" s="5"/>
      <c r="J216" s="5"/>
      <c r="K216" s="5"/>
      <c r="L216" s="6"/>
      <c r="M216" s="2" t="s">
        <v>777</v>
      </c>
      <c r="N216" s="3">
        <v>44365</v>
      </c>
      <c r="O216" s="3">
        <v>44365</v>
      </c>
      <c r="P216" s="3">
        <v>46356</v>
      </c>
    </row>
    <row r="217" spans="1:16" x14ac:dyDescent="0.15">
      <c r="A217" s="2" t="s">
        <v>49</v>
      </c>
      <c r="B217" s="2" t="s">
        <v>1655</v>
      </c>
      <c r="C217" s="4" t="s">
        <v>6</v>
      </c>
      <c r="D217" s="5" t="s">
        <v>134</v>
      </c>
      <c r="E217" s="5" t="s">
        <v>1656</v>
      </c>
      <c r="F217" s="6" t="s">
        <v>5</v>
      </c>
      <c r="G217" s="2" t="s">
        <v>1653</v>
      </c>
      <c r="H217" s="4" t="s">
        <v>9</v>
      </c>
      <c r="I217" s="5" t="s">
        <v>6</v>
      </c>
      <c r="J217" s="5" t="s">
        <v>1654</v>
      </c>
      <c r="K217" s="5" t="s">
        <v>5</v>
      </c>
      <c r="L217" s="6" t="s">
        <v>5</v>
      </c>
      <c r="M217" s="2" t="s">
        <v>1657</v>
      </c>
      <c r="N217" s="3">
        <v>44427</v>
      </c>
      <c r="O217" s="3">
        <v>44427</v>
      </c>
      <c r="P217" s="3">
        <v>46691</v>
      </c>
    </row>
    <row r="218" spans="1:16" x14ac:dyDescent="0.15">
      <c r="A218" s="2" t="s">
        <v>49</v>
      </c>
      <c r="B218" s="2" t="s">
        <v>1667</v>
      </c>
      <c r="C218" s="4" t="s">
        <v>6</v>
      </c>
      <c r="D218" s="5" t="s">
        <v>1419</v>
      </c>
      <c r="E218" s="5" t="s">
        <v>1265</v>
      </c>
      <c r="F218" s="6" t="s">
        <v>5</v>
      </c>
      <c r="G218" s="2" t="s">
        <v>1665</v>
      </c>
      <c r="H218" s="4" t="s">
        <v>9</v>
      </c>
      <c r="I218" s="5" t="s">
        <v>6</v>
      </c>
      <c r="J218" s="5" t="s">
        <v>1666</v>
      </c>
      <c r="K218" s="5" t="s">
        <v>5</v>
      </c>
      <c r="L218" s="6" t="s">
        <v>5</v>
      </c>
      <c r="M218" s="2" t="s">
        <v>1668</v>
      </c>
      <c r="N218" s="3">
        <v>37361</v>
      </c>
      <c r="O218" s="3">
        <v>44835</v>
      </c>
      <c r="P218" s="3">
        <v>46660</v>
      </c>
    </row>
    <row r="219" spans="1:16" x14ac:dyDescent="0.15">
      <c r="A219" s="2" t="s">
        <v>49</v>
      </c>
      <c r="B219" s="2" t="s">
        <v>1677</v>
      </c>
      <c r="C219" s="4" t="s">
        <v>6</v>
      </c>
      <c r="D219" s="5" t="s">
        <v>174</v>
      </c>
      <c r="E219" s="5" t="s">
        <v>1208</v>
      </c>
      <c r="F219" s="6" t="s">
        <v>5</v>
      </c>
      <c r="G219" s="2" t="s">
        <v>1674</v>
      </c>
      <c r="H219" s="4" t="s">
        <v>9</v>
      </c>
      <c r="I219" s="5" t="s">
        <v>6</v>
      </c>
      <c r="J219" s="5" t="s">
        <v>1675</v>
      </c>
      <c r="K219" s="5" t="s">
        <v>1676</v>
      </c>
      <c r="L219" s="6" t="s">
        <v>5</v>
      </c>
      <c r="M219" s="2" t="s">
        <v>1678</v>
      </c>
      <c r="N219" s="3">
        <v>44470</v>
      </c>
      <c r="O219" s="3">
        <v>44470</v>
      </c>
      <c r="P219" s="3">
        <v>46660</v>
      </c>
    </row>
    <row r="220" spans="1:16" x14ac:dyDescent="0.15">
      <c r="A220" s="2" t="s">
        <v>66</v>
      </c>
      <c r="B220" s="2" t="s">
        <v>796</v>
      </c>
      <c r="C220" s="4" t="s">
        <v>6</v>
      </c>
      <c r="D220" s="5" t="s">
        <v>797</v>
      </c>
      <c r="E220" s="5" t="s">
        <v>798</v>
      </c>
      <c r="F220" s="6" t="s">
        <v>5</v>
      </c>
      <c r="G220" s="2"/>
      <c r="H220" s="4"/>
      <c r="I220" s="5"/>
      <c r="J220" s="5"/>
      <c r="K220" s="5"/>
      <c r="L220" s="6"/>
      <c r="M220" s="2" t="s">
        <v>799</v>
      </c>
      <c r="N220" s="3">
        <v>44364</v>
      </c>
      <c r="O220" s="3">
        <v>44364</v>
      </c>
      <c r="P220" s="3">
        <v>46477</v>
      </c>
    </row>
    <row r="221" spans="1:16" x14ac:dyDescent="0.15">
      <c r="A221" s="2" t="s">
        <v>49</v>
      </c>
      <c r="B221" s="2" t="s">
        <v>1680</v>
      </c>
      <c r="C221" s="4" t="s">
        <v>6</v>
      </c>
      <c r="D221" s="5" t="s">
        <v>85</v>
      </c>
      <c r="E221" s="5" t="s">
        <v>86</v>
      </c>
      <c r="F221" s="6" t="s">
        <v>1681</v>
      </c>
      <c r="G221" s="2" t="s">
        <v>1674</v>
      </c>
      <c r="H221" s="4" t="s">
        <v>9</v>
      </c>
      <c r="I221" s="5" t="s">
        <v>6</v>
      </c>
      <c r="J221" s="5" t="s">
        <v>1675</v>
      </c>
      <c r="K221" s="5" t="s">
        <v>1676</v>
      </c>
      <c r="L221" s="6" t="s">
        <v>5</v>
      </c>
      <c r="M221" s="2" t="s">
        <v>1682</v>
      </c>
      <c r="N221" s="3">
        <v>40495</v>
      </c>
      <c r="O221" s="3">
        <v>45047</v>
      </c>
      <c r="P221" s="3">
        <v>47238</v>
      </c>
    </row>
    <row r="222" spans="1:16" x14ac:dyDescent="0.15">
      <c r="A222" s="2" t="s">
        <v>49</v>
      </c>
      <c r="B222" s="2" t="s">
        <v>807</v>
      </c>
      <c r="C222" s="4" t="s">
        <v>6</v>
      </c>
      <c r="D222" s="5" t="s">
        <v>608</v>
      </c>
      <c r="E222" s="5" t="s">
        <v>808</v>
      </c>
      <c r="F222" s="6" t="s">
        <v>809</v>
      </c>
      <c r="G222" s="2"/>
      <c r="H222" s="4"/>
      <c r="I222" s="5"/>
      <c r="J222" s="5"/>
      <c r="K222" s="5"/>
      <c r="L222" s="6"/>
      <c r="M222" s="2" t="s">
        <v>810</v>
      </c>
      <c r="N222" s="3">
        <v>44364</v>
      </c>
      <c r="O222" s="3">
        <v>44364</v>
      </c>
      <c r="P222" s="3">
        <v>46721</v>
      </c>
    </row>
    <row r="223" spans="1:16" x14ac:dyDescent="0.15">
      <c r="A223" s="2" t="s">
        <v>49</v>
      </c>
      <c r="B223" s="2" t="s">
        <v>812</v>
      </c>
      <c r="C223" s="4" t="s">
        <v>6</v>
      </c>
      <c r="D223" s="5" t="s">
        <v>456</v>
      </c>
      <c r="E223" s="5" t="s">
        <v>457</v>
      </c>
      <c r="F223" s="6" t="s">
        <v>5</v>
      </c>
      <c r="G223" s="2"/>
      <c r="H223" s="4"/>
      <c r="I223" s="5"/>
      <c r="J223" s="5"/>
      <c r="K223" s="5"/>
      <c r="L223" s="6"/>
      <c r="M223" s="2" t="s">
        <v>813</v>
      </c>
      <c r="N223" s="3">
        <v>44364</v>
      </c>
      <c r="O223" s="3">
        <v>44364</v>
      </c>
      <c r="P223" s="3">
        <v>46538</v>
      </c>
    </row>
    <row r="224" spans="1:16" x14ac:dyDescent="0.15">
      <c r="A224" s="2" t="s">
        <v>49</v>
      </c>
      <c r="B224" s="2" t="s">
        <v>814</v>
      </c>
      <c r="C224" s="4" t="s">
        <v>6</v>
      </c>
      <c r="D224" s="5" t="s">
        <v>815</v>
      </c>
      <c r="E224" s="5" t="s">
        <v>816</v>
      </c>
      <c r="F224" s="6" t="s">
        <v>817</v>
      </c>
      <c r="G224" s="2"/>
      <c r="H224" s="4"/>
      <c r="I224" s="5"/>
      <c r="J224" s="5"/>
      <c r="K224" s="5"/>
      <c r="L224" s="6"/>
      <c r="M224" s="2" t="s">
        <v>818</v>
      </c>
      <c r="N224" s="3">
        <v>42506</v>
      </c>
      <c r="O224" s="3">
        <v>44835</v>
      </c>
      <c r="P224" s="3">
        <v>47026</v>
      </c>
    </row>
    <row r="225" spans="1:16" x14ac:dyDescent="0.15">
      <c r="A225" s="2" t="s">
        <v>49</v>
      </c>
      <c r="B225" s="2" t="s">
        <v>820</v>
      </c>
      <c r="C225" s="4" t="s">
        <v>6</v>
      </c>
      <c r="D225" s="5" t="s">
        <v>330</v>
      </c>
      <c r="E225" s="5" t="s">
        <v>821</v>
      </c>
      <c r="F225" s="6" t="s">
        <v>5</v>
      </c>
      <c r="G225" s="2"/>
      <c r="H225" s="4"/>
      <c r="I225" s="5"/>
      <c r="J225" s="5"/>
      <c r="K225" s="5"/>
      <c r="L225" s="6"/>
      <c r="M225" s="2" t="s">
        <v>822</v>
      </c>
      <c r="N225" s="3">
        <v>41938</v>
      </c>
      <c r="O225" s="3">
        <v>44378</v>
      </c>
      <c r="P225" s="3">
        <v>46568</v>
      </c>
    </row>
    <row r="226" spans="1:16" x14ac:dyDescent="0.15">
      <c r="A226" s="2" t="s">
        <v>49</v>
      </c>
      <c r="B226" s="2" t="s">
        <v>1684</v>
      </c>
      <c r="C226" s="4" t="s">
        <v>6</v>
      </c>
      <c r="D226" s="5" t="s">
        <v>570</v>
      </c>
      <c r="E226" s="5" t="s">
        <v>1685</v>
      </c>
      <c r="F226" s="6" t="s">
        <v>1686</v>
      </c>
      <c r="G226" s="2" t="s">
        <v>1674</v>
      </c>
      <c r="H226" s="4" t="s">
        <v>9</v>
      </c>
      <c r="I226" s="5" t="s">
        <v>6</v>
      </c>
      <c r="J226" s="5" t="s">
        <v>1675</v>
      </c>
      <c r="K226" s="5" t="s">
        <v>1676</v>
      </c>
      <c r="L226" s="6" t="s">
        <v>5</v>
      </c>
      <c r="M226" s="2" t="s">
        <v>1687</v>
      </c>
      <c r="N226" s="3">
        <v>37070</v>
      </c>
      <c r="O226" s="3">
        <v>45413</v>
      </c>
      <c r="P226" s="3">
        <v>47603</v>
      </c>
    </row>
    <row r="227" spans="1:16" x14ac:dyDescent="0.15">
      <c r="A227" s="2" t="s">
        <v>49</v>
      </c>
      <c r="B227" s="2" t="s">
        <v>1737</v>
      </c>
      <c r="C227" s="4" t="s">
        <v>6</v>
      </c>
      <c r="D227" s="5" t="s">
        <v>434</v>
      </c>
      <c r="E227" s="5" t="s">
        <v>1738</v>
      </c>
      <c r="F227" s="6" t="s">
        <v>5</v>
      </c>
      <c r="G227" s="2" t="s">
        <v>1735</v>
      </c>
      <c r="H227" s="4" t="s">
        <v>9</v>
      </c>
      <c r="I227" s="5" t="s">
        <v>6</v>
      </c>
      <c r="J227" s="5" t="s">
        <v>1736</v>
      </c>
      <c r="K227" s="5" t="s">
        <v>1540</v>
      </c>
      <c r="L227" s="6" t="s">
        <v>5</v>
      </c>
      <c r="M227" s="2" t="s">
        <v>1739</v>
      </c>
      <c r="N227" s="3">
        <v>40005</v>
      </c>
      <c r="O227" s="3">
        <v>44501</v>
      </c>
      <c r="P227" s="3">
        <v>46691</v>
      </c>
    </row>
    <row r="228" spans="1:16" x14ac:dyDescent="0.15">
      <c r="A228" s="2" t="s">
        <v>49</v>
      </c>
      <c r="B228" s="2" t="s">
        <v>1740</v>
      </c>
      <c r="C228" s="4" t="s">
        <v>6</v>
      </c>
      <c r="D228" s="5" t="s">
        <v>1741</v>
      </c>
      <c r="E228" s="5" t="s">
        <v>1742</v>
      </c>
      <c r="F228" s="6" t="s">
        <v>5</v>
      </c>
      <c r="G228" s="2" t="s">
        <v>1735</v>
      </c>
      <c r="H228" s="4" t="s">
        <v>9</v>
      </c>
      <c r="I228" s="5" t="s">
        <v>6</v>
      </c>
      <c r="J228" s="5" t="s">
        <v>1736</v>
      </c>
      <c r="K228" s="5" t="s">
        <v>1540</v>
      </c>
      <c r="L228" s="6" t="s">
        <v>5</v>
      </c>
      <c r="M228" s="2" t="s">
        <v>1743</v>
      </c>
      <c r="N228" s="3">
        <v>44554</v>
      </c>
      <c r="O228" s="3">
        <v>44554</v>
      </c>
      <c r="P228" s="3">
        <v>47391</v>
      </c>
    </row>
    <row r="229" spans="1:16" x14ac:dyDescent="0.15">
      <c r="A229" s="2" t="s">
        <v>49</v>
      </c>
      <c r="B229" s="2" t="s">
        <v>1744</v>
      </c>
      <c r="C229" s="4" t="s">
        <v>6</v>
      </c>
      <c r="D229" s="5" t="s">
        <v>189</v>
      </c>
      <c r="E229" s="5" t="s">
        <v>1745</v>
      </c>
      <c r="F229" s="6" t="s">
        <v>5</v>
      </c>
      <c r="G229" s="2" t="s">
        <v>1735</v>
      </c>
      <c r="H229" s="4" t="s">
        <v>9</v>
      </c>
      <c r="I229" s="5" t="s">
        <v>6</v>
      </c>
      <c r="J229" s="5" t="s">
        <v>1736</v>
      </c>
      <c r="K229" s="5" t="s">
        <v>1540</v>
      </c>
      <c r="L229" s="6" t="s">
        <v>5</v>
      </c>
      <c r="M229" s="2" t="s">
        <v>1746</v>
      </c>
      <c r="N229" s="3">
        <v>38019</v>
      </c>
      <c r="O229" s="3">
        <v>44835</v>
      </c>
      <c r="P229" s="3">
        <v>47026</v>
      </c>
    </row>
    <row r="230" spans="1:16" x14ac:dyDescent="0.15">
      <c r="A230" s="2" t="s">
        <v>49</v>
      </c>
      <c r="B230" s="2" t="s">
        <v>1747</v>
      </c>
      <c r="C230" s="4" t="s">
        <v>6</v>
      </c>
      <c r="D230" s="5" t="s">
        <v>954</v>
      </c>
      <c r="E230" s="5" t="s">
        <v>1748</v>
      </c>
      <c r="F230" s="6" t="s">
        <v>5</v>
      </c>
      <c r="G230" s="2" t="s">
        <v>1735</v>
      </c>
      <c r="H230" s="4" t="s">
        <v>9</v>
      </c>
      <c r="I230" s="5" t="s">
        <v>6</v>
      </c>
      <c r="J230" s="5" t="s">
        <v>1736</v>
      </c>
      <c r="K230" s="5" t="s">
        <v>1540</v>
      </c>
      <c r="L230" s="6" t="s">
        <v>5</v>
      </c>
      <c r="M230" s="2" t="s">
        <v>1749</v>
      </c>
      <c r="N230" s="3">
        <v>36739</v>
      </c>
      <c r="O230" s="3">
        <v>44835</v>
      </c>
      <c r="P230" s="3">
        <v>47026</v>
      </c>
    </row>
    <row r="231" spans="1:16" x14ac:dyDescent="0.15">
      <c r="A231" s="2" t="s">
        <v>49</v>
      </c>
      <c r="B231" s="2" t="s">
        <v>1750</v>
      </c>
      <c r="C231" s="4" t="s">
        <v>6</v>
      </c>
      <c r="D231" s="5" t="s">
        <v>954</v>
      </c>
      <c r="E231" s="5" t="s">
        <v>1751</v>
      </c>
      <c r="F231" s="6" t="s">
        <v>5</v>
      </c>
      <c r="G231" s="2" t="s">
        <v>1735</v>
      </c>
      <c r="H231" s="4" t="s">
        <v>9</v>
      </c>
      <c r="I231" s="5" t="s">
        <v>6</v>
      </c>
      <c r="J231" s="5" t="s">
        <v>1736</v>
      </c>
      <c r="K231" s="5" t="s">
        <v>1540</v>
      </c>
      <c r="L231" s="6" t="s">
        <v>5</v>
      </c>
      <c r="M231" s="2" t="s">
        <v>1752</v>
      </c>
      <c r="N231" s="3">
        <v>36739</v>
      </c>
      <c r="O231" s="3">
        <v>44835</v>
      </c>
      <c r="P231" s="3">
        <v>47026</v>
      </c>
    </row>
    <row r="232" spans="1:16" x14ac:dyDescent="0.15">
      <c r="A232" s="2" t="s">
        <v>49</v>
      </c>
      <c r="B232" s="2" t="s">
        <v>1753</v>
      </c>
      <c r="C232" s="4" t="s">
        <v>6</v>
      </c>
      <c r="D232" s="5" t="s">
        <v>1754</v>
      </c>
      <c r="E232" s="5" t="s">
        <v>1755</v>
      </c>
      <c r="F232" s="6" t="s">
        <v>5</v>
      </c>
      <c r="G232" s="2" t="s">
        <v>1735</v>
      </c>
      <c r="H232" s="4" t="s">
        <v>9</v>
      </c>
      <c r="I232" s="5" t="s">
        <v>6</v>
      </c>
      <c r="J232" s="5" t="s">
        <v>1736</v>
      </c>
      <c r="K232" s="5" t="s">
        <v>1540</v>
      </c>
      <c r="L232" s="6" t="s">
        <v>5</v>
      </c>
      <c r="M232" s="2" t="s">
        <v>1756</v>
      </c>
      <c r="N232" s="3">
        <v>31908</v>
      </c>
      <c r="O232" s="3">
        <v>45047</v>
      </c>
      <c r="P232" s="3">
        <v>47238</v>
      </c>
    </row>
    <row r="233" spans="1:16" x14ac:dyDescent="0.15">
      <c r="A233" s="2" t="s">
        <v>49</v>
      </c>
      <c r="B233" s="2" t="s">
        <v>1757</v>
      </c>
      <c r="C233" s="4" t="s">
        <v>6</v>
      </c>
      <c r="D233" s="5" t="s">
        <v>1758</v>
      </c>
      <c r="E233" s="5" t="s">
        <v>1759</v>
      </c>
      <c r="F233" s="6" t="s">
        <v>5</v>
      </c>
      <c r="G233" s="2" t="s">
        <v>1735</v>
      </c>
      <c r="H233" s="4" t="s">
        <v>9</v>
      </c>
      <c r="I233" s="5" t="s">
        <v>6</v>
      </c>
      <c r="J233" s="5" t="s">
        <v>1736</v>
      </c>
      <c r="K233" s="5" t="s">
        <v>1540</v>
      </c>
      <c r="L233" s="6" t="s">
        <v>5</v>
      </c>
      <c r="M233" s="2" t="s">
        <v>1760</v>
      </c>
      <c r="N233" s="3">
        <v>39466</v>
      </c>
      <c r="O233" s="3">
        <v>44105</v>
      </c>
      <c r="P233" s="3">
        <v>46295</v>
      </c>
    </row>
    <row r="234" spans="1:16" x14ac:dyDescent="0.15">
      <c r="A234" s="2" t="s">
        <v>49</v>
      </c>
      <c r="B234" s="2" t="s">
        <v>1761</v>
      </c>
      <c r="C234" s="4" t="s">
        <v>6</v>
      </c>
      <c r="D234" s="5" t="s">
        <v>1762</v>
      </c>
      <c r="E234" s="5" t="s">
        <v>1763</v>
      </c>
      <c r="F234" s="6" t="s">
        <v>5</v>
      </c>
      <c r="G234" s="2" t="s">
        <v>1735</v>
      </c>
      <c r="H234" s="4" t="s">
        <v>9</v>
      </c>
      <c r="I234" s="5" t="s">
        <v>6</v>
      </c>
      <c r="J234" s="5" t="s">
        <v>1736</v>
      </c>
      <c r="K234" s="5" t="s">
        <v>1540</v>
      </c>
      <c r="L234" s="6" t="s">
        <v>5</v>
      </c>
      <c r="M234" s="2" t="s">
        <v>1764</v>
      </c>
      <c r="N234" s="3">
        <v>41382</v>
      </c>
      <c r="O234" s="3">
        <v>45474</v>
      </c>
      <c r="P234" s="3">
        <v>47664</v>
      </c>
    </row>
    <row r="235" spans="1:16" x14ac:dyDescent="0.15">
      <c r="A235" s="2" t="s">
        <v>49</v>
      </c>
      <c r="B235" s="2" t="s">
        <v>1778</v>
      </c>
      <c r="C235" s="4" t="s">
        <v>6</v>
      </c>
      <c r="D235" s="5" t="s">
        <v>1581</v>
      </c>
      <c r="E235" s="5" t="s">
        <v>1779</v>
      </c>
      <c r="F235" s="6" t="s">
        <v>5</v>
      </c>
      <c r="G235" s="2" t="s">
        <v>1776</v>
      </c>
      <c r="H235" s="4" t="s">
        <v>9</v>
      </c>
      <c r="I235" s="5" t="s">
        <v>6</v>
      </c>
      <c r="J235" s="5" t="s">
        <v>1675</v>
      </c>
      <c r="K235" s="5" t="s">
        <v>1777</v>
      </c>
      <c r="L235" s="6" t="s">
        <v>5</v>
      </c>
      <c r="M235" s="2" t="s">
        <v>1780</v>
      </c>
      <c r="N235" s="3">
        <v>42445</v>
      </c>
      <c r="O235" s="3">
        <v>44470</v>
      </c>
      <c r="P235" s="3">
        <v>46295</v>
      </c>
    </row>
    <row r="236" spans="1:16" x14ac:dyDescent="0.15">
      <c r="A236" s="2" t="s">
        <v>49</v>
      </c>
      <c r="B236" s="2" t="s">
        <v>1784</v>
      </c>
      <c r="C236" s="4" t="s">
        <v>6</v>
      </c>
      <c r="D236" s="5" t="s">
        <v>1785</v>
      </c>
      <c r="E236" s="5" t="s">
        <v>1786</v>
      </c>
      <c r="F236" s="6" t="s">
        <v>1787</v>
      </c>
      <c r="G236" s="2" t="s">
        <v>1781</v>
      </c>
      <c r="H236" s="4" t="s">
        <v>29</v>
      </c>
      <c r="I236" s="5" t="s">
        <v>30</v>
      </c>
      <c r="J236" s="5" t="s">
        <v>1782</v>
      </c>
      <c r="K236" s="5" t="s">
        <v>1783</v>
      </c>
      <c r="L236" s="6" t="s">
        <v>5</v>
      </c>
      <c r="M236" s="2" t="s">
        <v>1788</v>
      </c>
      <c r="N236" s="3">
        <v>44652</v>
      </c>
      <c r="O236" s="3">
        <v>44652</v>
      </c>
      <c r="P236" s="3">
        <v>46843</v>
      </c>
    </row>
    <row r="237" spans="1:16" x14ac:dyDescent="0.15">
      <c r="A237" s="2" t="s">
        <v>49</v>
      </c>
      <c r="B237" s="2" t="s">
        <v>1789</v>
      </c>
      <c r="C237" s="4" t="s">
        <v>6</v>
      </c>
      <c r="D237" s="5" t="s">
        <v>1790</v>
      </c>
      <c r="E237" s="5" t="s">
        <v>1791</v>
      </c>
      <c r="F237" s="6" t="s">
        <v>1792</v>
      </c>
      <c r="G237" s="2" t="s">
        <v>1781</v>
      </c>
      <c r="H237" s="4" t="s">
        <v>29</v>
      </c>
      <c r="I237" s="5" t="s">
        <v>30</v>
      </c>
      <c r="J237" s="5" t="s">
        <v>1782</v>
      </c>
      <c r="K237" s="5" t="s">
        <v>1783</v>
      </c>
      <c r="L237" s="6" t="s">
        <v>5</v>
      </c>
      <c r="M237" s="2" t="s">
        <v>1793</v>
      </c>
      <c r="N237" s="3">
        <v>45017</v>
      </c>
      <c r="O237" s="3">
        <v>45017</v>
      </c>
      <c r="P237" s="3">
        <v>47603</v>
      </c>
    </row>
    <row r="238" spans="1:16" x14ac:dyDescent="0.15">
      <c r="A238" s="2" t="s">
        <v>49</v>
      </c>
      <c r="B238" s="2" t="s">
        <v>1794</v>
      </c>
      <c r="C238" s="4" t="s">
        <v>6</v>
      </c>
      <c r="D238" s="5" t="s">
        <v>1795</v>
      </c>
      <c r="E238" s="5" t="s">
        <v>1796</v>
      </c>
      <c r="F238" s="6" t="s">
        <v>1797</v>
      </c>
      <c r="G238" s="2" t="s">
        <v>1781</v>
      </c>
      <c r="H238" s="4" t="s">
        <v>29</v>
      </c>
      <c r="I238" s="5" t="s">
        <v>30</v>
      </c>
      <c r="J238" s="5" t="s">
        <v>1782</v>
      </c>
      <c r="K238" s="5" t="s">
        <v>1783</v>
      </c>
      <c r="L238" s="6" t="s">
        <v>5</v>
      </c>
      <c r="M238" s="2" t="s">
        <v>1798</v>
      </c>
      <c r="N238" s="3">
        <v>40375</v>
      </c>
      <c r="O238" s="3">
        <v>45383</v>
      </c>
      <c r="P238" s="3">
        <v>47573</v>
      </c>
    </row>
    <row r="239" spans="1:16" x14ac:dyDescent="0.15">
      <c r="A239" s="2" t="s">
        <v>49</v>
      </c>
      <c r="B239" s="2" t="s">
        <v>1825</v>
      </c>
      <c r="C239" s="4" t="s">
        <v>6</v>
      </c>
      <c r="D239" s="5" t="s">
        <v>1431</v>
      </c>
      <c r="E239" s="5" t="s">
        <v>1420</v>
      </c>
      <c r="F239" s="6" t="s">
        <v>5</v>
      </c>
      <c r="G239" s="2" t="s">
        <v>1825</v>
      </c>
      <c r="H239" s="4" t="s">
        <v>9</v>
      </c>
      <c r="I239" s="5" t="s">
        <v>6</v>
      </c>
      <c r="J239" s="5" t="s">
        <v>1431</v>
      </c>
      <c r="K239" s="5" t="s">
        <v>1420</v>
      </c>
      <c r="L239" s="6" t="s">
        <v>5</v>
      </c>
      <c r="M239" s="2" t="s">
        <v>1826</v>
      </c>
      <c r="N239" s="3">
        <v>41894</v>
      </c>
      <c r="O239" s="3">
        <v>44470</v>
      </c>
      <c r="P239" s="3">
        <v>47026</v>
      </c>
    </row>
    <row r="240" spans="1:16" x14ac:dyDescent="0.15">
      <c r="A240" s="2" t="s">
        <v>49</v>
      </c>
      <c r="B240" s="2" t="s">
        <v>1857</v>
      </c>
      <c r="C240" s="4" t="s">
        <v>6</v>
      </c>
      <c r="D240" s="5" t="s">
        <v>1827</v>
      </c>
      <c r="E240" s="5" t="s">
        <v>1858</v>
      </c>
      <c r="F240" s="6" t="s">
        <v>5</v>
      </c>
      <c r="G240" s="2" t="s">
        <v>1855</v>
      </c>
      <c r="H240" s="4" t="s">
        <v>9</v>
      </c>
      <c r="I240" s="5" t="s">
        <v>6</v>
      </c>
      <c r="J240" s="5" t="s">
        <v>1827</v>
      </c>
      <c r="K240" s="5" t="s">
        <v>1856</v>
      </c>
      <c r="L240" s="6" t="s">
        <v>5</v>
      </c>
      <c r="M240" s="2" t="s">
        <v>1859</v>
      </c>
      <c r="N240" s="3">
        <v>42484</v>
      </c>
      <c r="O240" s="3">
        <v>44470</v>
      </c>
      <c r="P240" s="3">
        <v>46295</v>
      </c>
    </row>
    <row r="241" spans="1:16" x14ac:dyDescent="0.15">
      <c r="A241" s="2" t="s">
        <v>49</v>
      </c>
      <c r="B241" s="2" t="s">
        <v>1879</v>
      </c>
      <c r="C241" s="4" t="s">
        <v>6</v>
      </c>
      <c r="D241" s="5" t="s">
        <v>1037</v>
      </c>
      <c r="E241" s="5" t="s">
        <v>1880</v>
      </c>
      <c r="F241" s="6" t="s">
        <v>5</v>
      </c>
      <c r="G241" s="2" t="s">
        <v>1876</v>
      </c>
      <c r="H241" s="4" t="s">
        <v>29</v>
      </c>
      <c r="I241" s="5" t="s">
        <v>1423</v>
      </c>
      <c r="J241" s="5" t="s">
        <v>1877</v>
      </c>
      <c r="K241" s="5" t="s">
        <v>1878</v>
      </c>
      <c r="L241" s="6" t="s">
        <v>5</v>
      </c>
      <c r="M241" s="2" t="s">
        <v>1881</v>
      </c>
      <c r="N241" s="3">
        <v>44501</v>
      </c>
      <c r="O241" s="3">
        <v>44501</v>
      </c>
      <c r="P241" s="3">
        <v>46326</v>
      </c>
    </row>
    <row r="242" spans="1:16" x14ac:dyDescent="0.15">
      <c r="A242" s="2" t="s">
        <v>49</v>
      </c>
      <c r="B242" s="2" t="s">
        <v>1905</v>
      </c>
      <c r="C242" s="4" t="s">
        <v>6</v>
      </c>
      <c r="D242" s="5" t="s">
        <v>1410</v>
      </c>
      <c r="E242" s="5" t="s">
        <v>1906</v>
      </c>
      <c r="F242" s="6" t="s">
        <v>5</v>
      </c>
      <c r="G242" s="2" t="s">
        <v>1904</v>
      </c>
      <c r="H242" s="4" t="s">
        <v>9</v>
      </c>
      <c r="I242" s="5" t="s">
        <v>6</v>
      </c>
      <c r="J242" s="5" t="s">
        <v>408</v>
      </c>
      <c r="K242" s="5" t="s">
        <v>409</v>
      </c>
      <c r="L242" s="6" t="s">
        <v>5</v>
      </c>
      <c r="M242" s="2" t="s">
        <v>1907</v>
      </c>
      <c r="N242" s="3">
        <v>44440</v>
      </c>
      <c r="O242" s="3">
        <v>44440</v>
      </c>
      <c r="P242" s="3">
        <v>46660</v>
      </c>
    </row>
    <row r="243" spans="1:16" x14ac:dyDescent="0.15">
      <c r="A243" s="2" t="s">
        <v>49</v>
      </c>
      <c r="B243" s="2" t="s">
        <v>1916</v>
      </c>
      <c r="C243" s="4" t="s">
        <v>6</v>
      </c>
      <c r="D243" s="5" t="s">
        <v>608</v>
      </c>
      <c r="E243" s="5" t="s">
        <v>1917</v>
      </c>
      <c r="F243" s="6" t="s">
        <v>1918</v>
      </c>
      <c r="G243" s="2" t="s">
        <v>1914</v>
      </c>
      <c r="H243" s="4" t="s">
        <v>9</v>
      </c>
      <c r="I243" s="5" t="s">
        <v>6</v>
      </c>
      <c r="J243" s="5" t="s">
        <v>608</v>
      </c>
      <c r="K243" s="5" t="s">
        <v>1915</v>
      </c>
      <c r="L243" s="6" t="s">
        <v>5</v>
      </c>
      <c r="M243" s="2" t="s">
        <v>1919</v>
      </c>
      <c r="N243" s="3">
        <v>44435</v>
      </c>
      <c r="O243" s="3">
        <v>44435</v>
      </c>
      <c r="P243" s="3">
        <v>46721</v>
      </c>
    </row>
    <row r="244" spans="1:16" x14ac:dyDescent="0.15">
      <c r="A244" s="2" t="s">
        <v>49</v>
      </c>
      <c r="B244" s="2" t="s">
        <v>1920</v>
      </c>
      <c r="C244" s="4" t="s">
        <v>6</v>
      </c>
      <c r="D244" s="5" t="s">
        <v>45</v>
      </c>
      <c r="E244" s="5" t="s">
        <v>1921</v>
      </c>
      <c r="F244" s="6" t="s">
        <v>1922</v>
      </c>
      <c r="G244" s="2" t="s">
        <v>1914</v>
      </c>
      <c r="H244" s="4" t="s">
        <v>9</v>
      </c>
      <c r="I244" s="5" t="s">
        <v>6</v>
      </c>
      <c r="J244" s="5" t="s">
        <v>608</v>
      </c>
      <c r="K244" s="5" t="s">
        <v>1915</v>
      </c>
      <c r="L244" s="6" t="s">
        <v>5</v>
      </c>
      <c r="M244" s="2" t="s">
        <v>1923</v>
      </c>
      <c r="N244" s="3">
        <v>45170</v>
      </c>
      <c r="O244" s="3">
        <v>45170</v>
      </c>
      <c r="P244" s="3">
        <v>47452</v>
      </c>
    </row>
    <row r="245" spans="1:16" x14ac:dyDescent="0.15">
      <c r="A245" s="2" t="s">
        <v>49</v>
      </c>
      <c r="B245" s="2" t="s">
        <v>896</v>
      </c>
      <c r="C245" s="4" t="s">
        <v>6</v>
      </c>
      <c r="D245" s="5" t="s">
        <v>894</v>
      </c>
      <c r="E245" s="5" t="s">
        <v>895</v>
      </c>
      <c r="F245" s="6" t="s">
        <v>5</v>
      </c>
      <c r="G245" s="2"/>
      <c r="H245" s="4"/>
      <c r="I245" s="5"/>
      <c r="J245" s="5"/>
      <c r="K245" s="5"/>
      <c r="L245" s="6"/>
      <c r="M245" s="2" t="s">
        <v>897</v>
      </c>
      <c r="N245" s="3">
        <v>35598</v>
      </c>
      <c r="O245" s="3">
        <v>44378</v>
      </c>
      <c r="P245" s="3">
        <v>46203</v>
      </c>
    </row>
    <row r="246" spans="1:16" x14ac:dyDescent="0.15">
      <c r="A246" s="2" t="s">
        <v>66</v>
      </c>
      <c r="B246" s="2" t="s">
        <v>896</v>
      </c>
      <c r="C246" s="4" t="s">
        <v>6</v>
      </c>
      <c r="D246" s="5" t="s">
        <v>894</v>
      </c>
      <c r="E246" s="5" t="s">
        <v>895</v>
      </c>
      <c r="F246" s="6" t="s">
        <v>5</v>
      </c>
      <c r="G246" s="2"/>
      <c r="H246" s="4"/>
      <c r="I246" s="5"/>
      <c r="J246" s="5"/>
      <c r="K246" s="5"/>
      <c r="L246" s="6"/>
      <c r="M246" s="2" t="s">
        <v>898</v>
      </c>
      <c r="N246" s="3">
        <v>35598</v>
      </c>
      <c r="O246" s="3">
        <v>44378</v>
      </c>
      <c r="P246" s="3">
        <v>46203</v>
      </c>
    </row>
    <row r="247" spans="1:16" x14ac:dyDescent="0.15">
      <c r="A247" s="2" t="s">
        <v>49</v>
      </c>
      <c r="B247" s="2" t="s">
        <v>1932</v>
      </c>
      <c r="C247" s="4" t="s">
        <v>6</v>
      </c>
      <c r="D247" s="5" t="s">
        <v>1930</v>
      </c>
      <c r="E247" s="5" t="s">
        <v>1931</v>
      </c>
      <c r="F247" s="6" t="s">
        <v>5</v>
      </c>
      <c r="G247" s="2" t="s">
        <v>1929</v>
      </c>
      <c r="H247" s="4" t="s">
        <v>9</v>
      </c>
      <c r="I247" s="5" t="s">
        <v>6</v>
      </c>
      <c r="J247" s="5" t="s">
        <v>1930</v>
      </c>
      <c r="K247" s="5" t="s">
        <v>1931</v>
      </c>
      <c r="L247" s="6" t="s">
        <v>5</v>
      </c>
      <c r="M247" s="2" t="s">
        <v>1935</v>
      </c>
      <c r="N247" s="3">
        <v>34277</v>
      </c>
      <c r="O247" s="3">
        <v>44835</v>
      </c>
      <c r="P247" s="3">
        <v>46660</v>
      </c>
    </row>
    <row r="248" spans="1:16" x14ac:dyDescent="0.15">
      <c r="A248" s="2" t="s">
        <v>49</v>
      </c>
      <c r="B248" s="2" t="s">
        <v>905</v>
      </c>
      <c r="C248" s="4" t="s">
        <v>6</v>
      </c>
      <c r="D248" s="5" t="s">
        <v>906</v>
      </c>
      <c r="E248" s="5" t="s">
        <v>907</v>
      </c>
      <c r="F248" s="6" t="s">
        <v>5</v>
      </c>
      <c r="G248" s="2"/>
      <c r="H248" s="4"/>
      <c r="I248" s="5"/>
      <c r="J248" s="5"/>
      <c r="K248" s="5"/>
      <c r="L248" s="6"/>
      <c r="M248" s="2" t="s">
        <v>908</v>
      </c>
      <c r="N248" s="3">
        <v>42277</v>
      </c>
      <c r="O248" s="3">
        <v>44378</v>
      </c>
      <c r="P248" s="3">
        <v>46203</v>
      </c>
    </row>
    <row r="249" spans="1:16" x14ac:dyDescent="0.15">
      <c r="A249" s="2" t="s">
        <v>42</v>
      </c>
      <c r="B249" s="2" t="s">
        <v>910</v>
      </c>
      <c r="C249" s="4" t="s">
        <v>6</v>
      </c>
      <c r="D249" s="5" t="s">
        <v>911</v>
      </c>
      <c r="E249" s="5" t="s">
        <v>912</v>
      </c>
      <c r="F249" s="6" t="s">
        <v>913</v>
      </c>
      <c r="G249" s="2"/>
      <c r="H249" s="4"/>
      <c r="I249" s="5"/>
      <c r="J249" s="5"/>
      <c r="K249" s="5"/>
      <c r="L249" s="6"/>
      <c r="M249" s="2" t="s">
        <v>914</v>
      </c>
      <c r="N249" s="3">
        <v>44371</v>
      </c>
      <c r="O249" s="3">
        <v>44371</v>
      </c>
      <c r="P249" s="3">
        <v>46295</v>
      </c>
    </row>
    <row r="250" spans="1:16" x14ac:dyDescent="0.15">
      <c r="A250" s="2" t="s">
        <v>49</v>
      </c>
      <c r="B250" s="2" t="s">
        <v>916</v>
      </c>
      <c r="C250" s="4" t="s">
        <v>6</v>
      </c>
      <c r="D250" s="5" t="s">
        <v>301</v>
      </c>
      <c r="E250" s="5" t="s">
        <v>915</v>
      </c>
      <c r="F250" s="6" t="s">
        <v>5</v>
      </c>
      <c r="G250" s="2"/>
      <c r="H250" s="4"/>
      <c r="I250" s="5"/>
      <c r="J250" s="5"/>
      <c r="K250" s="5"/>
      <c r="L250" s="6"/>
      <c r="M250" s="2" t="s">
        <v>917</v>
      </c>
      <c r="N250" s="3">
        <v>41285</v>
      </c>
      <c r="O250" s="3">
        <v>43556</v>
      </c>
      <c r="P250" s="3">
        <v>45747</v>
      </c>
    </row>
    <row r="251" spans="1:16" x14ac:dyDescent="0.15">
      <c r="A251" s="2" t="s">
        <v>49</v>
      </c>
      <c r="B251" s="2" t="s">
        <v>918</v>
      </c>
      <c r="C251" s="4" t="s">
        <v>6</v>
      </c>
      <c r="D251" s="5" t="s">
        <v>919</v>
      </c>
      <c r="E251" s="5" t="s">
        <v>920</v>
      </c>
      <c r="F251" s="6" t="s">
        <v>5</v>
      </c>
      <c r="G251" s="2"/>
      <c r="H251" s="4"/>
      <c r="I251" s="5"/>
      <c r="J251" s="5"/>
      <c r="K251" s="5"/>
      <c r="L251" s="6"/>
      <c r="M251" s="2" t="s">
        <v>921</v>
      </c>
      <c r="N251" s="3">
        <v>43131</v>
      </c>
      <c r="O251" s="3">
        <v>45413</v>
      </c>
      <c r="P251" s="3">
        <v>47603</v>
      </c>
    </row>
    <row r="252" spans="1:16" x14ac:dyDescent="0.15">
      <c r="A252" s="2" t="s">
        <v>49</v>
      </c>
      <c r="B252" s="2" t="s">
        <v>922</v>
      </c>
      <c r="C252" s="4" t="s">
        <v>6</v>
      </c>
      <c r="D252" s="5" t="s">
        <v>923</v>
      </c>
      <c r="E252" s="5" t="s">
        <v>924</v>
      </c>
      <c r="F252" s="6" t="s">
        <v>5</v>
      </c>
      <c r="G252" s="2"/>
      <c r="H252" s="4"/>
      <c r="I252" s="5"/>
      <c r="J252" s="5"/>
      <c r="K252" s="5"/>
      <c r="L252" s="6"/>
      <c r="M252" s="2" t="s">
        <v>925</v>
      </c>
      <c r="N252" s="3">
        <v>44074</v>
      </c>
      <c r="O252" s="3">
        <v>44074</v>
      </c>
      <c r="P252" s="3">
        <v>46507</v>
      </c>
    </row>
    <row r="253" spans="1:16" x14ac:dyDescent="0.15">
      <c r="A253" s="2" t="s">
        <v>49</v>
      </c>
      <c r="B253" s="2" t="s">
        <v>926</v>
      </c>
      <c r="C253" s="4" t="s">
        <v>6</v>
      </c>
      <c r="D253" s="5" t="s">
        <v>819</v>
      </c>
      <c r="E253" s="5" t="s">
        <v>927</v>
      </c>
      <c r="F253" s="6" t="s">
        <v>5</v>
      </c>
      <c r="G253" s="2"/>
      <c r="H253" s="4"/>
      <c r="I253" s="5"/>
      <c r="J253" s="5"/>
      <c r="K253" s="5"/>
      <c r="L253" s="6"/>
      <c r="M253" s="2" t="s">
        <v>928</v>
      </c>
      <c r="N253" s="3">
        <v>42055</v>
      </c>
      <c r="O253" s="3">
        <v>44317</v>
      </c>
      <c r="P253" s="3">
        <v>46507</v>
      </c>
    </row>
    <row r="254" spans="1:16" x14ac:dyDescent="0.15">
      <c r="A254" s="2" t="s">
        <v>49</v>
      </c>
      <c r="B254" s="2" t="s">
        <v>929</v>
      </c>
      <c r="C254" s="4" t="s">
        <v>6</v>
      </c>
      <c r="D254" s="5" t="s">
        <v>930</v>
      </c>
      <c r="E254" s="5" t="s">
        <v>70</v>
      </c>
      <c r="F254" s="6" t="s">
        <v>5</v>
      </c>
      <c r="G254" s="2"/>
      <c r="H254" s="4"/>
      <c r="I254" s="5"/>
      <c r="J254" s="5"/>
      <c r="K254" s="5"/>
      <c r="L254" s="6"/>
      <c r="M254" s="2" t="s">
        <v>931</v>
      </c>
      <c r="N254" s="3">
        <v>42490</v>
      </c>
      <c r="O254" s="3">
        <v>45017</v>
      </c>
      <c r="P254" s="3">
        <v>47208</v>
      </c>
    </row>
    <row r="255" spans="1:16" x14ac:dyDescent="0.15">
      <c r="A255" s="2" t="s">
        <v>49</v>
      </c>
      <c r="B255" s="2" t="s">
        <v>932</v>
      </c>
      <c r="C255" s="4" t="s">
        <v>6</v>
      </c>
      <c r="D255" s="5" t="s">
        <v>69</v>
      </c>
      <c r="E255" s="5" t="s">
        <v>933</v>
      </c>
      <c r="F255" s="6" t="s">
        <v>5</v>
      </c>
      <c r="G255" s="2"/>
      <c r="H255" s="4"/>
      <c r="I255" s="5"/>
      <c r="J255" s="5"/>
      <c r="K255" s="5"/>
      <c r="L255" s="6"/>
      <c r="M255" s="2" t="s">
        <v>934</v>
      </c>
      <c r="N255" s="3">
        <v>42826</v>
      </c>
      <c r="O255" s="3">
        <v>45078</v>
      </c>
      <c r="P255" s="3">
        <v>47269</v>
      </c>
    </row>
    <row r="256" spans="1:16" x14ac:dyDescent="0.15">
      <c r="A256" s="2" t="s">
        <v>49</v>
      </c>
      <c r="B256" s="2" t="s">
        <v>935</v>
      </c>
      <c r="C256" s="4" t="s">
        <v>6</v>
      </c>
      <c r="D256" s="5" t="s">
        <v>936</v>
      </c>
      <c r="E256" s="5" t="s">
        <v>337</v>
      </c>
      <c r="F256" s="6" t="s">
        <v>5</v>
      </c>
      <c r="G256" s="2"/>
      <c r="H256" s="4"/>
      <c r="I256" s="5"/>
      <c r="J256" s="5"/>
      <c r="K256" s="5"/>
      <c r="L256" s="6"/>
      <c r="M256" s="2" t="s">
        <v>937</v>
      </c>
      <c r="N256" s="3">
        <v>43580</v>
      </c>
      <c r="O256" s="3">
        <v>43580</v>
      </c>
      <c r="P256" s="3">
        <v>46112</v>
      </c>
    </row>
    <row r="257" spans="1:16" x14ac:dyDescent="0.15">
      <c r="A257" s="2" t="s">
        <v>49</v>
      </c>
      <c r="B257" s="2" t="s">
        <v>938</v>
      </c>
      <c r="C257" s="4" t="s">
        <v>6</v>
      </c>
      <c r="D257" s="5" t="s">
        <v>551</v>
      </c>
      <c r="E257" s="5" t="s">
        <v>939</v>
      </c>
      <c r="F257" s="6" t="s">
        <v>5</v>
      </c>
      <c r="G257" s="2"/>
      <c r="H257" s="4"/>
      <c r="I257" s="5"/>
      <c r="J257" s="5"/>
      <c r="K257" s="5"/>
      <c r="L257" s="6"/>
      <c r="M257" s="2" t="s">
        <v>940</v>
      </c>
      <c r="N257" s="3">
        <v>41741</v>
      </c>
      <c r="O257" s="3">
        <v>44013</v>
      </c>
      <c r="P257" s="3">
        <v>46203</v>
      </c>
    </row>
    <row r="258" spans="1:16" x14ac:dyDescent="0.15">
      <c r="A258" s="2" t="s">
        <v>49</v>
      </c>
      <c r="B258" s="2" t="s">
        <v>941</v>
      </c>
      <c r="C258" s="4" t="s">
        <v>6</v>
      </c>
      <c r="D258" s="5" t="s">
        <v>942</v>
      </c>
      <c r="E258" s="5" t="s">
        <v>943</v>
      </c>
      <c r="F258" s="6" t="s">
        <v>5</v>
      </c>
      <c r="G258" s="2"/>
      <c r="H258" s="4"/>
      <c r="I258" s="5"/>
      <c r="J258" s="5"/>
      <c r="K258" s="5"/>
      <c r="L258" s="6"/>
      <c r="M258" s="2" t="s">
        <v>944</v>
      </c>
      <c r="N258" s="3">
        <v>44531</v>
      </c>
      <c r="O258" s="3">
        <v>44531</v>
      </c>
      <c r="P258" s="3">
        <v>46873</v>
      </c>
    </row>
    <row r="259" spans="1:16" x14ac:dyDescent="0.15">
      <c r="A259" s="2" t="s">
        <v>49</v>
      </c>
      <c r="B259" s="2" t="s">
        <v>1951</v>
      </c>
      <c r="C259" s="4" t="s">
        <v>6</v>
      </c>
      <c r="D259" s="5" t="s">
        <v>1949</v>
      </c>
      <c r="E259" s="5" t="s">
        <v>1950</v>
      </c>
      <c r="F259" s="6" t="s">
        <v>5</v>
      </c>
      <c r="G259" s="2" t="s">
        <v>1948</v>
      </c>
      <c r="H259" s="4" t="s">
        <v>9</v>
      </c>
      <c r="I259" s="5" t="s">
        <v>6</v>
      </c>
      <c r="J259" s="5" t="s">
        <v>1949</v>
      </c>
      <c r="K259" s="5" t="s">
        <v>1950</v>
      </c>
      <c r="L259" s="6" t="s">
        <v>5</v>
      </c>
      <c r="M259" s="2" t="s">
        <v>1952</v>
      </c>
      <c r="N259" s="3">
        <v>31053</v>
      </c>
      <c r="O259" s="3">
        <v>44470</v>
      </c>
      <c r="P259" s="3">
        <v>46295</v>
      </c>
    </row>
    <row r="260" spans="1:16" x14ac:dyDescent="0.15">
      <c r="A260" s="2" t="s">
        <v>49</v>
      </c>
      <c r="B260" s="2" t="s">
        <v>1953</v>
      </c>
      <c r="C260" s="4" t="s">
        <v>6</v>
      </c>
      <c r="D260" s="5" t="s">
        <v>1954</v>
      </c>
      <c r="E260" s="5" t="s">
        <v>1955</v>
      </c>
      <c r="F260" s="6" t="s">
        <v>1956</v>
      </c>
      <c r="G260" s="2" t="s">
        <v>1948</v>
      </c>
      <c r="H260" s="4" t="s">
        <v>9</v>
      </c>
      <c r="I260" s="5" t="s">
        <v>6</v>
      </c>
      <c r="J260" s="5" t="s">
        <v>1949</v>
      </c>
      <c r="K260" s="5" t="s">
        <v>1950</v>
      </c>
      <c r="L260" s="6" t="s">
        <v>5</v>
      </c>
      <c r="M260" s="2" t="s">
        <v>1957</v>
      </c>
      <c r="N260" s="3">
        <v>42073</v>
      </c>
      <c r="O260" s="3">
        <v>44531</v>
      </c>
      <c r="P260" s="3">
        <v>46721</v>
      </c>
    </row>
    <row r="261" spans="1:16" x14ac:dyDescent="0.15">
      <c r="A261" s="2" t="s">
        <v>49</v>
      </c>
      <c r="B261" s="2" t="s">
        <v>1958</v>
      </c>
      <c r="C261" s="4" t="s">
        <v>6</v>
      </c>
      <c r="D261" s="5" t="s">
        <v>1949</v>
      </c>
      <c r="E261" s="5" t="s">
        <v>1959</v>
      </c>
      <c r="F261" s="6" t="s">
        <v>5</v>
      </c>
      <c r="G261" s="2" t="s">
        <v>1948</v>
      </c>
      <c r="H261" s="4" t="s">
        <v>9</v>
      </c>
      <c r="I261" s="5" t="s">
        <v>6</v>
      </c>
      <c r="J261" s="5" t="s">
        <v>1949</v>
      </c>
      <c r="K261" s="5" t="s">
        <v>1950</v>
      </c>
      <c r="L261" s="6" t="s">
        <v>5</v>
      </c>
      <c r="M261" s="2" t="s">
        <v>1960</v>
      </c>
      <c r="N261" s="3">
        <v>40817</v>
      </c>
      <c r="O261" s="3">
        <v>45200</v>
      </c>
      <c r="P261" s="3">
        <v>47391</v>
      </c>
    </row>
    <row r="262" spans="1:16" x14ac:dyDescent="0.15">
      <c r="A262" s="2" t="s">
        <v>49</v>
      </c>
      <c r="B262" s="2" t="s">
        <v>1961</v>
      </c>
      <c r="C262" s="4" t="s">
        <v>6</v>
      </c>
      <c r="D262" s="5" t="s">
        <v>1962</v>
      </c>
      <c r="E262" s="5" t="s">
        <v>1963</v>
      </c>
      <c r="F262" s="6" t="s">
        <v>5</v>
      </c>
      <c r="G262" s="2" t="s">
        <v>1948</v>
      </c>
      <c r="H262" s="4" t="s">
        <v>9</v>
      </c>
      <c r="I262" s="5" t="s">
        <v>6</v>
      </c>
      <c r="J262" s="5" t="s">
        <v>1949</v>
      </c>
      <c r="K262" s="5" t="s">
        <v>1950</v>
      </c>
      <c r="L262" s="6" t="s">
        <v>5</v>
      </c>
      <c r="M262" s="2" t="s">
        <v>1964</v>
      </c>
      <c r="N262" s="3">
        <v>40817</v>
      </c>
      <c r="O262" s="3">
        <v>45200</v>
      </c>
      <c r="P262" s="3">
        <v>47391</v>
      </c>
    </row>
    <row r="263" spans="1:16" x14ac:dyDescent="0.15">
      <c r="A263" s="2" t="s">
        <v>49</v>
      </c>
      <c r="B263" s="2" t="s">
        <v>1965</v>
      </c>
      <c r="C263" s="4" t="s">
        <v>6</v>
      </c>
      <c r="D263" s="5" t="s">
        <v>616</v>
      </c>
      <c r="E263" s="5" t="s">
        <v>1966</v>
      </c>
      <c r="F263" s="6" t="s">
        <v>5</v>
      </c>
      <c r="G263" s="2" t="s">
        <v>1948</v>
      </c>
      <c r="H263" s="4" t="s">
        <v>9</v>
      </c>
      <c r="I263" s="5" t="s">
        <v>6</v>
      </c>
      <c r="J263" s="5" t="s">
        <v>1949</v>
      </c>
      <c r="K263" s="5" t="s">
        <v>1950</v>
      </c>
      <c r="L263" s="6" t="s">
        <v>5</v>
      </c>
      <c r="M263" s="2" t="s">
        <v>1967</v>
      </c>
      <c r="N263" s="3">
        <v>29558</v>
      </c>
      <c r="O263" s="3">
        <v>45261</v>
      </c>
      <c r="P263" s="3">
        <v>47452</v>
      </c>
    </row>
    <row r="264" spans="1:16" x14ac:dyDescent="0.15">
      <c r="A264" s="2" t="s">
        <v>49</v>
      </c>
      <c r="B264" s="2" t="s">
        <v>971</v>
      </c>
      <c r="C264" s="4" t="s">
        <v>6</v>
      </c>
      <c r="D264" s="5" t="s">
        <v>972</v>
      </c>
      <c r="E264" s="5" t="s">
        <v>973</v>
      </c>
      <c r="F264" s="6" t="s">
        <v>5</v>
      </c>
      <c r="G264" s="2"/>
      <c r="H264" s="4"/>
      <c r="I264" s="5"/>
      <c r="J264" s="5"/>
      <c r="K264" s="5"/>
      <c r="L264" s="6"/>
      <c r="M264" s="2" t="s">
        <v>974</v>
      </c>
      <c r="N264" s="3">
        <v>44371</v>
      </c>
      <c r="O264" s="3">
        <v>44372</v>
      </c>
      <c r="P264" s="3">
        <v>46295</v>
      </c>
    </row>
    <row r="265" spans="1:16" x14ac:dyDescent="0.15">
      <c r="A265" s="2" t="s">
        <v>49</v>
      </c>
      <c r="B265" s="2" t="s">
        <v>975</v>
      </c>
      <c r="C265" s="4" t="s">
        <v>6</v>
      </c>
      <c r="D265" s="5" t="s">
        <v>456</v>
      </c>
      <c r="E265" s="5" t="s">
        <v>520</v>
      </c>
      <c r="F265" s="6" t="s">
        <v>5</v>
      </c>
      <c r="G265" s="2"/>
      <c r="H265" s="4"/>
      <c r="I265" s="5"/>
      <c r="J265" s="5"/>
      <c r="K265" s="5"/>
      <c r="L265" s="6"/>
      <c r="M265" s="2" t="s">
        <v>976</v>
      </c>
      <c r="N265" s="3">
        <v>45217</v>
      </c>
      <c r="O265" s="3">
        <v>45217</v>
      </c>
      <c r="P265" s="3">
        <v>47269</v>
      </c>
    </row>
    <row r="266" spans="1:16" x14ac:dyDescent="0.15">
      <c r="A266" s="2" t="s">
        <v>49</v>
      </c>
      <c r="B266" s="2" t="s">
        <v>978</v>
      </c>
      <c r="C266" s="4" t="s">
        <v>6</v>
      </c>
      <c r="D266" s="5" t="s">
        <v>979</v>
      </c>
      <c r="E266" s="5" t="s">
        <v>980</v>
      </c>
      <c r="F266" s="6" t="s">
        <v>981</v>
      </c>
      <c r="G266" s="2"/>
      <c r="H266" s="4"/>
      <c r="I266" s="5"/>
      <c r="J266" s="5"/>
      <c r="K266" s="5"/>
      <c r="L266" s="6"/>
      <c r="M266" s="2" t="s">
        <v>982</v>
      </c>
      <c r="N266" s="3">
        <v>42256</v>
      </c>
      <c r="O266" s="3">
        <v>44378</v>
      </c>
      <c r="P266" s="3">
        <v>46203</v>
      </c>
    </row>
    <row r="267" spans="1:16" x14ac:dyDescent="0.15">
      <c r="A267" s="2" t="s">
        <v>49</v>
      </c>
      <c r="B267" s="2" t="s">
        <v>1970</v>
      </c>
      <c r="C267" s="4" t="s">
        <v>6</v>
      </c>
      <c r="D267" s="5" t="s">
        <v>456</v>
      </c>
      <c r="E267" s="5" t="s">
        <v>520</v>
      </c>
      <c r="F267" s="6" t="s">
        <v>5</v>
      </c>
      <c r="G267" s="2" t="s">
        <v>1968</v>
      </c>
      <c r="H267" s="4" t="s">
        <v>9</v>
      </c>
      <c r="I267" s="5" t="s">
        <v>6</v>
      </c>
      <c r="J267" s="5" t="s">
        <v>959</v>
      </c>
      <c r="K267" s="5" t="s">
        <v>1969</v>
      </c>
      <c r="L267" s="6" t="s">
        <v>5</v>
      </c>
      <c r="M267" s="2" t="s">
        <v>1971</v>
      </c>
      <c r="N267" s="3">
        <v>44617</v>
      </c>
      <c r="O267" s="3">
        <v>44617</v>
      </c>
      <c r="P267" s="3">
        <v>46538</v>
      </c>
    </row>
    <row r="268" spans="1:16" x14ac:dyDescent="0.15">
      <c r="A268" s="2" t="s">
        <v>49</v>
      </c>
      <c r="B268" s="2" t="s">
        <v>1972</v>
      </c>
      <c r="C268" s="4" t="s">
        <v>6</v>
      </c>
      <c r="D268" s="5" t="s">
        <v>1832</v>
      </c>
      <c r="E268" s="5" t="s">
        <v>1974</v>
      </c>
      <c r="F268" s="6" t="s">
        <v>5</v>
      </c>
      <c r="G268" s="2" t="s">
        <v>1972</v>
      </c>
      <c r="H268" s="4" t="s">
        <v>9</v>
      </c>
      <c r="I268" s="5" t="s">
        <v>6</v>
      </c>
      <c r="J268" s="5" t="s">
        <v>1832</v>
      </c>
      <c r="K268" s="5" t="s">
        <v>1973</v>
      </c>
      <c r="L268" s="6" t="s">
        <v>5</v>
      </c>
      <c r="M268" s="2" t="s">
        <v>1975</v>
      </c>
      <c r="N268" s="3">
        <v>32756</v>
      </c>
      <c r="O268" s="3">
        <v>45413</v>
      </c>
      <c r="P268" s="3">
        <v>47603</v>
      </c>
    </row>
    <row r="269" spans="1:16" x14ac:dyDescent="0.15">
      <c r="A269" s="2" t="s">
        <v>49</v>
      </c>
      <c r="B269" s="2" t="s">
        <v>1978</v>
      </c>
      <c r="C269" s="4" t="s">
        <v>6</v>
      </c>
      <c r="D269" s="5" t="s">
        <v>1979</v>
      </c>
      <c r="E269" s="5" t="s">
        <v>5</v>
      </c>
      <c r="F269" s="6" t="s">
        <v>5</v>
      </c>
      <c r="G269" s="2" t="s">
        <v>1976</v>
      </c>
      <c r="H269" s="4" t="s">
        <v>9</v>
      </c>
      <c r="I269" s="5" t="s">
        <v>6</v>
      </c>
      <c r="J269" s="5" t="s">
        <v>1977</v>
      </c>
      <c r="K269" s="5" t="s">
        <v>604</v>
      </c>
      <c r="L269" s="6" t="s">
        <v>5</v>
      </c>
      <c r="M269" s="2" t="s">
        <v>1980</v>
      </c>
      <c r="N269" s="3">
        <v>43042</v>
      </c>
      <c r="O269" s="3">
        <v>45017</v>
      </c>
      <c r="P269" s="3">
        <v>46843</v>
      </c>
    </row>
    <row r="270" spans="1:16" x14ac:dyDescent="0.15">
      <c r="A270" s="2" t="s">
        <v>49</v>
      </c>
      <c r="B270" s="2" t="s">
        <v>1982</v>
      </c>
      <c r="C270" s="4" t="s">
        <v>6</v>
      </c>
      <c r="D270" s="5" t="s">
        <v>1983</v>
      </c>
      <c r="E270" s="5" t="s">
        <v>5</v>
      </c>
      <c r="F270" s="6" t="s">
        <v>5</v>
      </c>
      <c r="G270" s="2" t="s">
        <v>1976</v>
      </c>
      <c r="H270" s="4" t="s">
        <v>9</v>
      </c>
      <c r="I270" s="5" t="s">
        <v>6</v>
      </c>
      <c r="J270" s="5" t="s">
        <v>1977</v>
      </c>
      <c r="K270" s="5" t="s">
        <v>604</v>
      </c>
      <c r="L270" s="6" t="s">
        <v>5</v>
      </c>
      <c r="M270" s="2" t="s">
        <v>1984</v>
      </c>
      <c r="N270" s="3">
        <v>44436</v>
      </c>
      <c r="O270" s="3">
        <v>44436</v>
      </c>
      <c r="P270" s="3">
        <v>46538</v>
      </c>
    </row>
    <row r="271" spans="1:16" x14ac:dyDescent="0.15">
      <c r="A271" s="2" t="s">
        <v>49</v>
      </c>
      <c r="B271" s="2" t="s">
        <v>1994</v>
      </c>
      <c r="C271" s="4" t="s">
        <v>6</v>
      </c>
      <c r="D271" s="5" t="s">
        <v>967</v>
      </c>
      <c r="E271" s="5" t="s">
        <v>1993</v>
      </c>
      <c r="F271" s="6" t="s">
        <v>5</v>
      </c>
      <c r="G271" s="2" t="s">
        <v>1992</v>
      </c>
      <c r="H271" s="4" t="s">
        <v>9</v>
      </c>
      <c r="I271" s="5" t="s">
        <v>6</v>
      </c>
      <c r="J271" s="5" t="s">
        <v>967</v>
      </c>
      <c r="K271" s="5" t="s">
        <v>1993</v>
      </c>
      <c r="L271" s="6" t="s">
        <v>5</v>
      </c>
      <c r="M271" s="2" t="s">
        <v>1995</v>
      </c>
      <c r="N271" s="3">
        <v>38651</v>
      </c>
      <c r="O271" s="3">
        <v>44470</v>
      </c>
      <c r="P271" s="3">
        <v>46295</v>
      </c>
    </row>
    <row r="272" spans="1:16" x14ac:dyDescent="0.15">
      <c r="A272" s="2" t="s">
        <v>49</v>
      </c>
      <c r="B272" s="2" t="s">
        <v>2007</v>
      </c>
      <c r="C272" s="4" t="s">
        <v>6</v>
      </c>
      <c r="D272" s="5" t="s">
        <v>179</v>
      </c>
      <c r="E272" s="5" t="s">
        <v>180</v>
      </c>
      <c r="F272" s="6" t="s">
        <v>5</v>
      </c>
      <c r="G272" s="2" t="s">
        <v>2004</v>
      </c>
      <c r="H272" s="4" t="s">
        <v>9</v>
      </c>
      <c r="I272" s="5" t="s">
        <v>6</v>
      </c>
      <c r="J272" s="5" t="s">
        <v>2005</v>
      </c>
      <c r="K272" s="5" t="s">
        <v>2006</v>
      </c>
      <c r="L272" s="6" t="s">
        <v>5</v>
      </c>
      <c r="M272" s="2" t="s">
        <v>2008</v>
      </c>
      <c r="N272" s="3">
        <v>37896</v>
      </c>
      <c r="O272" s="3">
        <v>44470</v>
      </c>
      <c r="P272" s="3">
        <v>46660</v>
      </c>
    </row>
    <row r="273" spans="1:16" x14ac:dyDescent="0.15">
      <c r="A273" s="2" t="s">
        <v>49</v>
      </c>
      <c r="B273" s="2" t="s">
        <v>2011</v>
      </c>
      <c r="C273" s="4" t="s">
        <v>6</v>
      </c>
      <c r="D273" s="5" t="s">
        <v>2012</v>
      </c>
      <c r="E273" s="5" t="s">
        <v>2013</v>
      </c>
      <c r="F273" s="6" t="s">
        <v>2014</v>
      </c>
      <c r="G273" s="2" t="s">
        <v>2009</v>
      </c>
      <c r="H273" s="4" t="s">
        <v>9</v>
      </c>
      <c r="I273" s="5" t="s">
        <v>6</v>
      </c>
      <c r="J273" s="5" t="s">
        <v>1186</v>
      </c>
      <c r="K273" s="5" t="s">
        <v>2010</v>
      </c>
      <c r="L273" s="6" t="s">
        <v>5</v>
      </c>
      <c r="M273" s="2" t="s">
        <v>2015</v>
      </c>
      <c r="N273" s="3">
        <v>44461</v>
      </c>
      <c r="O273" s="3">
        <v>44461</v>
      </c>
      <c r="P273" s="3">
        <v>46843</v>
      </c>
    </row>
    <row r="274" spans="1:16" x14ac:dyDescent="0.15">
      <c r="A274" s="2" t="s">
        <v>49</v>
      </c>
      <c r="B274" s="2" t="s">
        <v>2024</v>
      </c>
      <c r="C274" s="4" t="s">
        <v>6</v>
      </c>
      <c r="D274" s="5" t="s">
        <v>174</v>
      </c>
      <c r="E274" s="5" t="s">
        <v>2025</v>
      </c>
      <c r="F274" s="6" t="s">
        <v>2026</v>
      </c>
      <c r="G274" s="2" t="s">
        <v>2021</v>
      </c>
      <c r="H274" s="4" t="s">
        <v>29</v>
      </c>
      <c r="I274" s="5" t="s">
        <v>504</v>
      </c>
      <c r="J274" s="5" t="s">
        <v>2022</v>
      </c>
      <c r="K274" s="5" t="s">
        <v>2023</v>
      </c>
      <c r="L274" s="6" t="s">
        <v>5</v>
      </c>
      <c r="M274" s="2" t="s">
        <v>2027</v>
      </c>
      <c r="N274" s="3">
        <v>42036</v>
      </c>
      <c r="O274" s="3">
        <v>44470</v>
      </c>
      <c r="P274" s="3">
        <v>46660</v>
      </c>
    </row>
    <row r="275" spans="1:16" x14ac:dyDescent="0.15">
      <c r="A275" s="2" t="s">
        <v>49</v>
      </c>
      <c r="B275" s="2" t="s">
        <v>2038</v>
      </c>
      <c r="C275" s="4" t="s">
        <v>6</v>
      </c>
      <c r="D275" s="5" t="s">
        <v>2039</v>
      </c>
      <c r="E275" s="5" t="s">
        <v>2040</v>
      </c>
      <c r="F275" s="6" t="s">
        <v>5</v>
      </c>
      <c r="G275" s="2" t="s">
        <v>2034</v>
      </c>
      <c r="H275" s="4" t="s">
        <v>384</v>
      </c>
      <c r="I275" s="5" t="s">
        <v>2035</v>
      </c>
      <c r="J275" s="5" t="s">
        <v>2036</v>
      </c>
      <c r="K275" s="5" t="s">
        <v>2037</v>
      </c>
      <c r="L275" s="6" t="s">
        <v>5</v>
      </c>
      <c r="M275" s="2" t="s">
        <v>2041</v>
      </c>
      <c r="N275" s="3">
        <v>40774</v>
      </c>
      <c r="O275" s="3">
        <v>44470</v>
      </c>
      <c r="P275" s="3">
        <v>46295</v>
      </c>
    </row>
    <row r="276" spans="1:16" x14ac:dyDescent="0.15">
      <c r="A276" s="2" t="s">
        <v>49</v>
      </c>
      <c r="B276" s="2" t="s">
        <v>1024</v>
      </c>
      <c r="C276" s="4" t="s">
        <v>6</v>
      </c>
      <c r="D276" s="5" t="s">
        <v>1022</v>
      </c>
      <c r="E276" s="5" t="s">
        <v>1023</v>
      </c>
      <c r="F276" s="6" t="s">
        <v>5</v>
      </c>
      <c r="G276" s="2" t="s">
        <v>1021</v>
      </c>
      <c r="H276" s="4" t="s">
        <v>9</v>
      </c>
      <c r="I276" s="5" t="s">
        <v>6</v>
      </c>
      <c r="J276" s="5" t="s">
        <v>1022</v>
      </c>
      <c r="K276" s="5" t="s">
        <v>1023</v>
      </c>
      <c r="L276" s="6" t="s">
        <v>5</v>
      </c>
      <c r="M276" s="2" t="s">
        <v>1025</v>
      </c>
      <c r="N276" s="3">
        <v>44377</v>
      </c>
      <c r="O276" s="3">
        <v>44377</v>
      </c>
      <c r="P276" s="3">
        <v>46691</v>
      </c>
    </row>
    <row r="277" spans="1:16" x14ac:dyDescent="0.15">
      <c r="A277" s="2" t="s">
        <v>49</v>
      </c>
      <c r="B277" s="2" t="s">
        <v>1026</v>
      </c>
      <c r="C277" s="4" t="s">
        <v>6</v>
      </c>
      <c r="D277" s="5" t="s">
        <v>1027</v>
      </c>
      <c r="E277" s="5" t="s">
        <v>1028</v>
      </c>
      <c r="F277" s="6" t="s">
        <v>1029</v>
      </c>
      <c r="G277" s="2"/>
      <c r="H277" s="4"/>
      <c r="I277" s="5"/>
      <c r="J277" s="5"/>
      <c r="K277" s="5"/>
      <c r="L277" s="6"/>
      <c r="M277" s="2" t="s">
        <v>1030</v>
      </c>
      <c r="N277" s="3">
        <v>44377</v>
      </c>
      <c r="O277" s="3">
        <v>44377</v>
      </c>
      <c r="P277" s="3">
        <v>46721</v>
      </c>
    </row>
    <row r="278" spans="1:16" x14ac:dyDescent="0.15">
      <c r="A278" s="2" t="s">
        <v>49</v>
      </c>
      <c r="B278" s="2" t="s">
        <v>1031</v>
      </c>
      <c r="C278" s="4" t="s">
        <v>6</v>
      </c>
      <c r="D278" s="5" t="s">
        <v>848</v>
      </c>
      <c r="E278" s="5" t="s">
        <v>1032</v>
      </c>
      <c r="F278" s="6" t="s">
        <v>1033</v>
      </c>
      <c r="G278" s="2"/>
      <c r="H278" s="4"/>
      <c r="I278" s="5"/>
      <c r="J278" s="5"/>
      <c r="K278" s="5"/>
      <c r="L278" s="6"/>
      <c r="M278" s="2" t="s">
        <v>1034</v>
      </c>
      <c r="N278" s="3">
        <v>44378</v>
      </c>
      <c r="O278" s="3">
        <v>44378</v>
      </c>
      <c r="P278" s="3">
        <v>46538</v>
      </c>
    </row>
    <row r="279" spans="1:16" x14ac:dyDescent="0.15">
      <c r="A279" s="2" t="s">
        <v>49</v>
      </c>
      <c r="B279" s="2" t="s">
        <v>1036</v>
      </c>
      <c r="C279" s="4" t="s">
        <v>6</v>
      </c>
      <c r="D279" s="5" t="s">
        <v>1037</v>
      </c>
      <c r="E279" s="5" t="s">
        <v>1038</v>
      </c>
      <c r="F279" s="6" t="s">
        <v>5</v>
      </c>
      <c r="G279" s="2"/>
      <c r="H279" s="4"/>
      <c r="I279" s="5"/>
      <c r="J279" s="5"/>
      <c r="K279" s="5"/>
      <c r="L279" s="6"/>
      <c r="M279" s="2" t="s">
        <v>1039</v>
      </c>
      <c r="N279" s="3">
        <v>44379</v>
      </c>
      <c r="O279" s="3">
        <v>44379</v>
      </c>
      <c r="P279" s="3">
        <v>46691</v>
      </c>
    </row>
    <row r="280" spans="1:16" x14ac:dyDescent="0.15">
      <c r="A280" s="2" t="s">
        <v>49</v>
      </c>
      <c r="B280" s="2" t="s">
        <v>2042</v>
      </c>
      <c r="C280" s="4" t="s">
        <v>6</v>
      </c>
      <c r="D280" s="5" t="s">
        <v>2039</v>
      </c>
      <c r="E280" s="5" t="s">
        <v>2043</v>
      </c>
      <c r="F280" s="6" t="s">
        <v>5</v>
      </c>
      <c r="G280" s="2" t="s">
        <v>2034</v>
      </c>
      <c r="H280" s="4" t="s">
        <v>384</v>
      </c>
      <c r="I280" s="5" t="s">
        <v>2035</v>
      </c>
      <c r="J280" s="5" t="s">
        <v>2036</v>
      </c>
      <c r="K280" s="5" t="s">
        <v>2037</v>
      </c>
      <c r="L280" s="6" t="s">
        <v>5</v>
      </c>
      <c r="M280" s="2" t="s">
        <v>2045</v>
      </c>
      <c r="N280" s="3">
        <v>42605</v>
      </c>
      <c r="O280" s="3">
        <v>44835</v>
      </c>
      <c r="P280" s="3">
        <v>47026</v>
      </c>
    </row>
    <row r="281" spans="1:16" x14ac:dyDescent="0.15">
      <c r="A281" s="2" t="s">
        <v>49</v>
      </c>
      <c r="B281" s="2" t="s">
        <v>2068</v>
      </c>
      <c r="C281" s="4" t="s">
        <v>6</v>
      </c>
      <c r="D281" s="5" t="s">
        <v>1148</v>
      </c>
      <c r="E281" s="5" t="s">
        <v>2069</v>
      </c>
      <c r="F281" s="6" t="s">
        <v>5</v>
      </c>
      <c r="G281" s="2" t="s">
        <v>2065</v>
      </c>
      <c r="H281" s="4" t="s">
        <v>9</v>
      </c>
      <c r="I281" s="5" t="s">
        <v>663</v>
      </c>
      <c r="J281" s="5" t="s">
        <v>2066</v>
      </c>
      <c r="K281" s="5" t="s">
        <v>2067</v>
      </c>
      <c r="L281" s="6" t="s">
        <v>5</v>
      </c>
      <c r="M281" s="2" t="s">
        <v>2070</v>
      </c>
      <c r="N281" s="3">
        <v>38197</v>
      </c>
      <c r="O281" s="3">
        <v>44652</v>
      </c>
      <c r="P281" s="3">
        <v>46843</v>
      </c>
    </row>
    <row r="282" spans="1:16" x14ac:dyDescent="0.15">
      <c r="A282" s="2" t="s">
        <v>49</v>
      </c>
      <c r="B282" s="2" t="s">
        <v>1050</v>
      </c>
      <c r="C282" s="4" t="s">
        <v>6</v>
      </c>
      <c r="D282" s="5" t="s">
        <v>954</v>
      </c>
      <c r="E282" s="5" t="s">
        <v>1051</v>
      </c>
      <c r="F282" s="6" t="s">
        <v>1052</v>
      </c>
      <c r="G282" s="2"/>
      <c r="H282" s="4"/>
      <c r="I282" s="5"/>
      <c r="J282" s="5"/>
      <c r="K282" s="5"/>
      <c r="L282" s="6"/>
      <c r="M282" s="2" t="s">
        <v>1053</v>
      </c>
      <c r="N282" s="3">
        <v>44379</v>
      </c>
      <c r="O282" s="3">
        <v>44379</v>
      </c>
      <c r="P282" s="3">
        <v>46295</v>
      </c>
    </row>
    <row r="283" spans="1:16" x14ac:dyDescent="0.15">
      <c r="A283" s="2" t="s">
        <v>49</v>
      </c>
      <c r="B283" s="2" t="s">
        <v>1054</v>
      </c>
      <c r="C283" s="4" t="s">
        <v>6</v>
      </c>
      <c r="D283" s="5" t="s">
        <v>367</v>
      </c>
      <c r="E283" s="5" t="s">
        <v>1055</v>
      </c>
      <c r="F283" s="6" t="s">
        <v>5</v>
      </c>
      <c r="G283" s="2"/>
      <c r="H283" s="4"/>
      <c r="I283" s="5"/>
      <c r="J283" s="5"/>
      <c r="K283" s="5"/>
      <c r="L283" s="6"/>
      <c r="M283" s="2" t="s">
        <v>1056</v>
      </c>
      <c r="N283" s="3">
        <v>44379</v>
      </c>
      <c r="O283" s="3">
        <v>44379</v>
      </c>
      <c r="P283" s="3">
        <v>46660</v>
      </c>
    </row>
    <row r="284" spans="1:16" x14ac:dyDescent="0.15">
      <c r="A284" s="2" t="s">
        <v>49</v>
      </c>
      <c r="B284" s="2" t="s">
        <v>2101</v>
      </c>
      <c r="C284" s="4" t="s">
        <v>6</v>
      </c>
      <c r="D284" s="5" t="s">
        <v>2098</v>
      </c>
      <c r="E284" s="5" t="s">
        <v>2102</v>
      </c>
      <c r="F284" s="6" t="s">
        <v>5</v>
      </c>
      <c r="G284" s="2" t="s">
        <v>2097</v>
      </c>
      <c r="H284" s="4" t="s">
        <v>9</v>
      </c>
      <c r="I284" s="5" t="s">
        <v>6</v>
      </c>
      <c r="J284" s="5" t="s">
        <v>2098</v>
      </c>
      <c r="K284" s="5" t="s">
        <v>14</v>
      </c>
      <c r="L284" s="6" t="s">
        <v>5</v>
      </c>
      <c r="M284" s="2" t="s">
        <v>2103</v>
      </c>
      <c r="N284" s="3">
        <v>45200</v>
      </c>
      <c r="O284" s="3">
        <v>45200</v>
      </c>
      <c r="P284" s="3">
        <v>47026</v>
      </c>
    </row>
    <row r="285" spans="1:16" x14ac:dyDescent="0.15">
      <c r="A285" s="2" t="s">
        <v>49</v>
      </c>
      <c r="B285" s="2" t="s">
        <v>2122</v>
      </c>
      <c r="C285" s="4" t="s">
        <v>6</v>
      </c>
      <c r="D285" s="5" t="s">
        <v>911</v>
      </c>
      <c r="E285" s="5" t="s">
        <v>2121</v>
      </c>
      <c r="F285" s="6" t="s">
        <v>5</v>
      </c>
      <c r="G285" s="2" t="s">
        <v>2120</v>
      </c>
      <c r="H285" s="4" t="s">
        <v>9</v>
      </c>
      <c r="I285" s="5" t="s">
        <v>6</v>
      </c>
      <c r="J285" s="5" t="s">
        <v>911</v>
      </c>
      <c r="K285" s="5" t="s">
        <v>2121</v>
      </c>
      <c r="L285" s="6" t="s">
        <v>5</v>
      </c>
      <c r="M285" s="2" t="s">
        <v>2123</v>
      </c>
      <c r="N285" s="3">
        <v>35501</v>
      </c>
      <c r="O285" s="3">
        <v>44470</v>
      </c>
      <c r="P285" s="3">
        <v>46295</v>
      </c>
    </row>
    <row r="286" spans="1:16" x14ac:dyDescent="0.15">
      <c r="A286" s="2" t="s">
        <v>49</v>
      </c>
      <c r="B286" s="2" t="s">
        <v>2155</v>
      </c>
      <c r="C286" s="4" t="s">
        <v>6</v>
      </c>
      <c r="D286" s="5" t="s">
        <v>2154</v>
      </c>
      <c r="E286" s="5" t="s">
        <v>70</v>
      </c>
      <c r="F286" s="6" t="s">
        <v>5</v>
      </c>
      <c r="G286" s="2" t="s">
        <v>2153</v>
      </c>
      <c r="H286" s="4" t="s">
        <v>9</v>
      </c>
      <c r="I286" s="5" t="s">
        <v>6</v>
      </c>
      <c r="J286" s="5" t="s">
        <v>2154</v>
      </c>
      <c r="K286" s="5" t="s">
        <v>70</v>
      </c>
      <c r="L286" s="6" t="s">
        <v>5</v>
      </c>
      <c r="M286" s="2" t="s">
        <v>2156</v>
      </c>
      <c r="N286" s="3">
        <v>36907</v>
      </c>
      <c r="O286" s="3">
        <v>44470</v>
      </c>
      <c r="P286" s="3">
        <v>46295</v>
      </c>
    </row>
    <row r="287" spans="1:16" x14ac:dyDescent="0.15">
      <c r="A287" s="2" t="s">
        <v>49</v>
      </c>
      <c r="B287" s="2" t="s">
        <v>2159</v>
      </c>
      <c r="C287" s="4" t="s">
        <v>6</v>
      </c>
      <c r="D287" s="5" t="s">
        <v>200</v>
      </c>
      <c r="E287" s="5" t="s">
        <v>2160</v>
      </c>
      <c r="F287" s="6" t="s">
        <v>2161</v>
      </c>
      <c r="G287" s="2" t="s">
        <v>2157</v>
      </c>
      <c r="H287" s="4" t="s">
        <v>9</v>
      </c>
      <c r="I287" s="5" t="s">
        <v>6</v>
      </c>
      <c r="J287" s="5" t="s">
        <v>200</v>
      </c>
      <c r="K287" s="5" t="s">
        <v>2158</v>
      </c>
      <c r="L287" s="6" t="s">
        <v>5</v>
      </c>
      <c r="M287" s="2" t="s">
        <v>2162</v>
      </c>
      <c r="N287" s="3">
        <v>44446</v>
      </c>
      <c r="O287" s="3">
        <v>44446</v>
      </c>
      <c r="P287" s="3">
        <v>46843</v>
      </c>
    </row>
    <row r="288" spans="1:16" x14ac:dyDescent="0.15">
      <c r="A288" s="2" t="s">
        <v>49</v>
      </c>
      <c r="B288" s="2" t="s">
        <v>2166</v>
      </c>
      <c r="C288" s="4" t="s">
        <v>6</v>
      </c>
      <c r="D288" s="5" t="s">
        <v>2167</v>
      </c>
      <c r="E288" s="5" t="s">
        <v>2168</v>
      </c>
      <c r="F288" s="6" t="s">
        <v>5</v>
      </c>
      <c r="G288" s="2" t="s">
        <v>2164</v>
      </c>
      <c r="H288" s="4" t="s">
        <v>9</v>
      </c>
      <c r="I288" s="5" t="s">
        <v>635</v>
      </c>
      <c r="J288" s="5" t="s">
        <v>1839</v>
      </c>
      <c r="K288" s="5" t="s">
        <v>2165</v>
      </c>
      <c r="L288" s="6" t="s">
        <v>5</v>
      </c>
      <c r="M288" s="2" t="s">
        <v>2169</v>
      </c>
      <c r="N288" s="3">
        <v>44483</v>
      </c>
      <c r="O288" s="3">
        <v>44483</v>
      </c>
      <c r="P288" s="3">
        <v>46843</v>
      </c>
    </row>
    <row r="289" spans="1:16" x14ac:dyDescent="0.15">
      <c r="A289" s="2" t="s">
        <v>49</v>
      </c>
      <c r="B289" s="2" t="s">
        <v>2190</v>
      </c>
      <c r="C289" s="4" t="s">
        <v>6</v>
      </c>
      <c r="D289" s="5" t="s">
        <v>762</v>
      </c>
      <c r="E289" s="5" t="s">
        <v>2191</v>
      </c>
      <c r="F289" s="6" t="s">
        <v>5</v>
      </c>
      <c r="G289" s="2" t="s">
        <v>2187</v>
      </c>
      <c r="H289" s="4" t="s">
        <v>9</v>
      </c>
      <c r="I289" s="5" t="s">
        <v>6</v>
      </c>
      <c r="J289" s="5" t="s">
        <v>2188</v>
      </c>
      <c r="K289" s="5" t="s">
        <v>2189</v>
      </c>
      <c r="L289" s="6" t="s">
        <v>5</v>
      </c>
      <c r="M289" s="2" t="s">
        <v>2192</v>
      </c>
      <c r="N289" s="3">
        <v>42607</v>
      </c>
      <c r="O289" s="3">
        <v>45108</v>
      </c>
      <c r="P289" s="3">
        <v>47299</v>
      </c>
    </row>
    <row r="290" spans="1:16" x14ac:dyDescent="0.15">
      <c r="A290" s="2" t="s">
        <v>49</v>
      </c>
      <c r="B290" s="2" t="s">
        <v>2193</v>
      </c>
      <c r="C290" s="4" t="s">
        <v>6</v>
      </c>
      <c r="D290" s="5" t="s">
        <v>91</v>
      </c>
      <c r="E290" s="5" t="s">
        <v>2194</v>
      </c>
      <c r="F290" s="6" t="s">
        <v>5</v>
      </c>
      <c r="G290" s="2" t="s">
        <v>2187</v>
      </c>
      <c r="H290" s="4" t="s">
        <v>9</v>
      </c>
      <c r="I290" s="5" t="s">
        <v>6</v>
      </c>
      <c r="J290" s="5" t="s">
        <v>2188</v>
      </c>
      <c r="K290" s="5" t="s">
        <v>2189</v>
      </c>
      <c r="L290" s="6" t="s">
        <v>5</v>
      </c>
      <c r="M290" s="2" t="s">
        <v>2195</v>
      </c>
      <c r="N290" s="3">
        <v>42945</v>
      </c>
      <c r="O290" s="3">
        <v>45383</v>
      </c>
      <c r="P290" s="3">
        <v>47573</v>
      </c>
    </row>
    <row r="291" spans="1:16" x14ac:dyDescent="0.15">
      <c r="A291" s="2" t="s">
        <v>49</v>
      </c>
      <c r="B291" s="2" t="s">
        <v>2208</v>
      </c>
      <c r="C291" s="4" t="s">
        <v>6</v>
      </c>
      <c r="D291" s="5" t="s">
        <v>2012</v>
      </c>
      <c r="E291" s="5" t="s">
        <v>2209</v>
      </c>
      <c r="F291" s="6" t="s">
        <v>5</v>
      </c>
      <c r="G291" s="2" t="s">
        <v>2204</v>
      </c>
      <c r="H291" s="4" t="s">
        <v>1694</v>
      </c>
      <c r="I291" s="5" t="s">
        <v>2205</v>
      </c>
      <c r="J291" s="5" t="s">
        <v>2206</v>
      </c>
      <c r="K291" s="5" t="s">
        <v>2207</v>
      </c>
      <c r="L291" s="6" t="s">
        <v>5</v>
      </c>
      <c r="M291" s="2" t="s">
        <v>2210</v>
      </c>
      <c r="N291" s="3">
        <v>44854</v>
      </c>
      <c r="O291" s="3">
        <v>44854</v>
      </c>
      <c r="P291" s="3">
        <v>47208</v>
      </c>
    </row>
    <row r="292" spans="1:16" x14ac:dyDescent="0.15">
      <c r="A292" s="2" t="s">
        <v>49</v>
      </c>
      <c r="B292" s="2" t="s">
        <v>2236</v>
      </c>
      <c r="C292" s="4" t="s">
        <v>6</v>
      </c>
      <c r="D292" s="5" t="s">
        <v>2237</v>
      </c>
      <c r="E292" s="5" t="s">
        <v>5</v>
      </c>
      <c r="F292" s="6" t="s">
        <v>5</v>
      </c>
      <c r="G292" s="2" t="s">
        <v>2233</v>
      </c>
      <c r="H292" s="4" t="s">
        <v>724</v>
      </c>
      <c r="I292" s="5" t="s">
        <v>1261</v>
      </c>
      <c r="J292" s="5" t="s">
        <v>2234</v>
      </c>
      <c r="K292" s="5" t="s">
        <v>2235</v>
      </c>
      <c r="L292" s="6" t="s">
        <v>5</v>
      </c>
      <c r="M292" s="2" t="s">
        <v>2238</v>
      </c>
      <c r="N292" s="3">
        <v>42563</v>
      </c>
      <c r="O292" s="3">
        <v>44501</v>
      </c>
      <c r="P292" s="3">
        <v>46326</v>
      </c>
    </row>
    <row r="293" spans="1:16" x14ac:dyDescent="0.15">
      <c r="A293" s="2" t="s">
        <v>49</v>
      </c>
      <c r="B293" s="2" t="s">
        <v>2239</v>
      </c>
      <c r="C293" s="4" t="s">
        <v>6</v>
      </c>
      <c r="D293" s="5" t="s">
        <v>2240</v>
      </c>
      <c r="E293" s="5" t="s">
        <v>2241</v>
      </c>
      <c r="F293" s="6" t="s">
        <v>5</v>
      </c>
      <c r="G293" s="2" t="s">
        <v>2233</v>
      </c>
      <c r="H293" s="4" t="s">
        <v>724</v>
      </c>
      <c r="I293" s="5" t="s">
        <v>1261</v>
      </c>
      <c r="J293" s="5" t="s">
        <v>2234</v>
      </c>
      <c r="K293" s="5" t="s">
        <v>2235</v>
      </c>
      <c r="L293" s="6" t="s">
        <v>5</v>
      </c>
      <c r="M293" s="2" t="s">
        <v>2242</v>
      </c>
      <c r="N293" s="3">
        <v>42563</v>
      </c>
      <c r="O293" s="3">
        <v>44501</v>
      </c>
      <c r="P293" s="3">
        <v>46326</v>
      </c>
    </row>
    <row r="294" spans="1:16" x14ac:dyDescent="0.15">
      <c r="A294" s="2" t="s">
        <v>49</v>
      </c>
      <c r="B294" s="2" t="s">
        <v>2250</v>
      </c>
      <c r="C294" s="4" t="s">
        <v>6</v>
      </c>
      <c r="D294" s="5" t="s">
        <v>456</v>
      </c>
      <c r="E294" s="5" t="s">
        <v>520</v>
      </c>
      <c r="F294" s="6" t="s">
        <v>5</v>
      </c>
      <c r="G294" s="2" t="s">
        <v>2247</v>
      </c>
      <c r="H294" s="4" t="s">
        <v>9</v>
      </c>
      <c r="I294" s="5" t="s">
        <v>6</v>
      </c>
      <c r="J294" s="5" t="s">
        <v>2248</v>
      </c>
      <c r="K294" s="5" t="s">
        <v>2249</v>
      </c>
      <c r="L294" s="6" t="s">
        <v>5</v>
      </c>
      <c r="M294" s="2" t="s">
        <v>2251</v>
      </c>
      <c r="N294" s="3">
        <v>44449</v>
      </c>
      <c r="O294" s="3">
        <v>44449</v>
      </c>
      <c r="P294" s="3">
        <v>46538</v>
      </c>
    </row>
    <row r="295" spans="1:16" x14ac:dyDescent="0.15">
      <c r="A295" s="2" t="s">
        <v>49</v>
      </c>
      <c r="B295" s="2" t="s">
        <v>2252</v>
      </c>
      <c r="C295" s="4" t="s">
        <v>6</v>
      </c>
      <c r="D295" s="5" t="s">
        <v>500</v>
      </c>
      <c r="E295" s="5" t="s">
        <v>2253</v>
      </c>
      <c r="F295" s="6" t="s">
        <v>2254</v>
      </c>
      <c r="G295" s="2" t="s">
        <v>2247</v>
      </c>
      <c r="H295" s="4" t="s">
        <v>9</v>
      </c>
      <c r="I295" s="5" t="s">
        <v>6</v>
      </c>
      <c r="J295" s="5" t="s">
        <v>2248</v>
      </c>
      <c r="K295" s="5" t="s">
        <v>2249</v>
      </c>
      <c r="L295" s="6" t="s">
        <v>5</v>
      </c>
      <c r="M295" s="2" t="s">
        <v>2255</v>
      </c>
      <c r="N295" s="3">
        <v>38510</v>
      </c>
      <c r="O295" s="3">
        <v>45078</v>
      </c>
      <c r="P295" s="3">
        <v>47269</v>
      </c>
    </row>
    <row r="296" spans="1:16" x14ac:dyDescent="0.15">
      <c r="A296" s="2" t="s">
        <v>49</v>
      </c>
      <c r="B296" s="2" t="s">
        <v>2274</v>
      </c>
      <c r="C296" s="4" t="s">
        <v>6</v>
      </c>
      <c r="D296" s="5" t="s">
        <v>174</v>
      </c>
      <c r="E296" s="5" t="s">
        <v>1208</v>
      </c>
      <c r="F296" s="6" t="s">
        <v>5</v>
      </c>
      <c r="G296" s="2" t="s">
        <v>2271</v>
      </c>
      <c r="H296" s="4" t="s">
        <v>9</v>
      </c>
      <c r="I296" s="5" t="s">
        <v>6</v>
      </c>
      <c r="J296" s="5" t="s">
        <v>2272</v>
      </c>
      <c r="K296" s="5" t="s">
        <v>2273</v>
      </c>
      <c r="L296" s="6" t="s">
        <v>5</v>
      </c>
      <c r="M296" s="2" t="s">
        <v>2275</v>
      </c>
      <c r="N296" s="3">
        <v>42074</v>
      </c>
      <c r="O296" s="3">
        <v>44470</v>
      </c>
      <c r="P296" s="3">
        <v>46660</v>
      </c>
    </row>
    <row r="297" spans="1:16" x14ac:dyDescent="0.15">
      <c r="A297" s="2" t="s">
        <v>49</v>
      </c>
      <c r="B297" s="2" t="s">
        <v>2282</v>
      </c>
      <c r="C297" s="4" t="s">
        <v>6</v>
      </c>
      <c r="D297" s="5" t="s">
        <v>967</v>
      </c>
      <c r="E297" s="5" t="s">
        <v>70</v>
      </c>
      <c r="F297" s="6" t="s">
        <v>5</v>
      </c>
      <c r="G297" s="2" t="s">
        <v>2280</v>
      </c>
      <c r="H297" s="4" t="s">
        <v>9</v>
      </c>
      <c r="I297" s="5" t="s">
        <v>6</v>
      </c>
      <c r="J297" s="5" t="s">
        <v>290</v>
      </c>
      <c r="K297" s="5" t="s">
        <v>2281</v>
      </c>
      <c r="L297" s="6" t="s">
        <v>5</v>
      </c>
      <c r="M297" s="2" t="s">
        <v>2283</v>
      </c>
      <c r="N297" s="3">
        <v>42607</v>
      </c>
      <c r="O297" s="3">
        <v>44470</v>
      </c>
      <c r="P297" s="3">
        <v>46295</v>
      </c>
    </row>
    <row r="298" spans="1:16" x14ac:dyDescent="0.15">
      <c r="A298" s="2" t="s">
        <v>49</v>
      </c>
      <c r="B298" s="2" t="s">
        <v>2285</v>
      </c>
      <c r="C298" s="4" t="s">
        <v>6</v>
      </c>
      <c r="D298" s="5" t="s">
        <v>1152</v>
      </c>
      <c r="E298" s="5" t="s">
        <v>690</v>
      </c>
      <c r="F298" s="6" t="s">
        <v>2286</v>
      </c>
      <c r="G298" s="2" t="s">
        <v>2280</v>
      </c>
      <c r="H298" s="4" t="s">
        <v>9</v>
      </c>
      <c r="I298" s="5" t="s">
        <v>6</v>
      </c>
      <c r="J298" s="5" t="s">
        <v>290</v>
      </c>
      <c r="K298" s="5" t="s">
        <v>2281</v>
      </c>
      <c r="L298" s="6" t="s">
        <v>5</v>
      </c>
      <c r="M298" s="2" t="s">
        <v>2287</v>
      </c>
      <c r="N298" s="3">
        <v>44005</v>
      </c>
      <c r="O298" s="3">
        <v>44005</v>
      </c>
      <c r="P298" s="3">
        <v>46356</v>
      </c>
    </row>
    <row r="299" spans="1:16" x14ac:dyDescent="0.15">
      <c r="A299" s="2" t="s">
        <v>49</v>
      </c>
      <c r="B299" s="2" t="s">
        <v>2288</v>
      </c>
      <c r="C299" s="4" t="s">
        <v>6</v>
      </c>
      <c r="D299" s="5" t="s">
        <v>69</v>
      </c>
      <c r="E299" s="5" t="s">
        <v>943</v>
      </c>
      <c r="F299" s="6" t="s">
        <v>2289</v>
      </c>
      <c r="G299" s="2" t="s">
        <v>2280</v>
      </c>
      <c r="H299" s="4" t="s">
        <v>9</v>
      </c>
      <c r="I299" s="5" t="s">
        <v>6</v>
      </c>
      <c r="J299" s="5" t="s">
        <v>290</v>
      </c>
      <c r="K299" s="5" t="s">
        <v>2281</v>
      </c>
      <c r="L299" s="6" t="s">
        <v>5</v>
      </c>
      <c r="M299" s="2" t="s">
        <v>2290</v>
      </c>
      <c r="N299" s="3">
        <v>43991</v>
      </c>
      <c r="O299" s="3">
        <v>43991</v>
      </c>
      <c r="P299" s="3">
        <v>46538</v>
      </c>
    </row>
    <row r="300" spans="1:16" x14ac:dyDescent="0.15">
      <c r="A300" s="2" t="s">
        <v>49</v>
      </c>
      <c r="B300" s="2" t="s">
        <v>2296</v>
      </c>
      <c r="C300" s="4" t="s">
        <v>6</v>
      </c>
      <c r="D300" s="5" t="s">
        <v>45</v>
      </c>
      <c r="E300" s="5" t="s">
        <v>2297</v>
      </c>
      <c r="F300" s="6" t="s">
        <v>5</v>
      </c>
      <c r="G300" s="2" t="s">
        <v>2291</v>
      </c>
      <c r="H300" s="4" t="s">
        <v>9</v>
      </c>
      <c r="I300" s="5" t="s">
        <v>6</v>
      </c>
      <c r="J300" s="5" t="s">
        <v>2292</v>
      </c>
      <c r="K300" s="5" t="s">
        <v>2293</v>
      </c>
      <c r="L300" s="6" t="s">
        <v>5</v>
      </c>
      <c r="M300" s="2" t="s">
        <v>2298</v>
      </c>
      <c r="N300" s="3">
        <v>45135</v>
      </c>
      <c r="O300" s="3">
        <v>45135</v>
      </c>
      <c r="P300" s="3">
        <v>47452</v>
      </c>
    </row>
    <row r="301" spans="1:16" x14ac:dyDescent="0.15">
      <c r="A301" s="2" t="s">
        <v>49</v>
      </c>
      <c r="B301" s="2" t="s">
        <v>2302</v>
      </c>
      <c r="C301" s="4" t="s">
        <v>6</v>
      </c>
      <c r="D301" s="5" t="s">
        <v>1581</v>
      </c>
      <c r="E301" s="5" t="s">
        <v>2303</v>
      </c>
      <c r="F301" s="6" t="s">
        <v>5</v>
      </c>
      <c r="G301" s="2" t="s">
        <v>2299</v>
      </c>
      <c r="H301" s="4" t="s">
        <v>9</v>
      </c>
      <c r="I301" s="5" t="s">
        <v>663</v>
      </c>
      <c r="J301" s="5" t="s">
        <v>2300</v>
      </c>
      <c r="K301" s="5" t="s">
        <v>2301</v>
      </c>
      <c r="L301" s="6" t="s">
        <v>5</v>
      </c>
      <c r="M301" s="2" t="s">
        <v>2304</v>
      </c>
      <c r="N301" s="3">
        <v>42132</v>
      </c>
      <c r="O301" s="3">
        <v>44470</v>
      </c>
      <c r="P301" s="3">
        <v>46660</v>
      </c>
    </row>
    <row r="302" spans="1:16" x14ac:dyDescent="0.15">
      <c r="A302" s="2" t="s">
        <v>49</v>
      </c>
      <c r="B302" s="2" t="s">
        <v>2305</v>
      </c>
      <c r="C302" s="4" t="s">
        <v>6</v>
      </c>
      <c r="D302" s="5" t="s">
        <v>1027</v>
      </c>
      <c r="E302" s="5" t="s">
        <v>2306</v>
      </c>
      <c r="F302" s="6" t="s">
        <v>2307</v>
      </c>
      <c r="G302" s="2" t="s">
        <v>2299</v>
      </c>
      <c r="H302" s="4" t="s">
        <v>9</v>
      </c>
      <c r="I302" s="5" t="s">
        <v>663</v>
      </c>
      <c r="J302" s="5" t="s">
        <v>2300</v>
      </c>
      <c r="K302" s="5" t="s">
        <v>2301</v>
      </c>
      <c r="L302" s="6" t="s">
        <v>5</v>
      </c>
      <c r="M302" s="2" t="s">
        <v>2308</v>
      </c>
      <c r="N302" s="3">
        <v>42684</v>
      </c>
      <c r="O302" s="3">
        <v>44531</v>
      </c>
      <c r="P302" s="3">
        <v>46721</v>
      </c>
    </row>
    <row r="303" spans="1:16" x14ac:dyDescent="0.15">
      <c r="A303" s="2" t="s">
        <v>49</v>
      </c>
      <c r="B303" s="2" t="s">
        <v>2309</v>
      </c>
      <c r="C303" s="4" t="s">
        <v>6</v>
      </c>
      <c r="D303" s="5" t="s">
        <v>1027</v>
      </c>
      <c r="E303" s="5" t="s">
        <v>2306</v>
      </c>
      <c r="F303" s="6" t="s">
        <v>2310</v>
      </c>
      <c r="G303" s="2" t="s">
        <v>2299</v>
      </c>
      <c r="H303" s="4" t="s">
        <v>9</v>
      </c>
      <c r="I303" s="5" t="s">
        <v>663</v>
      </c>
      <c r="J303" s="5" t="s">
        <v>2300</v>
      </c>
      <c r="K303" s="5" t="s">
        <v>2301</v>
      </c>
      <c r="L303" s="6" t="s">
        <v>5</v>
      </c>
      <c r="M303" s="2" t="s">
        <v>2311</v>
      </c>
      <c r="N303" s="3">
        <v>42641</v>
      </c>
      <c r="O303" s="3">
        <v>44531</v>
      </c>
      <c r="P303" s="3">
        <v>46721</v>
      </c>
    </row>
    <row r="304" spans="1:16" x14ac:dyDescent="0.15">
      <c r="A304" s="2" t="s">
        <v>49</v>
      </c>
      <c r="B304" s="2" t="s">
        <v>2318</v>
      </c>
      <c r="C304" s="4" t="s">
        <v>6</v>
      </c>
      <c r="D304" s="5" t="s">
        <v>1148</v>
      </c>
      <c r="E304" s="5" t="s">
        <v>70</v>
      </c>
      <c r="F304" s="6" t="s">
        <v>5</v>
      </c>
      <c r="G304" s="2" t="s">
        <v>2316</v>
      </c>
      <c r="H304" s="4" t="s">
        <v>9</v>
      </c>
      <c r="I304" s="5" t="s">
        <v>663</v>
      </c>
      <c r="J304" s="5" t="s">
        <v>2317</v>
      </c>
      <c r="K304" s="5" t="s">
        <v>5</v>
      </c>
      <c r="L304" s="6" t="s">
        <v>5</v>
      </c>
      <c r="M304" s="2" t="s">
        <v>2319</v>
      </c>
      <c r="N304" s="3">
        <v>42930</v>
      </c>
      <c r="O304" s="3">
        <v>45383</v>
      </c>
      <c r="P304" s="3">
        <v>47573</v>
      </c>
    </row>
    <row r="305" spans="1:16" x14ac:dyDescent="0.15">
      <c r="A305" s="2" t="s">
        <v>49</v>
      </c>
      <c r="B305" s="2" t="s">
        <v>2346</v>
      </c>
      <c r="C305" s="4" t="s">
        <v>6</v>
      </c>
      <c r="D305" s="5" t="s">
        <v>2344</v>
      </c>
      <c r="E305" s="5" t="s">
        <v>2345</v>
      </c>
      <c r="F305" s="6" t="s">
        <v>5</v>
      </c>
      <c r="G305" s="2" t="s">
        <v>2343</v>
      </c>
      <c r="H305" s="4" t="s">
        <v>9</v>
      </c>
      <c r="I305" s="5" t="s">
        <v>6</v>
      </c>
      <c r="J305" s="5" t="s">
        <v>2344</v>
      </c>
      <c r="K305" s="5" t="s">
        <v>2345</v>
      </c>
      <c r="L305" s="6" t="s">
        <v>5</v>
      </c>
      <c r="M305" s="2" t="s">
        <v>2347</v>
      </c>
      <c r="N305" s="3">
        <v>44456</v>
      </c>
      <c r="O305" s="3">
        <v>44456</v>
      </c>
      <c r="P305" s="3">
        <v>46843</v>
      </c>
    </row>
    <row r="306" spans="1:16" x14ac:dyDescent="0.15">
      <c r="A306" s="2" t="s">
        <v>49</v>
      </c>
      <c r="B306" s="2" t="s">
        <v>2352</v>
      </c>
      <c r="C306" s="4" t="s">
        <v>6</v>
      </c>
      <c r="D306" s="5" t="s">
        <v>2350</v>
      </c>
      <c r="E306" s="5" t="s">
        <v>2353</v>
      </c>
      <c r="F306" s="6" t="s">
        <v>2354</v>
      </c>
      <c r="G306" s="2" t="s">
        <v>2349</v>
      </c>
      <c r="H306" s="4" t="s">
        <v>9</v>
      </c>
      <c r="I306" s="5" t="s">
        <v>6</v>
      </c>
      <c r="J306" s="5" t="s">
        <v>2350</v>
      </c>
      <c r="K306" s="5" t="s">
        <v>2351</v>
      </c>
      <c r="L306" s="6" t="s">
        <v>5</v>
      </c>
      <c r="M306" s="2" t="s">
        <v>2355</v>
      </c>
      <c r="N306" s="3">
        <v>41918</v>
      </c>
      <c r="O306" s="3">
        <v>44501</v>
      </c>
      <c r="P306" s="3">
        <v>47057</v>
      </c>
    </row>
    <row r="307" spans="1:16" x14ac:dyDescent="0.15">
      <c r="A307" s="2" t="s">
        <v>49</v>
      </c>
      <c r="B307" s="2" t="s">
        <v>1145</v>
      </c>
      <c r="C307" s="4" t="s">
        <v>6</v>
      </c>
      <c r="D307" s="5" t="s">
        <v>1143</v>
      </c>
      <c r="E307" s="5" t="s">
        <v>1144</v>
      </c>
      <c r="F307" s="6" t="s">
        <v>5</v>
      </c>
      <c r="G307" s="2"/>
      <c r="H307" s="4"/>
      <c r="I307" s="5"/>
      <c r="J307" s="5"/>
      <c r="K307" s="5"/>
      <c r="L307" s="6"/>
      <c r="M307" s="2" t="s">
        <v>1146</v>
      </c>
      <c r="N307" s="3">
        <v>45200</v>
      </c>
      <c r="O307" s="3">
        <v>45200</v>
      </c>
      <c r="P307" s="3">
        <v>47299</v>
      </c>
    </row>
    <row r="308" spans="1:16" x14ac:dyDescent="0.15">
      <c r="A308" s="2" t="s">
        <v>49</v>
      </c>
      <c r="B308" s="2" t="s">
        <v>1147</v>
      </c>
      <c r="C308" s="4" t="s">
        <v>6</v>
      </c>
      <c r="D308" s="5" t="s">
        <v>1148</v>
      </c>
      <c r="E308" s="5" t="s">
        <v>1149</v>
      </c>
      <c r="F308" s="6" t="s">
        <v>5</v>
      </c>
      <c r="G308" s="2"/>
      <c r="H308" s="4"/>
      <c r="I308" s="5"/>
      <c r="J308" s="5"/>
      <c r="K308" s="5"/>
      <c r="L308" s="6"/>
      <c r="M308" s="2" t="s">
        <v>1150</v>
      </c>
      <c r="N308" s="3">
        <v>44384</v>
      </c>
      <c r="O308" s="3">
        <v>44384</v>
      </c>
      <c r="P308" s="3">
        <v>46843</v>
      </c>
    </row>
    <row r="309" spans="1:16" x14ac:dyDescent="0.15">
      <c r="A309" s="2" t="s">
        <v>49</v>
      </c>
      <c r="B309" s="2" t="s">
        <v>2373</v>
      </c>
      <c r="C309" s="4" t="s">
        <v>6</v>
      </c>
      <c r="D309" s="5" t="s">
        <v>2374</v>
      </c>
      <c r="E309" s="5" t="s">
        <v>5</v>
      </c>
      <c r="F309" s="6" t="s">
        <v>5</v>
      </c>
      <c r="G309" s="2" t="s">
        <v>2370</v>
      </c>
      <c r="H309" s="4" t="s">
        <v>9</v>
      </c>
      <c r="I309" s="5" t="s">
        <v>6</v>
      </c>
      <c r="J309" s="5" t="s">
        <v>2371</v>
      </c>
      <c r="K309" s="5" t="s">
        <v>2372</v>
      </c>
      <c r="L309" s="6" t="s">
        <v>5</v>
      </c>
      <c r="M309" s="2" t="s">
        <v>2375</v>
      </c>
      <c r="N309" s="3">
        <v>37819</v>
      </c>
      <c r="O309" s="3">
        <v>44682</v>
      </c>
      <c r="P309" s="3">
        <v>46873</v>
      </c>
    </row>
    <row r="310" spans="1:16" x14ac:dyDescent="0.15">
      <c r="A310" s="2" t="s">
        <v>49</v>
      </c>
      <c r="B310" s="2" t="s">
        <v>1157</v>
      </c>
      <c r="C310" s="4" t="s">
        <v>6</v>
      </c>
      <c r="D310" s="5" t="s">
        <v>253</v>
      </c>
      <c r="E310" s="5" t="s">
        <v>248</v>
      </c>
      <c r="F310" s="6" t="s">
        <v>1158</v>
      </c>
      <c r="G310" s="2"/>
      <c r="H310" s="4"/>
      <c r="I310" s="5"/>
      <c r="J310" s="5"/>
      <c r="K310" s="5"/>
      <c r="L310" s="6"/>
      <c r="M310" s="2" t="s">
        <v>1159</v>
      </c>
      <c r="N310" s="3">
        <v>44391</v>
      </c>
      <c r="O310" s="3">
        <v>44391</v>
      </c>
      <c r="P310" s="3">
        <v>46904</v>
      </c>
    </row>
    <row r="311" spans="1:16" x14ac:dyDescent="0.15">
      <c r="A311" s="2" t="s">
        <v>49</v>
      </c>
      <c r="B311" s="2" t="s">
        <v>1160</v>
      </c>
      <c r="C311" s="4" t="s">
        <v>6</v>
      </c>
      <c r="D311" s="5" t="s">
        <v>247</v>
      </c>
      <c r="E311" s="5" t="s">
        <v>1161</v>
      </c>
      <c r="F311" s="6" t="s">
        <v>1162</v>
      </c>
      <c r="G311" s="2"/>
      <c r="H311" s="4"/>
      <c r="I311" s="5"/>
      <c r="J311" s="5"/>
      <c r="K311" s="5"/>
      <c r="L311" s="6"/>
      <c r="M311" s="2" t="s">
        <v>1163</v>
      </c>
      <c r="N311" s="3">
        <v>44639</v>
      </c>
      <c r="O311" s="3">
        <v>44639</v>
      </c>
      <c r="P311" s="3">
        <v>46904</v>
      </c>
    </row>
    <row r="312" spans="1:16" x14ac:dyDescent="0.15">
      <c r="A312" s="2" t="s">
        <v>49</v>
      </c>
      <c r="B312" s="2" t="s">
        <v>1164</v>
      </c>
      <c r="C312" s="4" t="s">
        <v>6</v>
      </c>
      <c r="D312" s="5" t="s">
        <v>378</v>
      </c>
      <c r="E312" s="5" t="s">
        <v>1165</v>
      </c>
      <c r="F312" s="6" t="s">
        <v>1166</v>
      </c>
      <c r="G312" s="2"/>
      <c r="H312" s="4"/>
      <c r="I312" s="5"/>
      <c r="J312" s="5"/>
      <c r="K312" s="5"/>
      <c r="L312" s="6"/>
      <c r="M312" s="2" t="s">
        <v>1167</v>
      </c>
      <c r="N312" s="3">
        <v>41450</v>
      </c>
      <c r="O312" s="3">
        <v>45444</v>
      </c>
      <c r="P312" s="3">
        <v>47269</v>
      </c>
    </row>
    <row r="313" spans="1:16" x14ac:dyDescent="0.15">
      <c r="A313" s="2" t="s">
        <v>49</v>
      </c>
      <c r="B313" s="2" t="s">
        <v>1170</v>
      </c>
      <c r="C313" s="4" t="s">
        <v>6</v>
      </c>
      <c r="D313" s="5" t="s">
        <v>1168</v>
      </c>
      <c r="E313" s="5" t="s">
        <v>1169</v>
      </c>
      <c r="F313" s="6" t="s">
        <v>5</v>
      </c>
      <c r="G313" s="2"/>
      <c r="H313" s="4"/>
      <c r="I313" s="5"/>
      <c r="J313" s="5"/>
      <c r="K313" s="5"/>
      <c r="L313" s="6"/>
      <c r="M313" s="2" t="s">
        <v>1171</v>
      </c>
      <c r="N313" s="3">
        <v>44473</v>
      </c>
      <c r="O313" s="3">
        <v>44473</v>
      </c>
      <c r="P313" s="3">
        <v>46660</v>
      </c>
    </row>
    <row r="314" spans="1:16" x14ac:dyDescent="0.15">
      <c r="A314" s="2" t="s">
        <v>49</v>
      </c>
      <c r="B314" s="2" t="s">
        <v>2391</v>
      </c>
      <c r="C314" s="4" t="s">
        <v>6</v>
      </c>
      <c r="D314" s="5" t="s">
        <v>1937</v>
      </c>
      <c r="E314" s="5" t="s">
        <v>2392</v>
      </c>
      <c r="F314" s="6" t="s">
        <v>5</v>
      </c>
      <c r="G314" s="2" t="s">
        <v>2389</v>
      </c>
      <c r="H314" s="4" t="s">
        <v>9</v>
      </c>
      <c r="I314" s="5" t="s">
        <v>6</v>
      </c>
      <c r="J314" s="5" t="s">
        <v>1706</v>
      </c>
      <c r="K314" s="5" t="s">
        <v>2390</v>
      </c>
      <c r="L314" s="6" t="s">
        <v>5</v>
      </c>
      <c r="M314" s="2" t="s">
        <v>2393</v>
      </c>
      <c r="N314" s="3">
        <v>42095</v>
      </c>
      <c r="O314" s="3">
        <v>44501</v>
      </c>
      <c r="P314" s="3">
        <v>46691</v>
      </c>
    </row>
    <row r="315" spans="1:16" x14ac:dyDescent="0.15">
      <c r="A315" s="2" t="s">
        <v>49</v>
      </c>
      <c r="B315" s="2" t="s">
        <v>1179</v>
      </c>
      <c r="C315" s="4" t="s">
        <v>6</v>
      </c>
      <c r="D315" s="5" t="s">
        <v>1178</v>
      </c>
      <c r="E315" s="5" t="s">
        <v>8</v>
      </c>
      <c r="F315" s="6" t="s">
        <v>5</v>
      </c>
      <c r="G315" s="2"/>
      <c r="H315" s="4"/>
      <c r="I315" s="5"/>
      <c r="J315" s="5"/>
      <c r="K315" s="5"/>
      <c r="L315" s="6"/>
      <c r="M315" s="2" t="s">
        <v>1180</v>
      </c>
      <c r="N315" s="3">
        <v>44386</v>
      </c>
      <c r="O315" s="3">
        <v>44386</v>
      </c>
      <c r="P315" s="3">
        <v>46477</v>
      </c>
    </row>
    <row r="316" spans="1:16" x14ac:dyDescent="0.15">
      <c r="A316" s="2" t="s">
        <v>49</v>
      </c>
      <c r="B316" s="2" t="s">
        <v>2394</v>
      </c>
      <c r="C316" s="4" t="s">
        <v>6</v>
      </c>
      <c r="D316" s="5" t="s">
        <v>408</v>
      </c>
      <c r="E316" s="5" t="s">
        <v>2395</v>
      </c>
      <c r="F316" s="6" t="s">
        <v>5</v>
      </c>
      <c r="G316" s="2" t="s">
        <v>2389</v>
      </c>
      <c r="H316" s="4" t="s">
        <v>9</v>
      </c>
      <c r="I316" s="5" t="s">
        <v>6</v>
      </c>
      <c r="J316" s="5" t="s">
        <v>1706</v>
      </c>
      <c r="K316" s="5" t="s">
        <v>2390</v>
      </c>
      <c r="L316" s="6" t="s">
        <v>5</v>
      </c>
      <c r="M316" s="2" t="s">
        <v>2396</v>
      </c>
      <c r="N316" s="3">
        <v>42459</v>
      </c>
      <c r="O316" s="3">
        <v>44835</v>
      </c>
      <c r="P316" s="3">
        <v>47026</v>
      </c>
    </row>
    <row r="317" spans="1:16" x14ac:dyDescent="0.15">
      <c r="A317" s="2" t="s">
        <v>49</v>
      </c>
      <c r="B317" s="2" t="s">
        <v>2397</v>
      </c>
      <c r="C317" s="4" t="s">
        <v>6</v>
      </c>
      <c r="D317" s="5" t="s">
        <v>1069</v>
      </c>
      <c r="E317" s="5" t="s">
        <v>2398</v>
      </c>
      <c r="F317" s="6" t="s">
        <v>5</v>
      </c>
      <c r="G317" s="2" t="s">
        <v>2389</v>
      </c>
      <c r="H317" s="4" t="s">
        <v>9</v>
      </c>
      <c r="I317" s="5" t="s">
        <v>6</v>
      </c>
      <c r="J317" s="5" t="s">
        <v>1706</v>
      </c>
      <c r="K317" s="5" t="s">
        <v>2390</v>
      </c>
      <c r="L317" s="6" t="s">
        <v>5</v>
      </c>
      <c r="M317" s="2" t="s">
        <v>2399</v>
      </c>
      <c r="N317" s="3">
        <v>45017</v>
      </c>
      <c r="O317" s="3">
        <v>45017</v>
      </c>
      <c r="P317" s="3">
        <v>47238</v>
      </c>
    </row>
    <row r="318" spans="1:16" x14ac:dyDescent="0.15">
      <c r="A318" s="2" t="s">
        <v>49</v>
      </c>
      <c r="B318" s="2" t="s">
        <v>2400</v>
      </c>
      <c r="C318" s="4" t="s">
        <v>6</v>
      </c>
      <c r="D318" s="5" t="s">
        <v>2401</v>
      </c>
      <c r="E318" s="5" t="s">
        <v>2402</v>
      </c>
      <c r="F318" s="6" t="s">
        <v>5</v>
      </c>
      <c r="G318" s="2" t="s">
        <v>2389</v>
      </c>
      <c r="H318" s="4" t="s">
        <v>9</v>
      </c>
      <c r="I318" s="5" t="s">
        <v>6</v>
      </c>
      <c r="J318" s="5" t="s">
        <v>1706</v>
      </c>
      <c r="K318" s="5" t="s">
        <v>2390</v>
      </c>
      <c r="L318" s="6" t="s">
        <v>5</v>
      </c>
      <c r="M318" s="2" t="s">
        <v>2403</v>
      </c>
      <c r="N318" s="3">
        <v>42965</v>
      </c>
      <c r="O318" s="3">
        <v>45200</v>
      </c>
      <c r="P318" s="3">
        <v>47391</v>
      </c>
    </row>
    <row r="319" spans="1:16" x14ac:dyDescent="0.15">
      <c r="A319" s="2" t="s">
        <v>49</v>
      </c>
      <c r="B319" s="2" t="s">
        <v>2407</v>
      </c>
      <c r="C319" s="4" t="s">
        <v>6</v>
      </c>
      <c r="D319" s="5" t="s">
        <v>307</v>
      </c>
      <c r="E319" s="5" t="s">
        <v>2408</v>
      </c>
      <c r="F319" s="6" t="s">
        <v>5</v>
      </c>
      <c r="G319" s="2" t="s">
        <v>2404</v>
      </c>
      <c r="H319" s="4" t="s">
        <v>9</v>
      </c>
      <c r="I319" s="5" t="s">
        <v>58</v>
      </c>
      <c r="J319" s="5" t="s">
        <v>2405</v>
      </c>
      <c r="K319" s="5" t="s">
        <v>2406</v>
      </c>
      <c r="L319" s="6" t="s">
        <v>5</v>
      </c>
      <c r="M319" s="2" t="s">
        <v>2409</v>
      </c>
      <c r="N319" s="3">
        <v>42839</v>
      </c>
      <c r="O319" s="3">
        <v>45047</v>
      </c>
      <c r="P319" s="3">
        <v>47238</v>
      </c>
    </row>
    <row r="320" spans="1:16" x14ac:dyDescent="0.15">
      <c r="A320" s="2" t="s">
        <v>49</v>
      </c>
      <c r="B320" s="2" t="s">
        <v>1202</v>
      </c>
      <c r="C320" s="4" t="s">
        <v>6</v>
      </c>
      <c r="D320" s="5" t="s">
        <v>551</v>
      </c>
      <c r="E320" s="5" t="s">
        <v>1203</v>
      </c>
      <c r="F320" s="6" t="s">
        <v>5</v>
      </c>
      <c r="G320" s="2"/>
      <c r="H320" s="4"/>
      <c r="I320" s="5"/>
      <c r="J320" s="5"/>
      <c r="K320" s="5"/>
      <c r="L320" s="6"/>
      <c r="M320" s="2" t="s">
        <v>1204</v>
      </c>
      <c r="N320" s="3">
        <v>44958</v>
      </c>
      <c r="O320" s="3">
        <v>44958</v>
      </c>
      <c r="P320" s="3">
        <v>47299</v>
      </c>
    </row>
    <row r="321" spans="1:16" x14ac:dyDescent="0.15">
      <c r="A321" s="2" t="s">
        <v>49</v>
      </c>
      <c r="B321" s="2" t="s">
        <v>2412</v>
      </c>
      <c r="C321" s="4" t="s">
        <v>6</v>
      </c>
      <c r="D321" s="5" t="s">
        <v>689</v>
      </c>
      <c r="E321" s="5" t="s">
        <v>1866</v>
      </c>
      <c r="F321" s="6" t="s">
        <v>5</v>
      </c>
      <c r="G321" s="2" t="s">
        <v>2410</v>
      </c>
      <c r="H321" s="4" t="s">
        <v>9</v>
      </c>
      <c r="I321" s="5" t="s">
        <v>635</v>
      </c>
      <c r="J321" s="5" t="s">
        <v>636</v>
      </c>
      <c r="K321" s="5" t="s">
        <v>2411</v>
      </c>
      <c r="L321" s="6" t="s">
        <v>5</v>
      </c>
      <c r="M321" s="2" t="s">
        <v>2413</v>
      </c>
      <c r="N321" s="3">
        <v>42644</v>
      </c>
      <c r="O321" s="3">
        <v>45047</v>
      </c>
      <c r="P321" s="3">
        <v>47238</v>
      </c>
    </row>
    <row r="322" spans="1:16" x14ac:dyDescent="0.15">
      <c r="A322" s="2" t="s">
        <v>49</v>
      </c>
      <c r="B322" s="2" t="s">
        <v>1210</v>
      </c>
      <c r="C322" s="4" t="s">
        <v>6</v>
      </c>
      <c r="D322" s="5" t="s">
        <v>848</v>
      </c>
      <c r="E322" s="5" t="s">
        <v>1211</v>
      </c>
      <c r="F322" s="6" t="s">
        <v>1212</v>
      </c>
      <c r="G322" s="2"/>
      <c r="H322" s="4"/>
      <c r="I322" s="5"/>
      <c r="J322" s="5"/>
      <c r="K322" s="5"/>
      <c r="L322" s="6"/>
      <c r="M322" s="2" t="s">
        <v>1213</v>
      </c>
      <c r="N322" s="3">
        <v>44390</v>
      </c>
      <c r="O322" s="3">
        <v>44390</v>
      </c>
      <c r="P322" s="3">
        <v>46904</v>
      </c>
    </row>
    <row r="323" spans="1:16" x14ac:dyDescent="0.15">
      <c r="A323" s="2" t="s">
        <v>49</v>
      </c>
      <c r="B323" s="2" t="s">
        <v>2419</v>
      </c>
      <c r="C323" s="4" t="s">
        <v>6</v>
      </c>
      <c r="D323" s="5" t="s">
        <v>1494</v>
      </c>
      <c r="E323" s="5" t="s">
        <v>2418</v>
      </c>
      <c r="F323" s="6" t="s">
        <v>5</v>
      </c>
      <c r="G323" s="2" t="s">
        <v>2417</v>
      </c>
      <c r="H323" s="4" t="s">
        <v>9</v>
      </c>
      <c r="I323" s="5" t="s">
        <v>6</v>
      </c>
      <c r="J323" s="5" t="s">
        <v>1494</v>
      </c>
      <c r="K323" s="5" t="s">
        <v>2418</v>
      </c>
      <c r="L323" s="6" t="s">
        <v>5</v>
      </c>
      <c r="M323" s="2" t="s">
        <v>2420</v>
      </c>
      <c r="N323" s="3">
        <v>44456</v>
      </c>
      <c r="O323" s="3">
        <v>44456</v>
      </c>
      <c r="P323" s="3">
        <v>46295</v>
      </c>
    </row>
    <row r="324" spans="1:16" x14ac:dyDescent="0.15">
      <c r="A324" s="2" t="s">
        <v>16</v>
      </c>
      <c r="B324" s="2" t="s">
        <v>1220</v>
      </c>
      <c r="C324" s="4" t="s">
        <v>6</v>
      </c>
      <c r="D324" s="5" t="s">
        <v>1221</v>
      </c>
      <c r="E324" s="5" t="s">
        <v>1222</v>
      </c>
      <c r="F324" s="6" t="s">
        <v>5</v>
      </c>
      <c r="G324" s="2"/>
      <c r="H324" s="4"/>
      <c r="I324" s="5"/>
      <c r="J324" s="5"/>
      <c r="K324" s="5"/>
      <c r="L324" s="6"/>
      <c r="M324" s="2" t="s">
        <v>1223</v>
      </c>
      <c r="N324" s="3">
        <v>44391</v>
      </c>
      <c r="O324" s="3">
        <v>44391</v>
      </c>
      <c r="P324" s="3">
        <v>46934</v>
      </c>
    </row>
    <row r="325" spans="1:16" x14ac:dyDescent="0.15">
      <c r="A325" s="2" t="s">
        <v>19</v>
      </c>
      <c r="B325" s="2" t="s">
        <v>1220</v>
      </c>
      <c r="C325" s="4" t="s">
        <v>6</v>
      </c>
      <c r="D325" s="5" t="s">
        <v>1221</v>
      </c>
      <c r="E325" s="5" t="s">
        <v>1222</v>
      </c>
      <c r="F325" s="6" t="s">
        <v>5</v>
      </c>
      <c r="G325" s="2"/>
      <c r="H325" s="4"/>
      <c r="I325" s="5"/>
      <c r="J325" s="5"/>
      <c r="K325" s="5"/>
      <c r="L325" s="6"/>
      <c r="M325" s="2" t="s">
        <v>1224</v>
      </c>
      <c r="N325" s="3">
        <v>44391</v>
      </c>
      <c r="O325" s="3">
        <v>44391</v>
      </c>
      <c r="P325" s="3">
        <v>46934</v>
      </c>
    </row>
    <row r="326" spans="1:16" x14ac:dyDescent="0.15">
      <c r="A326" s="2" t="s">
        <v>486</v>
      </c>
      <c r="B326" s="2" t="s">
        <v>1225</v>
      </c>
      <c r="C326" s="4" t="s">
        <v>6</v>
      </c>
      <c r="D326" s="5" t="s">
        <v>1226</v>
      </c>
      <c r="E326" s="5" t="s">
        <v>1227</v>
      </c>
      <c r="F326" s="6" t="s">
        <v>5</v>
      </c>
      <c r="G326" s="2" t="s">
        <v>1225</v>
      </c>
      <c r="H326" s="4" t="s">
        <v>9</v>
      </c>
      <c r="I326" s="5" t="s">
        <v>6</v>
      </c>
      <c r="J326" s="5" t="s">
        <v>1226</v>
      </c>
      <c r="K326" s="5" t="s">
        <v>1227</v>
      </c>
      <c r="L326" s="6" t="s">
        <v>5</v>
      </c>
      <c r="M326" s="2" t="s">
        <v>1228</v>
      </c>
      <c r="N326" s="3">
        <v>44391</v>
      </c>
      <c r="O326" s="3">
        <v>44391</v>
      </c>
      <c r="P326" s="3">
        <v>46660</v>
      </c>
    </row>
    <row r="327" spans="1:16" x14ac:dyDescent="0.15">
      <c r="A327" s="2" t="s">
        <v>16</v>
      </c>
      <c r="B327" s="2" t="s">
        <v>1225</v>
      </c>
      <c r="C327" s="4" t="s">
        <v>6</v>
      </c>
      <c r="D327" s="5" t="s">
        <v>1226</v>
      </c>
      <c r="E327" s="5" t="s">
        <v>1229</v>
      </c>
      <c r="F327" s="6" t="s">
        <v>5</v>
      </c>
      <c r="G327" s="2" t="s">
        <v>1225</v>
      </c>
      <c r="H327" s="4" t="s">
        <v>9</v>
      </c>
      <c r="I327" s="5" t="s">
        <v>6</v>
      </c>
      <c r="J327" s="5" t="s">
        <v>1226</v>
      </c>
      <c r="K327" s="5" t="s">
        <v>1227</v>
      </c>
      <c r="L327" s="6" t="s">
        <v>5</v>
      </c>
      <c r="M327" s="2" t="s">
        <v>1230</v>
      </c>
      <c r="N327" s="3">
        <v>40164</v>
      </c>
      <c r="O327" s="3">
        <v>44835</v>
      </c>
      <c r="P327" s="3">
        <v>47026</v>
      </c>
    </row>
    <row r="328" spans="1:16" x14ac:dyDescent="0.15">
      <c r="A328" s="2" t="s">
        <v>1231</v>
      </c>
      <c r="B328" s="2" t="s">
        <v>1225</v>
      </c>
      <c r="C328" s="4" t="s">
        <v>6</v>
      </c>
      <c r="D328" s="5" t="s">
        <v>1226</v>
      </c>
      <c r="E328" s="5" t="s">
        <v>1229</v>
      </c>
      <c r="F328" s="6" t="s">
        <v>5</v>
      </c>
      <c r="G328" s="2" t="s">
        <v>1225</v>
      </c>
      <c r="H328" s="4" t="s">
        <v>9</v>
      </c>
      <c r="I328" s="5" t="s">
        <v>6</v>
      </c>
      <c r="J328" s="5" t="s">
        <v>1226</v>
      </c>
      <c r="K328" s="5" t="s">
        <v>1227</v>
      </c>
      <c r="L328" s="6" t="s">
        <v>5</v>
      </c>
      <c r="M328" s="2" t="s">
        <v>1232</v>
      </c>
      <c r="N328" s="3">
        <v>37001</v>
      </c>
      <c r="O328" s="3">
        <v>44835</v>
      </c>
      <c r="P328" s="3">
        <v>47026</v>
      </c>
    </row>
    <row r="329" spans="1:16" x14ac:dyDescent="0.15">
      <c r="A329" s="2" t="s">
        <v>42</v>
      </c>
      <c r="B329" s="2" t="s">
        <v>1225</v>
      </c>
      <c r="C329" s="4" t="s">
        <v>6</v>
      </c>
      <c r="D329" s="5" t="s">
        <v>1226</v>
      </c>
      <c r="E329" s="5" t="s">
        <v>1229</v>
      </c>
      <c r="F329" s="6" t="s">
        <v>5</v>
      </c>
      <c r="G329" s="2" t="s">
        <v>1225</v>
      </c>
      <c r="H329" s="4" t="s">
        <v>9</v>
      </c>
      <c r="I329" s="5" t="s">
        <v>6</v>
      </c>
      <c r="J329" s="5" t="s">
        <v>1226</v>
      </c>
      <c r="K329" s="5" t="s">
        <v>1227</v>
      </c>
      <c r="L329" s="6" t="s">
        <v>5</v>
      </c>
      <c r="M329" s="2" t="s">
        <v>1233</v>
      </c>
      <c r="N329" s="3">
        <v>37001</v>
      </c>
      <c r="O329" s="3">
        <v>44835</v>
      </c>
      <c r="P329" s="3">
        <v>47026</v>
      </c>
    </row>
    <row r="330" spans="1:16" x14ac:dyDescent="0.15">
      <c r="A330" s="2" t="s">
        <v>49</v>
      </c>
      <c r="B330" s="2" t="s">
        <v>2438</v>
      </c>
      <c r="C330" s="4" t="s">
        <v>6</v>
      </c>
      <c r="D330" s="5" t="s">
        <v>2439</v>
      </c>
      <c r="E330" s="5" t="s">
        <v>2440</v>
      </c>
      <c r="F330" s="6" t="s">
        <v>5</v>
      </c>
      <c r="G330" s="2" t="s">
        <v>2436</v>
      </c>
      <c r="H330" s="4" t="s">
        <v>9</v>
      </c>
      <c r="I330" s="5" t="s">
        <v>6</v>
      </c>
      <c r="J330" s="5" t="s">
        <v>140</v>
      </c>
      <c r="K330" s="5" t="s">
        <v>2437</v>
      </c>
      <c r="L330" s="6" t="s">
        <v>5</v>
      </c>
      <c r="M330" s="2" t="s">
        <v>2441</v>
      </c>
      <c r="N330" s="3">
        <v>39918</v>
      </c>
      <c r="O330" s="3">
        <v>44470</v>
      </c>
      <c r="P330" s="3">
        <v>46660</v>
      </c>
    </row>
    <row r="331" spans="1:16" x14ac:dyDescent="0.15">
      <c r="A331" s="2" t="s">
        <v>49</v>
      </c>
      <c r="B331" s="2" t="s">
        <v>2445</v>
      </c>
      <c r="C331" s="4" t="s">
        <v>6</v>
      </c>
      <c r="D331" s="5" t="s">
        <v>2226</v>
      </c>
      <c r="E331" s="5" t="s">
        <v>2446</v>
      </c>
      <c r="F331" s="6" t="s">
        <v>5</v>
      </c>
      <c r="G331" s="2" t="s">
        <v>2445</v>
      </c>
      <c r="H331" s="4" t="s">
        <v>9</v>
      </c>
      <c r="I331" s="5" t="s">
        <v>6</v>
      </c>
      <c r="J331" s="5" t="s">
        <v>2226</v>
      </c>
      <c r="K331" s="5" t="s">
        <v>2446</v>
      </c>
      <c r="L331" s="6" t="s">
        <v>5</v>
      </c>
      <c r="M331" s="2" t="s">
        <v>2447</v>
      </c>
      <c r="N331" s="3">
        <v>42074</v>
      </c>
      <c r="O331" s="3">
        <v>44470</v>
      </c>
      <c r="P331" s="3">
        <v>46660</v>
      </c>
    </row>
    <row r="332" spans="1:16" x14ac:dyDescent="0.15">
      <c r="A332" s="2" t="s">
        <v>49</v>
      </c>
      <c r="B332" s="2" t="s">
        <v>2460</v>
      </c>
      <c r="C332" s="4" t="s">
        <v>6</v>
      </c>
      <c r="D332" s="5" t="s">
        <v>1478</v>
      </c>
      <c r="E332" s="5" t="s">
        <v>2461</v>
      </c>
      <c r="F332" s="6" t="s">
        <v>5</v>
      </c>
      <c r="G332" s="2" t="s">
        <v>2457</v>
      </c>
      <c r="H332" s="4" t="s">
        <v>29</v>
      </c>
      <c r="I332" s="5" t="s">
        <v>375</v>
      </c>
      <c r="J332" s="5" t="s">
        <v>2458</v>
      </c>
      <c r="K332" s="5" t="s">
        <v>2459</v>
      </c>
      <c r="L332" s="6" t="s">
        <v>5</v>
      </c>
      <c r="M332" s="2" t="s">
        <v>2462</v>
      </c>
      <c r="N332" s="3">
        <v>39834</v>
      </c>
      <c r="O332" s="3">
        <v>44470</v>
      </c>
      <c r="P332" s="3">
        <v>46660</v>
      </c>
    </row>
    <row r="333" spans="1:16" x14ac:dyDescent="0.15">
      <c r="A333" s="2" t="s">
        <v>49</v>
      </c>
      <c r="B333" s="2" t="s">
        <v>1249</v>
      </c>
      <c r="C333" s="4" t="s">
        <v>6</v>
      </c>
      <c r="D333" s="5" t="s">
        <v>1250</v>
      </c>
      <c r="E333" s="5" t="s">
        <v>1251</v>
      </c>
      <c r="F333" s="6" t="s">
        <v>1252</v>
      </c>
      <c r="G333" s="2"/>
      <c r="H333" s="4"/>
      <c r="I333" s="5"/>
      <c r="J333" s="5"/>
      <c r="K333" s="5"/>
      <c r="L333" s="6"/>
      <c r="M333" s="2" t="s">
        <v>1253</v>
      </c>
      <c r="N333" s="3">
        <v>44392</v>
      </c>
      <c r="O333" s="3">
        <v>44392</v>
      </c>
      <c r="P333" s="3">
        <v>46843</v>
      </c>
    </row>
    <row r="334" spans="1:16" x14ac:dyDescent="0.15">
      <c r="A334" s="2" t="s">
        <v>49</v>
      </c>
      <c r="B334" s="2" t="s">
        <v>2463</v>
      </c>
      <c r="C334" s="4" t="s">
        <v>6</v>
      </c>
      <c r="D334" s="5" t="s">
        <v>500</v>
      </c>
      <c r="E334" s="5" t="s">
        <v>2464</v>
      </c>
      <c r="F334" s="6" t="s">
        <v>5</v>
      </c>
      <c r="G334" s="2" t="s">
        <v>2457</v>
      </c>
      <c r="H334" s="4" t="s">
        <v>29</v>
      </c>
      <c r="I334" s="5" t="s">
        <v>375</v>
      </c>
      <c r="J334" s="5" t="s">
        <v>2458</v>
      </c>
      <c r="K334" s="5" t="s">
        <v>2459</v>
      </c>
      <c r="L334" s="6" t="s">
        <v>5</v>
      </c>
      <c r="M334" s="2" t="s">
        <v>2465</v>
      </c>
      <c r="N334" s="3">
        <v>43213</v>
      </c>
      <c r="O334" s="3">
        <v>45444</v>
      </c>
      <c r="P334" s="3">
        <v>47634</v>
      </c>
    </row>
    <row r="335" spans="1:16" x14ac:dyDescent="0.15">
      <c r="A335" s="2" t="s">
        <v>49</v>
      </c>
      <c r="B335" s="2" t="s">
        <v>2498</v>
      </c>
      <c r="C335" s="4" t="s">
        <v>6</v>
      </c>
      <c r="D335" s="5" t="s">
        <v>179</v>
      </c>
      <c r="E335" s="5" t="s">
        <v>477</v>
      </c>
      <c r="F335" s="6" t="s">
        <v>5</v>
      </c>
      <c r="G335" s="2" t="s">
        <v>2496</v>
      </c>
      <c r="H335" s="4" t="s">
        <v>29</v>
      </c>
      <c r="I335" s="5" t="s">
        <v>30</v>
      </c>
      <c r="J335" s="5" t="s">
        <v>2497</v>
      </c>
      <c r="K335" s="5" t="s">
        <v>5</v>
      </c>
      <c r="L335" s="6" t="s">
        <v>5</v>
      </c>
      <c r="M335" s="2" t="s">
        <v>2499</v>
      </c>
      <c r="N335" s="3">
        <v>38748</v>
      </c>
      <c r="O335" s="3">
        <v>45200</v>
      </c>
      <c r="P335" s="3">
        <v>47391</v>
      </c>
    </row>
    <row r="336" spans="1:16" x14ac:dyDescent="0.15">
      <c r="A336" s="2" t="s">
        <v>49</v>
      </c>
      <c r="B336" s="2" t="s">
        <v>1268</v>
      </c>
      <c r="C336" s="4" t="s">
        <v>6</v>
      </c>
      <c r="D336" s="5" t="s">
        <v>1269</v>
      </c>
      <c r="E336" s="5" t="s">
        <v>1265</v>
      </c>
      <c r="F336" s="6" t="s">
        <v>5</v>
      </c>
      <c r="G336" s="2"/>
      <c r="H336" s="4"/>
      <c r="I336" s="5"/>
      <c r="J336" s="5"/>
      <c r="K336" s="5"/>
      <c r="L336" s="6"/>
      <c r="M336" s="2" t="s">
        <v>1270</v>
      </c>
      <c r="N336" s="3">
        <v>44804</v>
      </c>
      <c r="O336" s="3">
        <v>44804</v>
      </c>
      <c r="P336" s="3">
        <v>47208</v>
      </c>
    </row>
    <row r="337" spans="1:16" x14ac:dyDescent="0.15">
      <c r="A337" s="2" t="s">
        <v>16</v>
      </c>
      <c r="B337" s="2" t="s">
        <v>1268</v>
      </c>
      <c r="C337" s="4" t="s">
        <v>6</v>
      </c>
      <c r="D337" s="5" t="s">
        <v>1269</v>
      </c>
      <c r="E337" s="5" t="s">
        <v>1265</v>
      </c>
      <c r="F337" s="6" t="s">
        <v>5</v>
      </c>
      <c r="G337" s="2"/>
      <c r="H337" s="4"/>
      <c r="I337" s="5"/>
      <c r="J337" s="5"/>
      <c r="K337" s="5"/>
      <c r="L337" s="6"/>
      <c r="M337" s="2" t="s">
        <v>1271</v>
      </c>
      <c r="N337" s="3">
        <v>44804</v>
      </c>
      <c r="O337" s="3">
        <v>44804</v>
      </c>
      <c r="P337" s="3">
        <v>47208</v>
      </c>
    </row>
    <row r="338" spans="1:16" x14ac:dyDescent="0.15">
      <c r="A338" s="2" t="s">
        <v>49</v>
      </c>
      <c r="B338" s="2" t="s">
        <v>2500</v>
      </c>
      <c r="C338" s="4" t="s">
        <v>6</v>
      </c>
      <c r="D338" s="5" t="s">
        <v>2501</v>
      </c>
      <c r="E338" s="5" t="s">
        <v>2502</v>
      </c>
      <c r="F338" s="6" t="s">
        <v>5</v>
      </c>
      <c r="G338" s="2" t="s">
        <v>2496</v>
      </c>
      <c r="H338" s="4" t="s">
        <v>29</v>
      </c>
      <c r="I338" s="5" t="s">
        <v>30</v>
      </c>
      <c r="J338" s="5" t="s">
        <v>2497</v>
      </c>
      <c r="K338" s="5" t="s">
        <v>5</v>
      </c>
      <c r="L338" s="6" t="s">
        <v>5</v>
      </c>
      <c r="M338" s="2" t="s">
        <v>2503</v>
      </c>
      <c r="N338" s="3">
        <v>40634</v>
      </c>
      <c r="O338" s="3">
        <v>45231</v>
      </c>
      <c r="P338" s="3">
        <v>47422</v>
      </c>
    </row>
    <row r="339" spans="1:16" x14ac:dyDescent="0.15">
      <c r="A339" s="2" t="s">
        <v>49</v>
      </c>
      <c r="B339" s="2" t="s">
        <v>2504</v>
      </c>
      <c r="C339" s="4" t="s">
        <v>6</v>
      </c>
      <c r="D339" s="5" t="s">
        <v>1037</v>
      </c>
      <c r="E339" s="5" t="s">
        <v>2505</v>
      </c>
      <c r="F339" s="6" t="s">
        <v>5</v>
      </c>
      <c r="G339" s="2" t="s">
        <v>2496</v>
      </c>
      <c r="H339" s="4" t="s">
        <v>29</v>
      </c>
      <c r="I339" s="5" t="s">
        <v>30</v>
      </c>
      <c r="J339" s="5" t="s">
        <v>2497</v>
      </c>
      <c r="K339" s="5" t="s">
        <v>5</v>
      </c>
      <c r="L339" s="6" t="s">
        <v>5</v>
      </c>
      <c r="M339" s="2" t="s">
        <v>2506</v>
      </c>
      <c r="N339" s="3">
        <v>38248</v>
      </c>
      <c r="O339" s="3">
        <v>44866</v>
      </c>
      <c r="P339" s="3">
        <v>47057</v>
      </c>
    </row>
    <row r="340" spans="1:16" x14ac:dyDescent="0.15">
      <c r="A340" s="2" t="s">
        <v>49</v>
      </c>
      <c r="B340" s="2" t="s">
        <v>2507</v>
      </c>
      <c r="C340" s="4" t="s">
        <v>6</v>
      </c>
      <c r="D340" s="5" t="s">
        <v>389</v>
      </c>
      <c r="E340" s="5" t="s">
        <v>2508</v>
      </c>
      <c r="F340" s="6" t="s">
        <v>5</v>
      </c>
      <c r="G340" s="2" t="s">
        <v>2496</v>
      </c>
      <c r="H340" s="4" t="s">
        <v>29</v>
      </c>
      <c r="I340" s="5" t="s">
        <v>30</v>
      </c>
      <c r="J340" s="5" t="s">
        <v>2497</v>
      </c>
      <c r="K340" s="5" t="s">
        <v>5</v>
      </c>
      <c r="L340" s="6" t="s">
        <v>5</v>
      </c>
      <c r="M340" s="2" t="s">
        <v>2509</v>
      </c>
      <c r="N340" s="3">
        <v>44967</v>
      </c>
      <c r="O340" s="3">
        <v>44967</v>
      </c>
      <c r="P340" s="3">
        <v>47299</v>
      </c>
    </row>
    <row r="341" spans="1:16" x14ac:dyDescent="0.15">
      <c r="A341" s="2" t="s">
        <v>49</v>
      </c>
      <c r="B341" s="2" t="s">
        <v>2518</v>
      </c>
      <c r="C341" s="4" t="s">
        <v>6</v>
      </c>
      <c r="D341" s="5" t="s">
        <v>2519</v>
      </c>
      <c r="E341" s="5" t="s">
        <v>2520</v>
      </c>
      <c r="F341" s="6" t="s">
        <v>5</v>
      </c>
      <c r="G341" s="2" t="s">
        <v>2516</v>
      </c>
      <c r="H341" s="4" t="s">
        <v>9</v>
      </c>
      <c r="I341" s="5" t="s">
        <v>6</v>
      </c>
      <c r="J341" s="5" t="s">
        <v>111</v>
      </c>
      <c r="K341" s="5" t="s">
        <v>2517</v>
      </c>
      <c r="L341" s="6" t="s">
        <v>5</v>
      </c>
      <c r="M341" s="2" t="s">
        <v>2521</v>
      </c>
      <c r="N341" s="3">
        <v>36679</v>
      </c>
      <c r="O341" s="3">
        <v>44501</v>
      </c>
      <c r="P341" s="3">
        <v>46691</v>
      </c>
    </row>
    <row r="342" spans="1:16" x14ac:dyDescent="0.15">
      <c r="A342" s="2" t="s">
        <v>49</v>
      </c>
      <c r="B342" s="2" t="s">
        <v>2525</v>
      </c>
      <c r="C342" s="4" t="s">
        <v>6</v>
      </c>
      <c r="D342" s="5" t="s">
        <v>2526</v>
      </c>
      <c r="E342" s="5" t="s">
        <v>2527</v>
      </c>
      <c r="F342" s="6" t="s">
        <v>5</v>
      </c>
      <c r="G342" s="2" t="s">
        <v>2522</v>
      </c>
      <c r="H342" s="4" t="s">
        <v>9</v>
      </c>
      <c r="I342" s="5" t="s">
        <v>663</v>
      </c>
      <c r="J342" s="5" t="s">
        <v>2523</v>
      </c>
      <c r="K342" s="5" t="s">
        <v>2524</v>
      </c>
      <c r="L342" s="6" t="s">
        <v>5</v>
      </c>
      <c r="M342" s="2" t="s">
        <v>2528</v>
      </c>
      <c r="N342" s="3">
        <v>43374</v>
      </c>
      <c r="O342" s="3">
        <v>43374</v>
      </c>
      <c r="P342" s="3">
        <v>45565</v>
      </c>
    </row>
    <row r="343" spans="1:16" x14ac:dyDescent="0.15">
      <c r="A343" s="2" t="s">
        <v>49</v>
      </c>
      <c r="B343" s="2" t="s">
        <v>2529</v>
      </c>
      <c r="C343" s="4" t="s">
        <v>6</v>
      </c>
      <c r="D343" s="5" t="s">
        <v>1758</v>
      </c>
      <c r="E343" s="5" t="s">
        <v>2530</v>
      </c>
      <c r="F343" s="6" t="s">
        <v>5</v>
      </c>
      <c r="G343" s="2" t="s">
        <v>2522</v>
      </c>
      <c r="H343" s="4" t="s">
        <v>9</v>
      </c>
      <c r="I343" s="5" t="s">
        <v>663</v>
      </c>
      <c r="J343" s="5" t="s">
        <v>2523</v>
      </c>
      <c r="K343" s="5" t="s">
        <v>2524</v>
      </c>
      <c r="L343" s="6" t="s">
        <v>5</v>
      </c>
      <c r="M343" s="2" t="s">
        <v>2531</v>
      </c>
      <c r="N343" s="3">
        <v>43374</v>
      </c>
      <c r="O343" s="3">
        <v>43374</v>
      </c>
      <c r="P343" s="3">
        <v>45565</v>
      </c>
    </row>
    <row r="344" spans="1:16" x14ac:dyDescent="0.15">
      <c r="A344" s="2" t="s">
        <v>49</v>
      </c>
      <c r="B344" s="2" t="s">
        <v>1303</v>
      </c>
      <c r="C344" s="4" t="s">
        <v>6</v>
      </c>
      <c r="D344" s="5" t="s">
        <v>207</v>
      </c>
      <c r="E344" s="5" t="s">
        <v>1304</v>
      </c>
      <c r="F344" s="6" t="s">
        <v>5</v>
      </c>
      <c r="G344" s="2"/>
      <c r="H344" s="4"/>
      <c r="I344" s="5"/>
      <c r="J344" s="5"/>
      <c r="K344" s="5"/>
      <c r="L344" s="6"/>
      <c r="M344" s="2" t="s">
        <v>1305</v>
      </c>
      <c r="N344" s="3">
        <v>44396</v>
      </c>
      <c r="O344" s="3">
        <v>44396</v>
      </c>
      <c r="P344" s="3">
        <v>46507</v>
      </c>
    </row>
    <row r="345" spans="1:16" x14ac:dyDescent="0.15">
      <c r="A345" s="2" t="s">
        <v>49</v>
      </c>
      <c r="B345" s="2" t="s">
        <v>1306</v>
      </c>
      <c r="C345" s="4" t="s">
        <v>6</v>
      </c>
      <c r="D345" s="5" t="s">
        <v>247</v>
      </c>
      <c r="E345" s="5" t="s">
        <v>1307</v>
      </c>
      <c r="F345" s="6" t="s">
        <v>1308</v>
      </c>
      <c r="G345" s="2"/>
      <c r="H345" s="4"/>
      <c r="I345" s="5"/>
      <c r="J345" s="5"/>
      <c r="K345" s="5"/>
      <c r="L345" s="6"/>
      <c r="M345" s="2" t="s">
        <v>1309</v>
      </c>
      <c r="N345" s="3">
        <v>44399</v>
      </c>
      <c r="O345" s="3">
        <v>44399</v>
      </c>
      <c r="P345" s="3">
        <v>46538</v>
      </c>
    </row>
    <row r="346" spans="1:16" x14ac:dyDescent="0.15">
      <c r="A346" s="2" t="s">
        <v>49</v>
      </c>
      <c r="B346" s="2" t="s">
        <v>2580</v>
      </c>
      <c r="C346" s="4" t="s">
        <v>6</v>
      </c>
      <c r="D346" s="5" t="s">
        <v>1152</v>
      </c>
      <c r="E346" s="5" t="s">
        <v>2581</v>
      </c>
      <c r="F346" s="6" t="s">
        <v>5</v>
      </c>
      <c r="G346" s="2" t="s">
        <v>2579</v>
      </c>
      <c r="H346" s="4" t="s">
        <v>9</v>
      </c>
      <c r="I346" s="5" t="s">
        <v>6</v>
      </c>
      <c r="J346" s="5" t="s">
        <v>1581</v>
      </c>
      <c r="K346" s="5" t="s">
        <v>1548</v>
      </c>
      <c r="L346" s="6" t="s">
        <v>5</v>
      </c>
      <c r="M346" s="2" t="s">
        <v>2582</v>
      </c>
      <c r="N346" s="3">
        <v>36958</v>
      </c>
      <c r="O346" s="3">
        <v>44531</v>
      </c>
      <c r="P346" s="3">
        <v>46356</v>
      </c>
    </row>
    <row r="347" spans="1:16" x14ac:dyDescent="0.15">
      <c r="A347" s="2" t="s">
        <v>49</v>
      </c>
      <c r="B347" s="2" t="s">
        <v>2609</v>
      </c>
      <c r="C347" s="4" t="s">
        <v>6</v>
      </c>
      <c r="D347" s="5" t="s">
        <v>2610</v>
      </c>
      <c r="E347" s="5" t="s">
        <v>2611</v>
      </c>
      <c r="F347" s="6" t="s">
        <v>5</v>
      </c>
      <c r="G347" s="2" t="s">
        <v>2606</v>
      </c>
      <c r="H347" s="4" t="s">
        <v>9</v>
      </c>
      <c r="I347" s="5" t="s">
        <v>6</v>
      </c>
      <c r="J347" s="5" t="s">
        <v>2607</v>
      </c>
      <c r="K347" s="5" t="s">
        <v>2608</v>
      </c>
      <c r="L347" s="6" t="s">
        <v>5</v>
      </c>
      <c r="M347" s="2" t="s">
        <v>2612</v>
      </c>
      <c r="N347" s="3">
        <v>44470</v>
      </c>
      <c r="O347" s="3">
        <v>44470</v>
      </c>
      <c r="P347" s="3">
        <v>46934</v>
      </c>
    </row>
    <row r="348" spans="1:16" x14ac:dyDescent="0.15">
      <c r="A348" s="2" t="s">
        <v>49</v>
      </c>
      <c r="B348" s="2" t="s">
        <v>2631</v>
      </c>
      <c r="C348" s="4" t="s">
        <v>6</v>
      </c>
      <c r="D348" s="5" t="s">
        <v>500</v>
      </c>
      <c r="E348" s="5" t="s">
        <v>839</v>
      </c>
      <c r="F348" s="6" t="s">
        <v>2632</v>
      </c>
      <c r="G348" s="2" t="s">
        <v>2625</v>
      </c>
      <c r="H348" s="4" t="s">
        <v>9</v>
      </c>
      <c r="I348" s="5" t="s">
        <v>6</v>
      </c>
      <c r="J348" s="5" t="s">
        <v>2626</v>
      </c>
      <c r="K348" s="5" t="s">
        <v>2627</v>
      </c>
      <c r="L348" s="6" t="s">
        <v>5</v>
      </c>
      <c r="M348" s="2" t="s">
        <v>2633</v>
      </c>
      <c r="N348" s="3">
        <v>43187</v>
      </c>
      <c r="O348" s="3">
        <v>45444</v>
      </c>
      <c r="P348" s="3">
        <v>47634</v>
      </c>
    </row>
    <row r="349" spans="1:16" x14ac:dyDescent="0.15">
      <c r="A349" s="2" t="s">
        <v>49</v>
      </c>
      <c r="B349" s="2" t="s">
        <v>1323</v>
      </c>
      <c r="C349" s="4" t="s">
        <v>6</v>
      </c>
      <c r="D349" s="5" t="s">
        <v>1321</v>
      </c>
      <c r="E349" s="5" t="s">
        <v>1322</v>
      </c>
      <c r="F349" s="6" t="s">
        <v>5</v>
      </c>
      <c r="G349" s="2"/>
      <c r="H349" s="4"/>
      <c r="I349" s="5"/>
      <c r="J349" s="5"/>
      <c r="K349" s="5"/>
      <c r="L349" s="6"/>
      <c r="M349" s="2" t="s">
        <v>1324</v>
      </c>
      <c r="N349" s="3">
        <v>29562</v>
      </c>
      <c r="O349" s="3">
        <v>44470</v>
      </c>
      <c r="P349" s="3">
        <v>46295</v>
      </c>
    </row>
    <row r="350" spans="1:16" x14ac:dyDescent="0.15">
      <c r="A350" s="2" t="s">
        <v>49</v>
      </c>
      <c r="B350" s="2" t="s">
        <v>1327</v>
      </c>
      <c r="C350" s="4" t="s">
        <v>6</v>
      </c>
      <c r="D350" s="5" t="s">
        <v>1325</v>
      </c>
      <c r="E350" s="5" t="s">
        <v>1326</v>
      </c>
      <c r="F350" s="6" t="s">
        <v>5</v>
      </c>
      <c r="G350" s="2"/>
      <c r="H350" s="4"/>
      <c r="I350" s="5"/>
      <c r="J350" s="5"/>
      <c r="K350" s="5"/>
      <c r="L350" s="6"/>
      <c r="M350" s="2" t="s">
        <v>1328</v>
      </c>
      <c r="N350" s="3">
        <v>32460</v>
      </c>
      <c r="O350" s="3">
        <v>44470</v>
      </c>
      <c r="P350" s="3">
        <v>46295</v>
      </c>
    </row>
    <row r="351" spans="1:16" x14ac:dyDescent="0.15">
      <c r="A351" s="2" t="s">
        <v>49</v>
      </c>
      <c r="B351" s="2" t="s">
        <v>2638</v>
      </c>
      <c r="C351" s="4" t="s">
        <v>6</v>
      </c>
      <c r="D351" s="5" t="s">
        <v>2639</v>
      </c>
      <c r="E351" s="5" t="s">
        <v>2640</v>
      </c>
      <c r="F351" s="6" t="s">
        <v>2641</v>
      </c>
      <c r="G351" s="2" t="s">
        <v>2634</v>
      </c>
      <c r="H351" s="4" t="s">
        <v>1694</v>
      </c>
      <c r="I351" s="5" t="s">
        <v>2635</v>
      </c>
      <c r="J351" s="5" t="s">
        <v>2636</v>
      </c>
      <c r="K351" s="5" t="s">
        <v>2637</v>
      </c>
      <c r="L351" s="6" t="s">
        <v>5</v>
      </c>
      <c r="M351" s="2" t="s">
        <v>2642</v>
      </c>
      <c r="N351" s="3">
        <v>37816</v>
      </c>
      <c r="O351" s="3">
        <v>44470</v>
      </c>
      <c r="P351" s="3">
        <v>46660</v>
      </c>
    </row>
    <row r="352" spans="1:16" x14ac:dyDescent="0.15">
      <c r="A352" s="2" t="s">
        <v>49</v>
      </c>
      <c r="B352" s="2" t="s">
        <v>2643</v>
      </c>
      <c r="C352" s="4" t="s">
        <v>6</v>
      </c>
      <c r="D352" s="5" t="s">
        <v>2644</v>
      </c>
      <c r="E352" s="5" t="s">
        <v>18</v>
      </c>
      <c r="F352" s="6" t="s">
        <v>2645</v>
      </c>
      <c r="G352" s="2" t="s">
        <v>2634</v>
      </c>
      <c r="H352" s="4" t="s">
        <v>1694</v>
      </c>
      <c r="I352" s="5" t="s">
        <v>2635</v>
      </c>
      <c r="J352" s="5" t="s">
        <v>2636</v>
      </c>
      <c r="K352" s="5" t="s">
        <v>2637</v>
      </c>
      <c r="L352" s="6" t="s">
        <v>5</v>
      </c>
      <c r="M352" s="2" t="s">
        <v>2646</v>
      </c>
      <c r="N352" s="3">
        <v>44629</v>
      </c>
      <c r="O352" s="3">
        <v>44629</v>
      </c>
      <c r="P352" s="3">
        <v>47422</v>
      </c>
    </row>
    <row r="353" spans="1:16" x14ac:dyDescent="0.15">
      <c r="A353" s="2" t="s">
        <v>49</v>
      </c>
      <c r="B353" s="2" t="s">
        <v>2647</v>
      </c>
      <c r="C353" s="4" t="s">
        <v>6</v>
      </c>
      <c r="D353" s="5" t="s">
        <v>140</v>
      </c>
      <c r="E353" s="5" t="s">
        <v>2648</v>
      </c>
      <c r="F353" s="6" t="s">
        <v>5</v>
      </c>
      <c r="G353" s="2" t="s">
        <v>2634</v>
      </c>
      <c r="H353" s="4" t="s">
        <v>1694</v>
      </c>
      <c r="I353" s="5" t="s">
        <v>2635</v>
      </c>
      <c r="J353" s="5" t="s">
        <v>2636</v>
      </c>
      <c r="K353" s="5" t="s">
        <v>2637</v>
      </c>
      <c r="L353" s="6" t="s">
        <v>5</v>
      </c>
      <c r="M353" s="2" t="s">
        <v>2649</v>
      </c>
      <c r="N353" s="3">
        <v>44649</v>
      </c>
      <c r="O353" s="3">
        <v>44649</v>
      </c>
      <c r="P353" s="3">
        <v>47026</v>
      </c>
    </row>
    <row r="354" spans="1:16" x14ac:dyDescent="0.15">
      <c r="A354" s="2" t="s">
        <v>49</v>
      </c>
      <c r="B354" s="2" t="s">
        <v>2650</v>
      </c>
      <c r="C354" s="4" t="s">
        <v>6</v>
      </c>
      <c r="D354" s="5" t="s">
        <v>2651</v>
      </c>
      <c r="E354" s="5" t="s">
        <v>2652</v>
      </c>
      <c r="F354" s="6" t="s">
        <v>2653</v>
      </c>
      <c r="G354" s="2" t="s">
        <v>2634</v>
      </c>
      <c r="H354" s="4" t="s">
        <v>1694</v>
      </c>
      <c r="I354" s="5" t="s">
        <v>2635</v>
      </c>
      <c r="J354" s="5" t="s">
        <v>2636</v>
      </c>
      <c r="K354" s="5" t="s">
        <v>2637</v>
      </c>
      <c r="L354" s="6" t="s">
        <v>5</v>
      </c>
      <c r="M354" s="2" t="s">
        <v>2654</v>
      </c>
      <c r="N354" s="3">
        <v>37886</v>
      </c>
      <c r="O354" s="3">
        <v>44866</v>
      </c>
      <c r="P354" s="3">
        <v>47057</v>
      </c>
    </row>
    <row r="355" spans="1:16" x14ac:dyDescent="0.15">
      <c r="A355" s="2" t="s">
        <v>49</v>
      </c>
      <c r="B355" s="2" t="s">
        <v>2655</v>
      </c>
      <c r="C355" s="4" t="s">
        <v>6</v>
      </c>
      <c r="D355" s="5" t="s">
        <v>2656</v>
      </c>
      <c r="E355" s="5" t="s">
        <v>2657</v>
      </c>
      <c r="F355" s="6" t="s">
        <v>2658</v>
      </c>
      <c r="G355" s="2" t="s">
        <v>2634</v>
      </c>
      <c r="H355" s="4" t="s">
        <v>1694</v>
      </c>
      <c r="I355" s="5" t="s">
        <v>2635</v>
      </c>
      <c r="J355" s="5" t="s">
        <v>2636</v>
      </c>
      <c r="K355" s="5" t="s">
        <v>2637</v>
      </c>
      <c r="L355" s="6" t="s">
        <v>5</v>
      </c>
      <c r="M355" s="2" t="s">
        <v>2659</v>
      </c>
      <c r="N355" s="3">
        <v>44930</v>
      </c>
      <c r="O355" s="3">
        <v>44930</v>
      </c>
      <c r="P355" s="3">
        <v>47391</v>
      </c>
    </row>
    <row r="356" spans="1:16" x14ac:dyDescent="0.15">
      <c r="A356" s="2" t="s">
        <v>49</v>
      </c>
      <c r="B356" s="2" t="s">
        <v>2660</v>
      </c>
      <c r="C356" s="4" t="s">
        <v>6</v>
      </c>
      <c r="D356" s="5" t="s">
        <v>2661</v>
      </c>
      <c r="E356" s="5" t="s">
        <v>690</v>
      </c>
      <c r="F356" s="6" t="s">
        <v>2662</v>
      </c>
      <c r="G356" s="2" t="s">
        <v>2634</v>
      </c>
      <c r="H356" s="4" t="s">
        <v>1694</v>
      </c>
      <c r="I356" s="5" t="s">
        <v>2635</v>
      </c>
      <c r="J356" s="5" t="s">
        <v>2636</v>
      </c>
      <c r="K356" s="5" t="s">
        <v>2637</v>
      </c>
      <c r="L356" s="6" t="s">
        <v>5</v>
      </c>
      <c r="M356" s="2" t="s">
        <v>2663</v>
      </c>
      <c r="N356" s="3">
        <v>42396</v>
      </c>
      <c r="O356" s="3">
        <v>45047</v>
      </c>
      <c r="P356" s="3">
        <v>47238</v>
      </c>
    </row>
    <row r="357" spans="1:16" x14ac:dyDescent="0.15">
      <c r="A357" s="2" t="s">
        <v>49</v>
      </c>
      <c r="B357" s="2" t="s">
        <v>2664</v>
      </c>
      <c r="C357" s="4" t="s">
        <v>6</v>
      </c>
      <c r="D357" s="5" t="s">
        <v>2665</v>
      </c>
      <c r="E357" s="5" t="s">
        <v>2666</v>
      </c>
      <c r="F357" s="6" t="s">
        <v>2667</v>
      </c>
      <c r="G357" s="2" t="s">
        <v>2634</v>
      </c>
      <c r="H357" s="4" t="s">
        <v>1694</v>
      </c>
      <c r="I357" s="5" t="s">
        <v>2635</v>
      </c>
      <c r="J357" s="5" t="s">
        <v>2636</v>
      </c>
      <c r="K357" s="5" t="s">
        <v>2637</v>
      </c>
      <c r="L357" s="6" t="s">
        <v>5</v>
      </c>
      <c r="M357" s="2" t="s">
        <v>2668</v>
      </c>
      <c r="N357" s="3">
        <v>42826</v>
      </c>
      <c r="O357" s="3">
        <v>45017</v>
      </c>
      <c r="P357" s="3">
        <v>47603</v>
      </c>
    </row>
    <row r="358" spans="1:16" x14ac:dyDescent="0.15">
      <c r="A358" s="2" t="s">
        <v>49</v>
      </c>
      <c r="B358" s="2" t="s">
        <v>1346</v>
      </c>
      <c r="C358" s="4" t="s">
        <v>6</v>
      </c>
      <c r="D358" s="5" t="s">
        <v>848</v>
      </c>
      <c r="E358" s="5" t="s">
        <v>1347</v>
      </c>
      <c r="F358" s="6" t="s">
        <v>1348</v>
      </c>
      <c r="G358" s="2"/>
      <c r="H358" s="4"/>
      <c r="I358" s="5"/>
      <c r="J358" s="5"/>
      <c r="K358" s="5"/>
      <c r="L358" s="6"/>
      <c r="M358" s="2" t="s">
        <v>1349</v>
      </c>
      <c r="N358" s="3">
        <v>44398</v>
      </c>
      <c r="O358" s="3">
        <v>44398</v>
      </c>
      <c r="P358" s="3">
        <v>46904</v>
      </c>
    </row>
    <row r="359" spans="1:16" x14ac:dyDescent="0.15">
      <c r="A359" s="2" t="s">
        <v>49</v>
      </c>
      <c r="B359" s="2" t="s">
        <v>1350</v>
      </c>
      <c r="C359" s="4" t="s">
        <v>6</v>
      </c>
      <c r="D359" s="5" t="s">
        <v>1351</v>
      </c>
      <c r="E359" s="5" t="s">
        <v>1352</v>
      </c>
      <c r="F359" s="6" t="s">
        <v>5</v>
      </c>
      <c r="G359" s="2"/>
      <c r="H359" s="4"/>
      <c r="I359" s="5"/>
      <c r="J359" s="5"/>
      <c r="K359" s="5"/>
      <c r="L359" s="6"/>
      <c r="M359" s="2" t="s">
        <v>1353</v>
      </c>
      <c r="N359" s="3">
        <v>44399</v>
      </c>
      <c r="O359" s="3">
        <v>44399</v>
      </c>
      <c r="P359" s="3">
        <v>46326</v>
      </c>
    </row>
    <row r="360" spans="1:16" x14ac:dyDescent="0.15">
      <c r="A360" s="2" t="s">
        <v>49</v>
      </c>
      <c r="B360" s="2" t="s">
        <v>2669</v>
      </c>
      <c r="C360" s="4" t="s">
        <v>6</v>
      </c>
      <c r="D360" s="5" t="s">
        <v>2670</v>
      </c>
      <c r="E360" s="5" t="s">
        <v>1723</v>
      </c>
      <c r="F360" s="6" t="s">
        <v>2671</v>
      </c>
      <c r="G360" s="2" t="s">
        <v>2634</v>
      </c>
      <c r="H360" s="4" t="s">
        <v>1694</v>
      </c>
      <c r="I360" s="5" t="s">
        <v>2635</v>
      </c>
      <c r="J360" s="5" t="s">
        <v>2636</v>
      </c>
      <c r="K360" s="5" t="s">
        <v>2637</v>
      </c>
      <c r="L360" s="6" t="s">
        <v>5</v>
      </c>
      <c r="M360" s="2" t="s">
        <v>2672</v>
      </c>
      <c r="N360" s="3">
        <v>45007</v>
      </c>
      <c r="O360" s="3">
        <v>45007</v>
      </c>
      <c r="P360" s="3">
        <v>47391</v>
      </c>
    </row>
    <row r="361" spans="1:16" x14ac:dyDescent="0.15">
      <c r="A361" s="2" t="s">
        <v>49</v>
      </c>
      <c r="B361" s="2" t="s">
        <v>2673</v>
      </c>
      <c r="C361" s="4" t="s">
        <v>6</v>
      </c>
      <c r="D361" s="5" t="s">
        <v>396</v>
      </c>
      <c r="E361" s="5" t="s">
        <v>397</v>
      </c>
      <c r="F361" s="6" t="s">
        <v>2674</v>
      </c>
      <c r="G361" s="2" t="s">
        <v>2634</v>
      </c>
      <c r="H361" s="4" t="s">
        <v>1694</v>
      </c>
      <c r="I361" s="5" t="s">
        <v>2635</v>
      </c>
      <c r="J361" s="5" t="s">
        <v>2636</v>
      </c>
      <c r="K361" s="5" t="s">
        <v>2637</v>
      </c>
      <c r="L361" s="6" t="s">
        <v>5</v>
      </c>
      <c r="M361" s="2" t="s">
        <v>2675</v>
      </c>
      <c r="N361" s="3">
        <v>41388</v>
      </c>
      <c r="O361" s="3">
        <v>45108</v>
      </c>
      <c r="P361" s="3">
        <v>46934</v>
      </c>
    </row>
    <row r="362" spans="1:16" x14ac:dyDescent="0.15">
      <c r="A362" s="2" t="s">
        <v>49</v>
      </c>
      <c r="B362" s="2" t="s">
        <v>2676</v>
      </c>
      <c r="C362" s="4" t="s">
        <v>6</v>
      </c>
      <c r="D362" s="5" t="s">
        <v>2677</v>
      </c>
      <c r="E362" s="5" t="s">
        <v>2678</v>
      </c>
      <c r="F362" s="6" t="s">
        <v>2679</v>
      </c>
      <c r="G362" s="2" t="s">
        <v>2634</v>
      </c>
      <c r="H362" s="4" t="s">
        <v>1694</v>
      </c>
      <c r="I362" s="5" t="s">
        <v>2635</v>
      </c>
      <c r="J362" s="5" t="s">
        <v>2636</v>
      </c>
      <c r="K362" s="5" t="s">
        <v>2637</v>
      </c>
      <c r="L362" s="6" t="s">
        <v>5</v>
      </c>
      <c r="M362" s="2" t="s">
        <v>2680</v>
      </c>
      <c r="N362" s="3">
        <v>36759</v>
      </c>
      <c r="O362" s="3">
        <v>45108</v>
      </c>
      <c r="P362" s="3">
        <v>47299</v>
      </c>
    </row>
    <row r="363" spans="1:16" x14ac:dyDescent="0.15">
      <c r="A363" s="2" t="s">
        <v>49</v>
      </c>
      <c r="B363" s="2" t="s">
        <v>1367</v>
      </c>
      <c r="C363" s="4" t="s">
        <v>6</v>
      </c>
      <c r="D363" s="5" t="s">
        <v>608</v>
      </c>
      <c r="E363" s="5" t="s">
        <v>1368</v>
      </c>
      <c r="F363" s="6" t="s">
        <v>1369</v>
      </c>
      <c r="G363" s="2"/>
      <c r="H363" s="4"/>
      <c r="I363" s="5"/>
      <c r="J363" s="5"/>
      <c r="K363" s="5"/>
      <c r="L363" s="6"/>
      <c r="M363" s="2" t="s">
        <v>1370</v>
      </c>
      <c r="N363" s="3">
        <v>44413</v>
      </c>
      <c r="O363" s="3">
        <v>44413</v>
      </c>
      <c r="P363" s="3">
        <v>46356</v>
      </c>
    </row>
    <row r="364" spans="1:16" x14ac:dyDescent="0.15">
      <c r="A364" s="2" t="s">
        <v>49</v>
      </c>
      <c r="B364" s="2" t="s">
        <v>1373</v>
      </c>
      <c r="C364" s="4" t="s">
        <v>6</v>
      </c>
      <c r="D364" s="5" t="s">
        <v>1371</v>
      </c>
      <c r="E364" s="5" t="s">
        <v>1372</v>
      </c>
      <c r="F364" s="6" t="s">
        <v>5</v>
      </c>
      <c r="G364" s="2"/>
      <c r="H364" s="4"/>
      <c r="I364" s="5"/>
      <c r="J364" s="5"/>
      <c r="K364" s="5"/>
      <c r="L364" s="6"/>
      <c r="M364" s="2" t="s">
        <v>1374</v>
      </c>
      <c r="N364" s="3">
        <v>38468</v>
      </c>
      <c r="O364" s="3">
        <v>44470</v>
      </c>
      <c r="P364" s="3">
        <v>46660</v>
      </c>
    </row>
    <row r="365" spans="1:16" x14ac:dyDescent="0.15">
      <c r="A365" s="2" t="s">
        <v>16</v>
      </c>
      <c r="B365" s="2" t="s">
        <v>1376</v>
      </c>
      <c r="C365" s="4" t="s">
        <v>6</v>
      </c>
      <c r="D365" s="5" t="s">
        <v>1377</v>
      </c>
      <c r="E365" s="5" t="s">
        <v>5</v>
      </c>
      <c r="F365" s="6" t="s">
        <v>5</v>
      </c>
      <c r="G365" s="2"/>
      <c r="H365" s="4"/>
      <c r="I365" s="5"/>
      <c r="J365" s="5"/>
      <c r="K365" s="5"/>
      <c r="L365" s="6"/>
      <c r="M365" s="2" t="s">
        <v>1379</v>
      </c>
      <c r="N365" s="3">
        <v>43026</v>
      </c>
      <c r="O365" s="3">
        <v>44866</v>
      </c>
      <c r="P365" s="3">
        <v>46691</v>
      </c>
    </row>
    <row r="366" spans="1:16" x14ac:dyDescent="0.15">
      <c r="A366" s="2" t="s">
        <v>486</v>
      </c>
      <c r="B366" s="2" t="s">
        <v>1376</v>
      </c>
      <c r="C366" s="4" t="s">
        <v>6</v>
      </c>
      <c r="D366" s="5" t="s">
        <v>1377</v>
      </c>
      <c r="E366" s="5" t="s">
        <v>5</v>
      </c>
      <c r="F366" s="6" t="s">
        <v>5</v>
      </c>
      <c r="G366" s="2"/>
      <c r="H366" s="4"/>
      <c r="I366" s="5"/>
      <c r="J366" s="5"/>
      <c r="K366" s="5"/>
      <c r="L366" s="6"/>
      <c r="M366" s="2" t="s">
        <v>1380</v>
      </c>
      <c r="N366" s="3">
        <v>45084</v>
      </c>
      <c r="O366" s="3">
        <v>45084</v>
      </c>
      <c r="P366" s="3">
        <v>47057</v>
      </c>
    </row>
    <row r="367" spans="1:16" x14ac:dyDescent="0.15">
      <c r="A367" s="2" t="s">
        <v>49</v>
      </c>
      <c r="B367" s="2" t="s">
        <v>1383</v>
      </c>
      <c r="C367" s="4" t="s">
        <v>6</v>
      </c>
      <c r="D367" s="5" t="s">
        <v>1381</v>
      </c>
      <c r="E367" s="5" t="s">
        <v>1382</v>
      </c>
      <c r="F367" s="6" t="s">
        <v>5</v>
      </c>
      <c r="G367" s="2"/>
      <c r="H367" s="4"/>
      <c r="I367" s="5"/>
      <c r="J367" s="5"/>
      <c r="K367" s="5"/>
      <c r="L367" s="6"/>
      <c r="M367" s="2" t="s">
        <v>1384</v>
      </c>
      <c r="N367" s="3">
        <v>40452</v>
      </c>
      <c r="O367" s="3">
        <v>44470</v>
      </c>
      <c r="P367" s="3">
        <v>46295</v>
      </c>
    </row>
    <row r="368" spans="1:16" x14ac:dyDescent="0.15">
      <c r="A368" s="2" t="s">
        <v>49</v>
      </c>
      <c r="B368" s="2" t="s">
        <v>1385</v>
      </c>
      <c r="C368" s="4" t="s">
        <v>6</v>
      </c>
      <c r="D368" s="5" t="s">
        <v>1386</v>
      </c>
      <c r="E368" s="5" t="s">
        <v>1387</v>
      </c>
      <c r="F368" s="6" t="s">
        <v>5</v>
      </c>
      <c r="G368" s="2" t="s">
        <v>1385</v>
      </c>
      <c r="H368" s="4" t="s">
        <v>9</v>
      </c>
      <c r="I368" s="5" t="s">
        <v>6</v>
      </c>
      <c r="J368" s="5" t="s">
        <v>1386</v>
      </c>
      <c r="K368" s="5" t="s">
        <v>1387</v>
      </c>
      <c r="L368" s="6" t="s">
        <v>5</v>
      </c>
      <c r="M368" s="2" t="s">
        <v>1388</v>
      </c>
      <c r="N368" s="3">
        <v>38869</v>
      </c>
      <c r="O368" s="3">
        <v>44470</v>
      </c>
      <c r="P368" s="3">
        <v>46295</v>
      </c>
    </row>
    <row r="369" spans="1:16" x14ac:dyDescent="0.15">
      <c r="A369" s="2" t="s">
        <v>49</v>
      </c>
      <c r="B369" s="2" t="s">
        <v>1390</v>
      </c>
      <c r="C369" s="4" t="s">
        <v>6</v>
      </c>
      <c r="D369" s="5" t="s">
        <v>848</v>
      </c>
      <c r="E369" s="5" t="s">
        <v>1391</v>
      </c>
      <c r="F369" s="6" t="s">
        <v>1392</v>
      </c>
      <c r="G369" s="2"/>
      <c r="H369" s="4"/>
      <c r="I369" s="5"/>
      <c r="J369" s="5"/>
      <c r="K369" s="5"/>
      <c r="L369" s="6"/>
      <c r="M369" s="2" t="s">
        <v>1393</v>
      </c>
      <c r="N369" s="3">
        <v>44404</v>
      </c>
      <c r="O369" s="3">
        <v>44404</v>
      </c>
      <c r="P369" s="3">
        <v>46538</v>
      </c>
    </row>
    <row r="370" spans="1:16" x14ac:dyDescent="0.15">
      <c r="A370" s="2" t="s">
        <v>49</v>
      </c>
      <c r="B370" s="2" t="s">
        <v>1396</v>
      </c>
      <c r="C370" s="4" t="s">
        <v>6</v>
      </c>
      <c r="D370" s="5" t="s">
        <v>1394</v>
      </c>
      <c r="E370" s="5" t="s">
        <v>1395</v>
      </c>
      <c r="F370" s="6" t="s">
        <v>1398</v>
      </c>
      <c r="G370" s="2"/>
      <c r="H370" s="4"/>
      <c r="I370" s="5"/>
      <c r="J370" s="5"/>
      <c r="K370" s="5"/>
      <c r="L370" s="6"/>
      <c r="M370" s="2" t="s">
        <v>1399</v>
      </c>
      <c r="N370" s="3">
        <v>29676</v>
      </c>
      <c r="O370" s="3">
        <v>44470</v>
      </c>
      <c r="P370" s="3">
        <v>46295</v>
      </c>
    </row>
    <row r="371" spans="1:16" x14ac:dyDescent="0.15">
      <c r="A371" s="2" t="s">
        <v>49</v>
      </c>
      <c r="B371" s="2" t="s">
        <v>2681</v>
      </c>
      <c r="C371" s="4" t="s">
        <v>6</v>
      </c>
      <c r="D371" s="5" t="s">
        <v>91</v>
      </c>
      <c r="E371" s="5" t="s">
        <v>1966</v>
      </c>
      <c r="F371" s="6" t="s">
        <v>2682</v>
      </c>
      <c r="G371" s="2" t="s">
        <v>2634</v>
      </c>
      <c r="H371" s="4" t="s">
        <v>1694</v>
      </c>
      <c r="I371" s="5" t="s">
        <v>2635</v>
      </c>
      <c r="J371" s="5" t="s">
        <v>2636</v>
      </c>
      <c r="K371" s="5" t="s">
        <v>2637</v>
      </c>
      <c r="L371" s="6" t="s">
        <v>5</v>
      </c>
      <c r="M371" s="2" t="s">
        <v>2683</v>
      </c>
      <c r="N371" s="3">
        <v>45200</v>
      </c>
      <c r="O371" s="3">
        <v>45200</v>
      </c>
      <c r="P371" s="3">
        <v>47573</v>
      </c>
    </row>
    <row r="372" spans="1:16" x14ac:dyDescent="0.15">
      <c r="A372" s="2" t="s">
        <v>49</v>
      </c>
      <c r="B372" s="2" t="s">
        <v>2684</v>
      </c>
      <c r="C372" s="4" t="s">
        <v>6</v>
      </c>
      <c r="D372" s="5" t="s">
        <v>2685</v>
      </c>
      <c r="E372" s="5" t="s">
        <v>2686</v>
      </c>
      <c r="F372" s="6" t="s">
        <v>2687</v>
      </c>
      <c r="G372" s="2" t="s">
        <v>2634</v>
      </c>
      <c r="H372" s="4" t="s">
        <v>1694</v>
      </c>
      <c r="I372" s="5" t="s">
        <v>2635</v>
      </c>
      <c r="J372" s="5" t="s">
        <v>2636</v>
      </c>
      <c r="K372" s="5" t="s">
        <v>2637</v>
      </c>
      <c r="L372" s="6" t="s">
        <v>5</v>
      </c>
      <c r="M372" s="2" t="s">
        <v>2688</v>
      </c>
      <c r="N372" s="3">
        <v>43006</v>
      </c>
      <c r="O372" s="3">
        <v>45200</v>
      </c>
      <c r="P372" s="3">
        <v>47391</v>
      </c>
    </row>
    <row r="373" spans="1:16" x14ac:dyDescent="0.15">
      <c r="A373" s="2" t="s">
        <v>49</v>
      </c>
      <c r="B373" s="2" t="s">
        <v>2689</v>
      </c>
      <c r="C373" s="4" t="s">
        <v>6</v>
      </c>
      <c r="D373" s="5" t="s">
        <v>2125</v>
      </c>
      <c r="E373" s="5" t="s">
        <v>2690</v>
      </c>
      <c r="F373" s="6" t="s">
        <v>2691</v>
      </c>
      <c r="G373" s="2" t="s">
        <v>2634</v>
      </c>
      <c r="H373" s="4" t="s">
        <v>1694</v>
      </c>
      <c r="I373" s="5" t="s">
        <v>2635</v>
      </c>
      <c r="J373" s="5" t="s">
        <v>2636</v>
      </c>
      <c r="K373" s="5" t="s">
        <v>2637</v>
      </c>
      <c r="L373" s="6" t="s">
        <v>5</v>
      </c>
      <c r="M373" s="2" t="s">
        <v>2692</v>
      </c>
      <c r="N373" s="3">
        <v>42892</v>
      </c>
      <c r="O373" s="3">
        <v>45200</v>
      </c>
      <c r="P373" s="3">
        <v>47391</v>
      </c>
    </row>
    <row r="374" spans="1:16" x14ac:dyDescent="0.15">
      <c r="A374" s="2" t="s">
        <v>49</v>
      </c>
      <c r="B374" s="2" t="s">
        <v>1414</v>
      </c>
      <c r="C374" s="4" t="s">
        <v>6</v>
      </c>
      <c r="D374" s="5" t="s">
        <v>1415</v>
      </c>
      <c r="E374" s="5" t="s">
        <v>5</v>
      </c>
      <c r="F374" s="6" t="s">
        <v>1416</v>
      </c>
      <c r="G374" s="2"/>
      <c r="H374" s="4"/>
      <c r="I374" s="5"/>
      <c r="J374" s="5"/>
      <c r="K374" s="5"/>
      <c r="L374" s="6"/>
      <c r="M374" s="2" t="s">
        <v>1417</v>
      </c>
      <c r="N374" s="3">
        <v>44406</v>
      </c>
      <c r="O374" s="3">
        <v>44406</v>
      </c>
      <c r="P374" s="3">
        <v>46477</v>
      </c>
    </row>
    <row r="375" spans="1:16" x14ac:dyDescent="0.15">
      <c r="A375" s="2" t="s">
        <v>49</v>
      </c>
      <c r="B375" s="2" t="s">
        <v>1418</v>
      </c>
      <c r="C375" s="4" t="s">
        <v>6</v>
      </c>
      <c r="D375" s="5" t="s">
        <v>1419</v>
      </c>
      <c r="E375" s="5" t="s">
        <v>1420</v>
      </c>
      <c r="F375" s="6" t="s">
        <v>5</v>
      </c>
      <c r="G375" s="2"/>
      <c r="H375" s="4"/>
      <c r="I375" s="5"/>
      <c r="J375" s="5"/>
      <c r="K375" s="5"/>
      <c r="L375" s="6"/>
      <c r="M375" s="2" t="s">
        <v>1421</v>
      </c>
      <c r="N375" s="3">
        <v>42563</v>
      </c>
      <c r="O375" s="3">
        <v>44470</v>
      </c>
      <c r="P375" s="3">
        <v>46295</v>
      </c>
    </row>
    <row r="376" spans="1:16" x14ac:dyDescent="0.15">
      <c r="A376" s="2" t="s">
        <v>49</v>
      </c>
      <c r="B376" s="2" t="s">
        <v>2693</v>
      </c>
      <c r="C376" s="4" t="s">
        <v>6</v>
      </c>
      <c r="D376" s="5" t="s">
        <v>2694</v>
      </c>
      <c r="E376" s="5" t="s">
        <v>2544</v>
      </c>
      <c r="F376" s="6" t="s">
        <v>2695</v>
      </c>
      <c r="G376" s="2" t="s">
        <v>2634</v>
      </c>
      <c r="H376" s="4" t="s">
        <v>1694</v>
      </c>
      <c r="I376" s="5" t="s">
        <v>2635</v>
      </c>
      <c r="J376" s="5" t="s">
        <v>2636</v>
      </c>
      <c r="K376" s="5" t="s">
        <v>2637</v>
      </c>
      <c r="L376" s="6" t="s">
        <v>5</v>
      </c>
      <c r="M376" s="2" t="s">
        <v>2696</v>
      </c>
      <c r="N376" s="3">
        <v>45312</v>
      </c>
      <c r="O376" s="3">
        <v>45312</v>
      </c>
      <c r="P376" s="3">
        <v>47664</v>
      </c>
    </row>
    <row r="377" spans="1:16" x14ac:dyDescent="0.15">
      <c r="A377" s="2" t="s">
        <v>49</v>
      </c>
      <c r="B377" s="2" t="s">
        <v>2697</v>
      </c>
      <c r="C377" s="4" t="s">
        <v>6</v>
      </c>
      <c r="D377" s="5" t="s">
        <v>1427</v>
      </c>
      <c r="E377" s="5" t="s">
        <v>2698</v>
      </c>
      <c r="F377" s="6" t="s">
        <v>2699</v>
      </c>
      <c r="G377" s="2" t="s">
        <v>2634</v>
      </c>
      <c r="H377" s="4" t="s">
        <v>1694</v>
      </c>
      <c r="I377" s="5" t="s">
        <v>2635</v>
      </c>
      <c r="J377" s="5" t="s">
        <v>2636</v>
      </c>
      <c r="K377" s="5" t="s">
        <v>2637</v>
      </c>
      <c r="L377" s="6" t="s">
        <v>5</v>
      </c>
      <c r="M377" s="2" t="s">
        <v>2700</v>
      </c>
      <c r="N377" s="3">
        <v>45383</v>
      </c>
      <c r="O377" s="3">
        <v>45383</v>
      </c>
      <c r="P377" s="3">
        <v>47787</v>
      </c>
    </row>
    <row r="378" spans="1:16" x14ac:dyDescent="0.15">
      <c r="A378" s="2" t="s">
        <v>49</v>
      </c>
      <c r="B378" s="2" t="s">
        <v>1433</v>
      </c>
      <c r="C378" s="4" t="s">
        <v>6</v>
      </c>
      <c r="D378" s="5" t="s">
        <v>1434</v>
      </c>
      <c r="E378" s="5" t="s">
        <v>5</v>
      </c>
      <c r="F378" s="6" t="s">
        <v>5</v>
      </c>
      <c r="G378" s="2"/>
      <c r="H378" s="4"/>
      <c r="I378" s="5"/>
      <c r="J378" s="5"/>
      <c r="K378" s="5"/>
      <c r="L378" s="6"/>
      <c r="M378" s="2" t="s">
        <v>1435</v>
      </c>
      <c r="N378" s="3">
        <v>32936</v>
      </c>
      <c r="O378" s="3">
        <v>44470</v>
      </c>
      <c r="P378" s="3">
        <v>46295</v>
      </c>
    </row>
    <row r="379" spans="1:16" x14ac:dyDescent="0.15">
      <c r="A379" s="2" t="s">
        <v>49</v>
      </c>
      <c r="B379" s="2" t="s">
        <v>1438</v>
      </c>
      <c r="C379" s="4" t="s">
        <v>6</v>
      </c>
      <c r="D379" s="5" t="s">
        <v>1436</v>
      </c>
      <c r="E379" s="5" t="s">
        <v>1437</v>
      </c>
      <c r="F379" s="6" t="s">
        <v>5</v>
      </c>
      <c r="G379" s="2"/>
      <c r="H379" s="4"/>
      <c r="I379" s="5"/>
      <c r="J379" s="5"/>
      <c r="K379" s="5"/>
      <c r="L379" s="6"/>
      <c r="M379" s="2" t="s">
        <v>1439</v>
      </c>
      <c r="N379" s="3">
        <v>42641</v>
      </c>
      <c r="O379" s="3">
        <v>44470</v>
      </c>
      <c r="P379" s="3">
        <v>46295</v>
      </c>
    </row>
    <row r="380" spans="1:16" x14ac:dyDescent="0.15">
      <c r="A380" s="2" t="s">
        <v>49</v>
      </c>
      <c r="B380" s="2" t="s">
        <v>1441</v>
      </c>
      <c r="C380" s="4" t="s">
        <v>6</v>
      </c>
      <c r="D380" s="5" t="s">
        <v>476</v>
      </c>
      <c r="E380" s="5" t="s">
        <v>1442</v>
      </c>
      <c r="F380" s="6" t="s">
        <v>5</v>
      </c>
      <c r="G380" s="2"/>
      <c r="H380" s="4"/>
      <c r="I380" s="5"/>
      <c r="J380" s="5"/>
      <c r="K380" s="5"/>
      <c r="L380" s="6"/>
      <c r="M380" s="2" t="s">
        <v>1443</v>
      </c>
      <c r="N380" s="3">
        <v>44442</v>
      </c>
      <c r="O380" s="3">
        <v>44442</v>
      </c>
      <c r="P380" s="3">
        <v>46721</v>
      </c>
    </row>
    <row r="381" spans="1:16" x14ac:dyDescent="0.15">
      <c r="A381" s="2" t="s">
        <v>16</v>
      </c>
      <c r="B381" s="2" t="s">
        <v>1441</v>
      </c>
      <c r="C381" s="4" t="s">
        <v>6</v>
      </c>
      <c r="D381" s="5" t="s">
        <v>476</v>
      </c>
      <c r="E381" s="5" t="s">
        <v>1442</v>
      </c>
      <c r="F381" s="6" t="s">
        <v>5</v>
      </c>
      <c r="G381" s="2"/>
      <c r="H381" s="4"/>
      <c r="I381" s="5"/>
      <c r="J381" s="5"/>
      <c r="K381" s="5"/>
      <c r="L381" s="6"/>
      <c r="M381" s="2" t="s">
        <v>1444</v>
      </c>
      <c r="N381" s="3">
        <v>44442</v>
      </c>
      <c r="O381" s="3">
        <v>44442</v>
      </c>
      <c r="P381" s="3">
        <v>46721</v>
      </c>
    </row>
    <row r="382" spans="1:16" x14ac:dyDescent="0.15">
      <c r="A382" s="2" t="s">
        <v>49</v>
      </c>
      <c r="B382" s="2" t="s">
        <v>1445</v>
      </c>
      <c r="C382" s="4" t="s">
        <v>6</v>
      </c>
      <c r="D382" s="5" t="s">
        <v>1446</v>
      </c>
      <c r="E382" s="5" t="s">
        <v>1447</v>
      </c>
      <c r="F382" s="6" t="s">
        <v>5</v>
      </c>
      <c r="G382" s="2"/>
      <c r="H382" s="4"/>
      <c r="I382" s="5"/>
      <c r="J382" s="5"/>
      <c r="K382" s="5"/>
      <c r="L382" s="6"/>
      <c r="M382" s="2" t="s">
        <v>1448</v>
      </c>
      <c r="N382" s="3">
        <v>44413</v>
      </c>
      <c r="O382" s="3">
        <v>44413</v>
      </c>
      <c r="P382" s="3">
        <v>46873</v>
      </c>
    </row>
    <row r="383" spans="1:16" x14ac:dyDescent="0.15">
      <c r="A383" s="2" t="s">
        <v>16</v>
      </c>
      <c r="B383" s="2" t="s">
        <v>1445</v>
      </c>
      <c r="C383" s="4" t="s">
        <v>6</v>
      </c>
      <c r="D383" s="5" t="s">
        <v>1446</v>
      </c>
      <c r="E383" s="5" t="s">
        <v>1447</v>
      </c>
      <c r="F383" s="6" t="s">
        <v>5</v>
      </c>
      <c r="G383" s="2"/>
      <c r="H383" s="4"/>
      <c r="I383" s="5"/>
      <c r="J383" s="5"/>
      <c r="K383" s="5"/>
      <c r="L383" s="6"/>
      <c r="M383" s="2" t="s">
        <v>1449</v>
      </c>
      <c r="N383" s="3">
        <v>44413</v>
      </c>
      <c r="O383" s="3">
        <v>44413</v>
      </c>
      <c r="P383" s="3">
        <v>46873</v>
      </c>
    </row>
    <row r="384" spans="1:16" x14ac:dyDescent="0.15">
      <c r="A384" s="2" t="s">
        <v>49</v>
      </c>
      <c r="B384" s="2" t="s">
        <v>1450</v>
      </c>
      <c r="C384" s="4" t="s">
        <v>6</v>
      </c>
      <c r="D384" s="5" t="s">
        <v>456</v>
      </c>
      <c r="E384" s="5" t="s">
        <v>520</v>
      </c>
      <c r="F384" s="6" t="s">
        <v>5</v>
      </c>
      <c r="G384" s="2"/>
      <c r="H384" s="4"/>
      <c r="I384" s="5"/>
      <c r="J384" s="5"/>
      <c r="K384" s="5"/>
      <c r="L384" s="6"/>
      <c r="M384" s="2" t="s">
        <v>1451</v>
      </c>
      <c r="N384" s="3">
        <v>44671</v>
      </c>
      <c r="O384" s="3">
        <v>44671</v>
      </c>
      <c r="P384" s="3">
        <v>46538</v>
      </c>
    </row>
    <row r="385" spans="1:16" x14ac:dyDescent="0.15">
      <c r="A385" s="2" t="s">
        <v>49</v>
      </c>
      <c r="B385" s="2" t="s">
        <v>1452</v>
      </c>
      <c r="C385" s="4" t="s">
        <v>6</v>
      </c>
      <c r="D385" s="5" t="s">
        <v>967</v>
      </c>
      <c r="E385" s="5" t="s">
        <v>1453</v>
      </c>
      <c r="F385" s="6" t="s">
        <v>1454</v>
      </c>
      <c r="G385" s="2"/>
      <c r="H385" s="4"/>
      <c r="I385" s="5"/>
      <c r="J385" s="5"/>
      <c r="K385" s="5"/>
      <c r="L385" s="6"/>
      <c r="M385" s="2" t="s">
        <v>1455</v>
      </c>
      <c r="N385" s="3">
        <v>41944</v>
      </c>
      <c r="O385" s="3">
        <v>44470</v>
      </c>
      <c r="P385" s="3">
        <v>46660</v>
      </c>
    </row>
    <row r="386" spans="1:16" x14ac:dyDescent="0.15">
      <c r="A386" s="2" t="s">
        <v>49</v>
      </c>
      <c r="B386" s="2" t="s">
        <v>2701</v>
      </c>
      <c r="C386" s="4" t="s">
        <v>6</v>
      </c>
      <c r="D386" s="5" t="s">
        <v>2702</v>
      </c>
      <c r="E386" s="5" t="s">
        <v>2160</v>
      </c>
      <c r="F386" s="6" t="s">
        <v>2703</v>
      </c>
      <c r="G386" s="2" t="s">
        <v>2634</v>
      </c>
      <c r="H386" s="4" t="s">
        <v>1694</v>
      </c>
      <c r="I386" s="5" t="s">
        <v>2635</v>
      </c>
      <c r="J386" s="5" t="s">
        <v>2636</v>
      </c>
      <c r="K386" s="5" t="s">
        <v>2637</v>
      </c>
      <c r="L386" s="6" t="s">
        <v>5</v>
      </c>
      <c r="M386" s="2" t="s">
        <v>2704</v>
      </c>
      <c r="N386" s="3">
        <v>45383</v>
      </c>
      <c r="O386" s="3">
        <v>45383</v>
      </c>
      <c r="P386" s="3">
        <v>47573</v>
      </c>
    </row>
    <row r="387" spans="1:16" x14ac:dyDescent="0.15">
      <c r="A387" s="2" t="s">
        <v>16</v>
      </c>
      <c r="B387" s="2" t="s">
        <v>1463</v>
      </c>
      <c r="C387" s="4" t="s">
        <v>6</v>
      </c>
      <c r="D387" s="5" t="s">
        <v>1461</v>
      </c>
      <c r="E387" s="5" t="s">
        <v>1462</v>
      </c>
      <c r="F387" s="6" t="s">
        <v>5</v>
      </c>
      <c r="G387" s="2"/>
      <c r="H387" s="4"/>
      <c r="I387" s="5"/>
      <c r="J387" s="5"/>
      <c r="K387" s="5"/>
      <c r="L387" s="6"/>
      <c r="M387" s="2" t="s">
        <v>1464</v>
      </c>
      <c r="N387" s="3">
        <v>44411</v>
      </c>
      <c r="O387" s="3">
        <v>44411</v>
      </c>
      <c r="P387" s="3">
        <v>46873</v>
      </c>
    </row>
    <row r="388" spans="1:16" x14ac:dyDescent="0.15">
      <c r="A388" s="2" t="s">
        <v>49</v>
      </c>
      <c r="B388" s="2" t="s">
        <v>1467</v>
      </c>
      <c r="C388" s="4" t="s">
        <v>6</v>
      </c>
      <c r="D388" s="5" t="s">
        <v>1466</v>
      </c>
      <c r="E388" s="5" t="s">
        <v>5</v>
      </c>
      <c r="F388" s="6" t="s">
        <v>5</v>
      </c>
      <c r="G388" s="2" t="s">
        <v>1465</v>
      </c>
      <c r="H388" s="4" t="s">
        <v>9</v>
      </c>
      <c r="I388" s="5" t="s">
        <v>6</v>
      </c>
      <c r="J388" s="5" t="s">
        <v>1466</v>
      </c>
      <c r="K388" s="5" t="s">
        <v>5</v>
      </c>
      <c r="L388" s="6" t="s">
        <v>5</v>
      </c>
      <c r="M388" s="2" t="s">
        <v>1468</v>
      </c>
      <c r="N388" s="3">
        <v>38709</v>
      </c>
      <c r="O388" s="3">
        <v>44470</v>
      </c>
      <c r="P388" s="3">
        <v>46295</v>
      </c>
    </row>
    <row r="389" spans="1:16" x14ac:dyDescent="0.15">
      <c r="A389" s="2" t="s">
        <v>49</v>
      </c>
      <c r="B389" s="2" t="s">
        <v>1470</v>
      </c>
      <c r="C389" s="4" t="s">
        <v>6</v>
      </c>
      <c r="D389" s="5" t="s">
        <v>140</v>
      </c>
      <c r="E389" s="5" t="s">
        <v>1469</v>
      </c>
      <c r="F389" s="6" t="s">
        <v>5</v>
      </c>
      <c r="G389" s="2"/>
      <c r="H389" s="4"/>
      <c r="I389" s="5"/>
      <c r="J389" s="5"/>
      <c r="K389" s="5"/>
      <c r="L389" s="6"/>
      <c r="M389" s="2" t="s">
        <v>1471</v>
      </c>
      <c r="N389" s="3">
        <v>33881</v>
      </c>
      <c r="O389" s="3">
        <v>44411</v>
      </c>
      <c r="P389" s="3">
        <v>46660</v>
      </c>
    </row>
    <row r="390" spans="1:16" x14ac:dyDescent="0.15">
      <c r="A390" s="2" t="s">
        <v>49</v>
      </c>
      <c r="B390" s="2" t="s">
        <v>2708</v>
      </c>
      <c r="C390" s="4" t="s">
        <v>6</v>
      </c>
      <c r="D390" s="5" t="s">
        <v>111</v>
      </c>
      <c r="E390" s="5" t="s">
        <v>2709</v>
      </c>
      <c r="F390" s="6" t="s">
        <v>5</v>
      </c>
      <c r="G390" s="2" t="s">
        <v>2708</v>
      </c>
      <c r="H390" s="4" t="s">
        <v>9</v>
      </c>
      <c r="I390" s="5" t="s">
        <v>6</v>
      </c>
      <c r="J390" s="5" t="s">
        <v>111</v>
      </c>
      <c r="K390" s="5" t="s">
        <v>2709</v>
      </c>
      <c r="L390" s="6" t="s">
        <v>5</v>
      </c>
      <c r="M390" s="2" t="s">
        <v>2710</v>
      </c>
      <c r="N390" s="3">
        <v>34958</v>
      </c>
      <c r="O390" s="3">
        <v>44501</v>
      </c>
      <c r="P390" s="3">
        <v>46691</v>
      </c>
    </row>
    <row r="391" spans="1:16" x14ac:dyDescent="0.15">
      <c r="A391" s="2" t="s">
        <v>49</v>
      </c>
      <c r="B391" s="2" t="s">
        <v>1477</v>
      </c>
      <c r="C391" s="4" t="s">
        <v>6</v>
      </c>
      <c r="D391" s="5" t="s">
        <v>1478</v>
      </c>
      <c r="E391" s="5" t="s">
        <v>1479</v>
      </c>
      <c r="F391" s="6" t="s">
        <v>1480</v>
      </c>
      <c r="G391" s="2"/>
      <c r="H391" s="4"/>
      <c r="I391" s="5"/>
      <c r="J391" s="5"/>
      <c r="K391" s="5"/>
      <c r="L391" s="6"/>
      <c r="M391" s="2" t="s">
        <v>1481</v>
      </c>
      <c r="N391" s="3">
        <v>44412</v>
      </c>
      <c r="O391" s="3">
        <v>44412</v>
      </c>
      <c r="P391" s="3">
        <v>46660</v>
      </c>
    </row>
    <row r="392" spans="1:16" x14ac:dyDescent="0.15">
      <c r="A392" s="2" t="s">
        <v>49</v>
      </c>
      <c r="B392" s="2" t="s">
        <v>1484</v>
      </c>
      <c r="C392" s="4" t="s">
        <v>6</v>
      </c>
      <c r="D392" s="5" t="s">
        <v>1482</v>
      </c>
      <c r="E392" s="5" t="s">
        <v>1483</v>
      </c>
      <c r="F392" s="6" t="s">
        <v>5</v>
      </c>
      <c r="G392" s="2"/>
      <c r="H392" s="4"/>
      <c r="I392" s="5"/>
      <c r="J392" s="5"/>
      <c r="K392" s="5"/>
      <c r="L392" s="6"/>
      <c r="M392" s="2" t="s">
        <v>1485</v>
      </c>
      <c r="N392" s="3">
        <v>42236</v>
      </c>
      <c r="O392" s="3">
        <v>44470</v>
      </c>
      <c r="P392" s="3">
        <v>46660</v>
      </c>
    </row>
    <row r="393" spans="1:16" x14ac:dyDescent="0.15">
      <c r="A393" s="2" t="s">
        <v>486</v>
      </c>
      <c r="B393" s="2" t="s">
        <v>1484</v>
      </c>
      <c r="C393" s="4" t="s">
        <v>6</v>
      </c>
      <c r="D393" s="5" t="s">
        <v>1482</v>
      </c>
      <c r="E393" s="5" t="s">
        <v>1483</v>
      </c>
      <c r="F393" s="6" t="s">
        <v>5</v>
      </c>
      <c r="G393" s="2"/>
      <c r="H393" s="4"/>
      <c r="I393" s="5"/>
      <c r="J393" s="5"/>
      <c r="K393" s="5"/>
      <c r="L393" s="6"/>
      <c r="M393" s="2" t="s">
        <v>1486</v>
      </c>
      <c r="N393" s="3">
        <v>45370</v>
      </c>
      <c r="O393" s="3">
        <v>45370</v>
      </c>
      <c r="P393" s="3">
        <v>47756</v>
      </c>
    </row>
    <row r="394" spans="1:16" x14ac:dyDescent="0.15">
      <c r="A394" s="2" t="s">
        <v>1231</v>
      </c>
      <c r="B394" s="2" t="s">
        <v>1484</v>
      </c>
      <c r="C394" s="4" t="s">
        <v>6</v>
      </c>
      <c r="D394" s="5" t="s">
        <v>1482</v>
      </c>
      <c r="E394" s="5" t="s">
        <v>1487</v>
      </c>
      <c r="F394" s="6" t="s">
        <v>5</v>
      </c>
      <c r="G394" s="2"/>
      <c r="H394" s="4"/>
      <c r="I394" s="5"/>
      <c r="J394" s="5"/>
      <c r="K394" s="5"/>
      <c r="L394" s="6"/>
      <c r="M394" s="2" t="s">
        <v>1488</v>
      </c>
      <c r="N394" s="3">
        <v>34287</v>
      </c>
      <c r="O394" s="3">
        <v>44835</v>
      </c>
      <c r="P394" s="3">
        <v>46660</v>
      </c>
    </row>
    <row r="395" spans="1:16" x14ac:dyDescent="0.15">
      <c r="A395" s="2" t="s">
        <v>49</v>
      </c>
      <c r="B395" s="2" t="s">
        <v>1489</v>
      </c>
      <c r="C395" s="4" t="s">
        <v>6</v>
      </c>
      <c r="D395" s="5" t="s">
        <v>1027</v>
      </c>
      <c r="E395" s="5" t="s">
        <v>1490</v>
      </c>
      <c r="F395" s="6" t="s">
        <v>1491</v>
      </c>
      <c r="G395" s="2"/>
      <c r="H395" s="4"/>
      <c r="I395" s="5"/>
      <c r="J395" s="5"/>
      <c r="K395" s="5"/>
      <c r="L395" s="6"/>
      <c r="M395" s="2" t="s">
        <v>1492</v>
      </c>
      <c r="N395" s="3">
        <v>44413</v>
      </c>
      <c r="O395" s="3">
        <v>44413</v>
      </c>
      <c r="P395" s="3">
        <v>46721</v>
      </c>
    </row>
    <row r="396" spans="1:16" x14ac:dyDescent="0.15">
      <c r="A396" s="2" t="s">
        <v>16</v>
      </c>
      <c r="B396" s="2" t="s">
        <v>1493</v>
      </c>
      <c r="C396" s="4" t="s">
        <v>6</v>
      </c>
      <c r="D396" s="5" t="s">
        <v>1494</v>
      </c>
      <c r="E396" s="5" t="s">
        <v>1495</v>
      </c>
      <c r="F396" s="6" t="s">
        <v>5</v>
      </c>
      <c r="G396" s="2"/>
      <c r="H396" s="4"/>
      <c r="I396" s="5"/>
      <c r="J396" s="5"/>
      <c r="K396" s="5"/>
      <c r="L396" s="6"/>
      <c r="M396" s="2" t="s">
        <v>1496</v>
      </c>
      <c r="N396" s="3">
        <v>31870</v>
      </c>
      <c r="O396" s="3">
        <v>44413</v>
      </c>
      <c r="P396" s="3">
        <v>46660</v>
      </c>
    </row>
    <row r="397" spans="1:16" x14ac:dyDescent="0.15">
      <c r="A397" s="2" t="s">
        <v>49</v>
      </c>
      <c r="B397" s="2" t="s">
        <v>2713</v>
      </c>
      <c r="C397" s="4" t="s">
        <v>6</v>
      </c>
      <c r="D397" s="5" t="s">
        <v>2714</v>
      </c>
      <c r="E397" s="5" t="s">
        <v>2715</v>
      </c>
      <c r="F397" s="6" t="s">
        <v>5</v>
      </c>
      <c r="G397" s="2" t="s">
        <v>2711</v>
      </c>
      <c r="H397" s="4" t="s">
        <v>9</v>
      </c>
      <c r="I397" s="5" t="s">
        <v>6</v>
      </c>
      <c r="J397" s="5" t="s">
        <v>2639</v>
      </c>
      <c r="K397" s="5" t="s">
        <v>2712</v>
      </c>
      <c r="L397" s="6" t="s">
        <v>5</v>
      </c>
      <c r="M397" s="2" t="s">
        <v>2716</v>
      </c>
      <c r="N397" s="3">
        <v>38581</v>
      </c>
      <c r="O397" s="3">
        <v>44866</v>
      </c>
      <c r="P397" s="3">
        <v>47057</v>
      </c>
    </row>
    <row r="398" spans="1:16" x14ac:dyDescent="0.15">
      <c r="A398" s="2" t="s">
        <v>49</v>
      </c>
      <c r="B398" s="2" t="s">
        <v>2756</v>
      </c>
      <c r="C398" s="4" t="s">
        <v>6</v>
      </c>
      <c r="D398" s="5" t="s">
        <v>402</v>
      </c>
      <c r="E398" s="5" t="s">
        <v>727</v>
      </c>
      <c r="F398" s="6" t="s">
        <v>5</v>
      </c>
      <c r="G398" s="2" t="s">
        <v>2754</v>
      </c>
      <c r="H398" s="4" t="s">
        <v>9</v>
      </c>
      <c r="I398" s="5" t="s">
        <v>6</v>
      </c>
      <c r="J398" s="5" t="s">
        <v>2312</v>
      </c>
      <c r="K398" s="5" t="s">
        <v>2755</v>
      </c>
      <c r="L398" s="6" t="s">
        <v>5</v>
      </c>
      <c r="M398" s="2" t="s">
        <v>2757</v>
      </c>
      <c r="N398" s="3">
        <v>44501</v>
      </c>
      <c r="O398" s="3">
        <v>44501</v>
      </c>
      <c r="P398" s="3">
        <v>46691</v>
      </c>
    </row>
    <row r="399" spans="1:16" x14ac:dyDescent="0.15">
      <c r="A399" s="2" t="s">
        <v>49</v>
      </c>
      <c r="B399" s="2" t="s">
        <v>2778</v>
      </c>
      <c r="C399" s="4" t="s">
        <v>6</v>
      </c>
      <c r="D399" s="5" t="s">
        <v>2179</v>
      </c>
      <c r="E399" s="5" t="s">
        <v>2779</v>
      </c>
      <c r="F399" s="6" t="s">
        <v>5</v>
      </c>
      <c r="G399" s="2" t="s">
        <v>2775</v>
      </c>
      <c r="H399" s="4" t="s">
        <v>9</v>
      </c>
      <c r="I399" s="5" t="s">
        <v>6</v>
      </c>
      <c r="J399" s="5" t="s">
        <v>2776</v>
      </c>
      <c r="K399" s="5" t="s">
        <v>2777</v>
      </c>
      <c r="L399" s="6" t="s">
        <v>5</v>
      </c>
      <c r="M399" s="2" t="s">
        <v>2780</v>
      </c>
      <c r="N399" s="3">
        <v>43777</v>
      </c>
      <c r="O399" s="3">
        <v>43777</v>
      </c>
      <c r="P399" s="3">
        <v>46326</v>
      </c>
    </row>
    <row r="400" spans="1:16" x14ac:dyDescent="0.15">
      <c r="A400" s="2" t="s">
        <v>49</v>
      </c>
      <c r="B400" s="2" t="s">
        <v>2781</v>
      </c>
      <c r="C400" s="4" t="s">
        <v>6</v>
      </c>
      <c r="D400" s="5" t="s">
        <v>2782</v>
      </c>
      <c r="E400" s="5" t="s">
        <v>1265</v>
      </c>
      <c r="F400" s="6" t="s">
        <v>5</v>
      </c>
      <c r="G400" s="2" t="s">
        <v>2775</v>
      </c>
      <c r="H400" s="4" t="s">
        <v>9</v>
      </c>
      <c r="I400" s="5" t="s">
        <v>6</v>
      </c>
      <c r="J400" s="5" t="s">
        <v>2776</v>
      </c>
      <c r="K400" s="5" t="s">
        <v>2777</v>
      </c>
      <c r="L400" s="6" t="s">
        <v>5</v>
      </c>
      <c r="M400" s="2" t="s">
        <v>2783</v>
      </c>
      <c r="N400" s="3">
        <v>43739</v>
      </c>
      <c r="O400" s="3">
        <v>43739</v>
      </c>
      <c r="P400" s="3">
        <v>46112</v>
      </c>
    </row>
    <row r="401" spans="1:16" x14ac:dyDescent="0.15">
      <c r="A401" s="2" t="s">
        <v>49</v>
      </c>
      <c r="B401" s="2" t="s">
        <v>2784</v>
      </c>
      <c r="C401" s="4" t="s">
        <v>6</v>
      </c>
      <c r="D401" s="5" t="s">
        <v>2344</v>
      </c>
      <c r="E401" s="5" t="s">
        <v>2785</v>
      </c>
      <c r="F401" s="6" t="s">
        <v>5</v>
      </c>
      <c r="G401" s="2" t="s">
        <v>2775</v>
      </c>
      <c r="H401" s="4" t="s">
        <v>9</v>
      </c>
      <c r="I401" s="5" t="s">
        <v>6</v>
      </c>
      <c r="J401" s="5" t="s">
        <v>2776</v>
      </c>
      <c r="K401" s="5" t="s">
        <v>2777</v>
      </c>
      <c r="L401" s="6" t="s">
        <v>5</v>
      </c>
      <c r="M401" s="2" t="s">
        <v>2786</v>
      </c>
      <c r="N401" s="3">
        <v>43282</v>
      </c>
      <c r="O401" s="3">
        <v>43282</v>
      </c>
      <c r="P401" s="3">
        <v>45747</v>
      </c>
    </row>
    <row r="402" spans="1:16" x14ac:dyDescent="0.15">
      <c r="A402" s="2" t="s">
        <v>49</v>
      </c>
      <c r="B402" s="2" t="s">
        <v>2787</v>
      </c>
      <c r="C402" s="4" t="s">
        <v>6</v>
      </c>
      <c r="D402" s="5" t="s">
        <v>2788</v>
      </c>
      <c r="E402" s="5" t="s">
        <v>2789</v>
      </c>
      <c r="F402" s="6" t="s">
        <v>5</v>
      </c>
      <c r="G402" s="2" t="s">
        <v>2775</v>
      </c>
      <c r="H402" s="4" t="s">
        <v>9</v>
      </c>
      <c r="I402" s="5" t="s">
        <v>6</v>
      </c>
      <c r="J402" s="5" t="s">
        <v>2776</v>
      </c>
      <c r="K402" s="5" t="s">
        <v>2777</v>
      </c>
      <c r="L402" s="6" t="s">
        <v>5</v>
      </c>
      <c r="M402" s="2" t="s">
        <v>2790</v>
      </c>
      <c r="N402" s="3">
        <v>44861</v>
      </c>
      <c r="O402" s="3">
        <v>44861</v>
      </c>
      <c r="P402" s="3">
        <v>47391</v>
      </c>
    </row>
    <row r="403" spans="1:16" x14ac:dyDescent="0.15">
      <c r="A403" s="2" t="s">
        <v>49</v>
      </c>
      <c r="B403" s="2" t="s">
        <v>2791</v>
      </c>
      <c r="C403" s="4" t="s">
        <v>6</v>
      </c>
      <c r="D403" s="5" t="s">
        <v>179</v>
      </c>
      <c r="E403" s="5" t="s">
        <v>2792</v>
      </c>
      <c r="F403" s="6" t="s">
        <v>5</v>
      </c>
      <c r="G403" s="2" t="s">
        <v>2775</v>
      </c>
      <c r="H403" s="4" t="s">
        <v>9</v>
      </c>
      <c r="I403" s="5" t="s">
        <v>6</v>
      </c>
      <c r="J403" s="5" t="s">
        <v>2776</v>
      </c>
      <c r="K403" s="5" t="s">
        <v>2777</v>
      </c>
      <c r="L403" s="6" t="s">
        <v>5</v>
      </c>
      <c r="M403" s="2" t="s">
        <v>2793</v>
      </c>
      <c r="N403" s="3">
        <v>45443</v>
      </c>
      <c r="O403" s="3">
        <v>45443</v>
      </c>
      <c r="P403" s="3">
        <v>47756</v>
      </c>
    </row>
    <row r="404" spans="1:16" x14ac:dyDescent="0.15">
      <c r="A404" s="2" t="s">
        <v>49</v>
      </c>
      <c r="B404" s="2" t="s">
        <v>2797</v>
      </c>
      <c r="C404" s="4" t="s">
        <v>6</v>
      </c>
      <c r="D404" s="5" t="s">
        <v>179</v>
      </c>
      <c r="E404" s="5" t="s">
        <v>180</v>
      </c>
      <c r="F404" s="6" t="s">
        <v>5</v>
      </c>
      <c r="G404" s="2" t="s">
        <v>2794</v>
      </c>
      <c r="H404" s="4" t="s">
        <v>384</v>
      </c>
      <c r="I404" s="5" t="s">
        <v>385</v>
      </c>
      <c r="J404" s="5" t="s">
        <v>2795</v>
      </c>
      <c r="K404" s="5" t="s">
        <v>2796</v>
      </c>
      <c r="L404" s="6" t="s">
        <v>5</v>
      </c>
      <c r="M404" s="2" t="s">
        <v>2798</v>
      </c>
      <c r="N404" s="3">
        <v>44477</v>
      </c>
      <c r="O404" s="3">
        <v>44477</v>
      </c>
      <c r="P404" s="3">
        <v>47026</v>
      </c>
    </row>
    <row r="405" spans="1:16" x14ac:dyDescent="0.15">
      <c r="A405" s="2" t="s">
        <v>49</v>
      </c>
      <c r="B405" s="2" t="s">
        <v>2814</v>
      </c>
      <c r="C405" s="4" t="s">
        <v>6</v>
      </c>
      <c r="D405" s="5" t="s">
        <v>456</v>
      </c>
      <c r="E405" s="5" t="s">
        <v>520</v>
      </c>
      <c r="F405" s="6" t="s">
        <v>5</v>
      </c>
      <c r="G405" s="2" t="s">
        <v>2810</v>
      </c>
      <c r="H405" s="4" t="s">
        <v>184</v>
      </c>
      <c r="I405" s="5" t="s">
        <v>2811</v>
      </c>
      <c r="J405" s="5" t="s">
        <v>2812</v>
      </c>
      <c r="K405" s="5" t="s">
        <v>2813</v>
      </c>
      <c r="L405" s="6" t="s">
        <v>5</v>
      </c>
      <c r="M405" s="2" t="s">
        <v>2815</v>
      </c>
      <c r="N405" s="3">
        <v>44476</v>
      </c>
      <c r="O405" s="3">
        <v>44476</v>
      </c>
      <c r="P405" s="3">
        <v>46538</v>
      </c>
    </row>
    <row r="406" spans="1:16" x14ac:dyDescent="0.15">
      <c r="A406" s="2" t="s">
        <v>49</v>
      </c>
      <c r="B406" s="2" t="s">
        <v>1539</v>
      </c>
      <c r="C406" s="4" t="s">
        <v>6</v>
      </c>
      <c r="D406" s="5" t="s">
        <v>247</v>
      </c>
      <c r="E406" s="5" t="s">
        <v>1540</v>
      </c>
      <c r="F406" s="6" t="s">
        <v>1541</v>
      </c>
      <c r="G406" s="2"/>
      <c r="H406" s="4"/>
      <c r="I406" s="5"/>
      <c r="J406" s="5"/>
      <c r="K406" s="5"/>
      <c r="L406" s="6"/>
      <c r="M406" s="2" t="s">
        <v>1542</v>
      </c>
      <c r="N406" s="3">
        <v>44417</v>
      </c>
      <c r="O406" s="3">
        <v>44417</v>
      </c>
      <c r="P406" s="3">
        <v>46538</v>
      </c>
    </row>
    <row r="407" spans="1:16" x14ac:dyDescent="0.15">
      <c r="A407" s="2" t="s">
        <v>49</v>
      </c>
      <c r="B407" s="2" t="s">
        <v>1543</v>
      </c>
      <c r="C407" s="4" t="s">
        <v>6</v>
      </c>
      <c r="D407" s="5" t="s">
        <v>247</v>
      </c>
      <c r="E407" s="5" t="s">
        <v>1544</v>
      </c>
      <c r="F407" s="6" t="s">
        <v>1545</v>
      </c>
      <c r="G407" s="2"/>
      <c r="H407" s="4"/>
      <c r="I407" s="5"/>
      <c r="J407" s="5"/>
      <c r="K407" s="5"/>
      <c r="L407" s="6"/>
      <c r="M407" s="2" t="s">
        <v>1546</v>
      </c>
      <c r="N407" s="3">
        <v>45017</v>
      </c>
      <c r="O407" s="3">
        <v>45017</v>
      </c>
      <c r="P407" s="3">
        <v>46904</v>
      </c>
    </row>
    <row r="408" spans="1:16" x14ac:dyDescent="0.15">
      <c r="A408" s="2" t="s">
        <v>49</v>
      </c>
      <c r="B408" s="2" t="s">
        <v>1547</v>
      </c>
      <c r="C408" s="4" t="s">
        <v>6</v>
      </c>
      <c r="D408" s="5" t="s">
        <v>449</v>
      </c>
      <c r="E408" s="5" t="s">
        <v>1548</v>
      </c>
      <c r="F408" s="6" t="s">
        <v>5</v>
      </c>
      <c r="G408" s="2"/>
      <c r="H408" s="4"/>
      <c r="I408" s="5"/>
      <c r="J408" s="5"/>
      <c r="K408" s="5"/>
      <c r="L408" s="6"/>
      <c r="M408" s="2" t="s">
        <v>1549</v>
      </c>
      <c r="N408" s="3">
        <v>27755</v>
      </c>
      <c r="O408" s="3">
        <v>44470</v>
      </c>
      <c r="P408" s="3">
        <v>46295</v>
      </c>
    </row>
    <row r="409" spans="1:16" x14ac:dyDescent="0.15">
      <c r="A409" s="2" t="s">
        <v>49</v>
      </c>
      <c r="B409" s="2" t="s">
        <v>1550</v>
      </c>
      <c r="C409" s="4" t="s">
        <v>6</v>
      </c>
      <c r="D409" s="5" t="s">
        <v>967</v>
      </c>
      <c r="E409" s="5" t="s">
        <v>1453</v>
      </c>
      <c r="F409" s="6" t="s">
        <v>1551</v>
      </c>
      <c r="G409" s="2"/>
      <c r="H409" s="4"/>
      <c r="I409" s="5"/>
      <c r="J409" s="5"/>
      <c r="K409" s="5"/>
      <c r="L409" s="6"/>
      <c r="M409" s="2" t="s">
        <v>1552</v>
      </c>
      <c r="N409" s="3">
        <v>40247</v>
      </c>
      <c r="O409" s="3">
        <v>44470</v>
      </c>
      <c r="P409" s="3">
        <v>46660</v>
      </c>
    </row>
    <row r="410" spans="1:16" x14ac:dyDescent="0.15">
      <c r="A410" s="2" t="s">
        <v>49</v>
      </c>
      <c r="B410" s="2" t="s">
        <v>2827</v>
      </c>
      <c r="C410" s="4" t="s">
        <v>6</v>
      </c>
      <c r="D410" s="5" t="s">
        <v>1351</v>
      </c>
      <c r="E410" s="5" t="s">
        <v>2826</v>
      </c>
      <c r="F410" s="6" t="s">
        <v>5</v>
      </c>
      <c r="G410" s="2" t="s">
        <v>2825</v>
      </c>
      <c r="H410" s="4" t="s">
        <v>9</v>
      </c>
      <c r="I410" s="5" t="s">
        <v>6</v>
      </c>
      <c r="J410" s="5" t="s">
        <v>1351</v>
      </c>
      <c r="K410" s="5" t="s">
        <v>2826</v>
      </c>
      <c r="L410" s="6" t="s">
        <v>5</v>
      </c>
      <c r="M410" s="2" t="s">
        <v>2828</v>
      </c>
      <c r="N410" s="3">
        <v>40848</v>
      </c>
      <c r="O410" s="3">
        <v>44501</v>
      </c>
      <c r="P410" s="3">
        <v>46326</v>
      </c>
    </row>
    <row r="411" spans="1:16" x14ac:dyDescent="0.15">
      <c r="A411" s="2" t="s">
        <v>49</v>
      </c>
      <c r="B411" s="2" t="s">
        <v>2839</v>
      </c>
      <c r="C411" s="4" t="s">
        <v>6</v>
      </c>
      <c r="D411" s="5" t="s">
        <v>456</v>
      </c>
      <c r="E411" s="5" t="s">
        <v>520</v>
      </c>
      <c r="F411" s="6" t="s">
        <v>5</v>
      </c>
      <c r="G411" s="2" t="s">
        <v>2837</v>
      </c>
      <c r="H411" s="4" t="s">
        <v>9</v>
      </c>
      <c r="I411" s="5" t="s">
        <v>6</v>
      </c>
      <c r="J411" s="5" t="s">
        <v>2838</v>
      </c>
      <c r="K411" s="5" t="s">
        <v>5</v>
      </c>
      <c r="L411" s="6" t="s">
        <v>5</v>
      </c>
      <c r="M411" s="2" t="s">
        <v>2840</v>
      </c>
      <c r="N411" s="3">
        <v>45202</v>
      </c>
      <c r="O411" s="3">
        <v>45202</v>
      </c>
      <c r="P411" s="3">
        <v>47269</v>
      </c>
    </row>
    <row r="412" spans="1:16" x14ac:dyDescent="0.15">
      <c r="A412" s="2" t="s">
        <v>49</v>
      </c>
      <c r="B412" s="2" t="s">
        <v>1564</v>
      </c>
      <c r="C412" s="4" t="s">
        <v>6</v>
      </c>
      <c r="D412" s="5" t="s">
        <v>967</v>
      </c>
      <c r="E412" s="5" t="s">
        <v>1565</v>
      </c>
      <c r="F412" s="6" t="s">
        <v>1566</v>
      </c>
      <c r="G412" s="2"/>
      <c r="H412" s="4"/>
      <c r="I412" s="5"/>
      <c r="J412" s="5"/>
      <c r="K412" s="5"/>
      <c r="L412" s="6"/>
      <c r="M412" s="2" t="s">
        <v>1567</v>
      </c>
      <c r="N412" s="3">
        <v>42048</v>
      </c>
      <c r="O412" s="3">
        <v>44470</v>
      </c>
      <c r="P412" s="3">
        <v>46660</v>
      </c>
    </row>
    <row r="413" spans="1:16" x14ac:dyDescent="0.15">
      <c r="A413" s="2" t="s">
        <v>1572</v>
      </c>
      <c r="B413" s="2" t="s">
        <v>1570</v>
      </c>
      <c r="C413" s="4" t="s">
        <v>6</v>
      </c>
      <c r="D413" s="5" t="s">
        <v>1568</v>
      </c>
      <c r="E413" s="5" t="s">
        <v>1569</v>
      </c>
      <c r="F413" s="6" t="s">
        <v>5</v>
      </c>
      <c r="G413" s="2"/>
      <c r="H413" s="4"/>
      <c r="I413" s="5"/>
      <c r="J413" s="5"/>
      <c r="K413" s="5"/>
      <c r="L413" s="6"/>
      <c r="M413" s="2" t="s">
        <v>1573</v>
      </c>
      <c r="N413" s="3">
        <v>32757</v>
      </c>
      <c r="O413" s="3">
        <v>44470</v>
      </c>
      <c r="P413" s="3">
        <v>46295</v>
      </c>
    </row>
    <row r="414" spans="1:16" x14ac:dyDescent="0.15">
      <c r="A414" s="2" t="s">
        <v>49</v>
      </c>
      <c r="B414" s="2" t="s">
        <v>1574</v>
      </c>
      <c r="C414" s="4" t="s">
        <v>6</v>
      </c>
      <c r="D414" s="5" t="s">
        <v>1394</v>
      </c>
      <c r="E414" s="5" t="s">
        <v>1575</v>
      </c>
      <c r="F414" s="6" t="s">
        <v>5</v>
      </c>
      <c r="G414" s="2"/>
      <c r="H414" s="4"/>
      <c r="I414" s="5"/>
      <c r="J414" s="5"/>
      <c r="K414" s="5"/>
      <c r="L414" s="6"/>
      <c r="M414" s="2" t="s">
        <v>1576</v>
      </c>
      <c r="N414" s="3">
        <v>32709</v>
      </c>
      <c r="O414" s="3">
        <v>44470</v>
      </c>
      <c r="P414" s="3">
        <v>46295</v>
      </c>
    </row>
    <row r="415" spans="1:16" x14ac:dyDescent="0.15">
      <c r="A415" s="2" t="s">
        <v>49</v>
      </c>
      <c r="B415" s="2" t="s">
        <v>1577</v>
      </c>
      <c r="C415" s="4" t="s">
        <v>6</v>
      </c>
      <c r="D415" s="5" t="s">
        <v>1578</v>
      </c>
      <c r="E415" s="5" t="s">
        <v>5</v>
      </c>
      <c r="F415" s="6" t="s">
        <v>5</v>
      </c>
      <c r="G415" s="2"/>
      <c r="H415" s="4"/>
      <c r="I415" s="5"/>
      <c r="J415" s="5"/>
      <c r="K415" s="5"/>
      <c r="L415" s="6"/>
      <c r="M415" s="2" t="s">
        <v>1579</v>
      </c>
      <c r="N415" s="3">
        <v>34143</v>
      </c>
      <c r="O415" s="3">
        <v>44470</v>
      </c>
      <c r="P415" s="3">
        <v>46295</v>
      </c>
    </row>
    <row r="416" spans="1:16" x14ac:dyDescent="0.15">
      <c r="A416" s="2" t="s">
        <v>49</v>
      </c>
      <c r="B416" s="2" t="s">
        <v>2865</v>
      </c>
      <c r="C416" s="4" t="s">
        <v>6</v>
      </c>
      <c r="D416" s="5" t="s">
        <v>456</v>
      </c>
      <c r="E416" s="5" t="s">
        <v>520</v>
      </c>
      <c r="F416" s="6" t="s">
        <v>5</v>
      </c>
      <c r="G416" s="2" t="s">
        <v>2861</v>
      </c>
      <c r="H416" s="4" t="s">
        <v>1273</v>
      </c>
      <c r="I416" s="5" t="s">
        <v>2862</v>
      </c>
      <c r="J416" s="5" t="s">
        <v>2863</v>
      </c>
      <c r="K416" s="5" t="s">
        <v>2864</v>
      </c>
      <c r="L416" s="6" t="s">
        <v>5</v>
      </c>
      <c r="M416" s="2" t="s">
        <v>2866</v>
      </c>
      <c r="N416" s="3">
        <v>44481</v>
      </c>
      <c r="O416" s="3">
        <v>44481</v>
      </c>
      <c r="P416" s="3">
        <v>46538</v>
      </c>
    </row>
    <row r="417" spans="1:16" x14ac:dyDescent="0.15">
      <c r="A417" s="2" t="s">
        <v>49</v>
      </c>
      <c r="B417" s="2" t="s">
        <v>2891</v>
      </c>
      <c r="C417" s="4" t="s">
        <v>6</v>
      </c>
      <c r="D417" s="5" t="s">
        <v>45</v>
      </c>
      <c r="E417" s="5" t="s">
        <v>1255</v>
      </c>
      <c r="F417" s="6" t="s">
        <v>2892</v>
      </c>
      <c r="G417" s="2" t="s">
        <v>2888</v>
      </c>
      <c r="H417" s="4" t="s">
        <v>384</v>
      </c>
      <c r="I417" s="5" t="s">
        <v>441</v>
      </c>
      <c r="J417" s="5" t="s">
        <v>2889</v>
      </c>
      <c r="K417" s="5" t="s">
        <v>2890</v>
      </c>
      <c r="L417" s="6" t="s">
        <v>5</v>
      </c>
      <c r="M417" s="2" t="s">
        <v>2893</v>
      </c>
      <c r="N417" s="3">
        <v>42319</v>
      </c>
      <c r="O417" s="3">
        <v>44531</v>
      </c>
      <c r="P417" s="3">
        <v>46721</v>
      </c>
    </row>
    <row r="418" spans="1:16" x14ac:dyDescent="0.15">
      <c r="A418" s="2" t="s">
        <v>49</v>
      </c>
      <c r="B418" s="2" t="s">
        <v>2902</v>
      </c>
      <c r="C418" s="4" t="s">
        <v>6</v>
      </c>
      <c r="D418" s="5" t="s">
        <v>378</v>
      </c>
      <c r="E418" s="5" t="s">
        <v>2904</v>
      </c>
      <c r="F418" s="6" t="s">
        <v>5</v>
      </c>
      <c r="G418" s="2" t="s">
        <v>2902</v>
      </c>
      <c r="H418" s="4" t="s">
        <v>9</v>
      </c>
      <c r="I418" s="5" t="s">
        <v>6</v>
      </c>
      <c r="J418" s="5" t="s">
        <v>2903</v>
      </c>
      <c r="K418" s="5" t="s">
        <v>5</v>
      </c>
      <c r="L418" s="6" t="s">
        <v>5</v>
      </c>
      <c r="M418" s="2" t="s">
        <v>2905</v>
      </c>
      <c r="N418" s="3">
        <v>39386</v>
      </c>
      <c r="O418" s="3">
        <v>45078</v>
      </c>
      <c r="P418" s="3">
        <v>46904</v>
      </c>
    </row>
    <row r="419" spans="1:16" x14ac:dyDescent="0.15">
      <c r="A419" s="2" t="s">
        <v>49</v>
      </c>
      <c r="B419" s="2" t="s">
        <v>2909</v>
      </c>
      <c r="C419" s="4" t="s">
        <v>6</v>
      </c>
      <c r="D419" s="5" t="s">
        <v>2910</v>
      </c>
      <c r="E419" s="5" t="s">
        <v>5</v>
      </c>
      <c r="F419" s="6" t="s">
        <v>5</v>
      </c>
      <c r="G419" s="2" t="s">
        <v>2906</v>
      </c>
      <c r="H419" s="4" t="s">
        <v>9</v>
      </c>
      <c r="I419" s="5" t="s">
        <v>6</v>
      </c>
      <c r="J419" s="5" t="s">
        <v>2907</v>
      </c>
      <c r="K419" s="5" t="s">
        <v>2908</v>
      </c>
      <c r="L419" s="6" t="s">
        <v>5</v>
      </c>
      <c r="M419" s="2" t="s">
        <v>2911</v>
      </c>
      <c r="N419" s="3">
        <v>44488</v>
      </c>
      <c r="O419" s="3">
        <v>44488</v>
      </c>
      <c r="P419" s="3">
        <v>46326</v>
      </c>
    </row>
    <row r="420" spans="1:16" x14ac:dyDescent="0.15">
      <c r="A420" s="2" t="s">
        <v>49</v>
      </c>
      <c r="B420" s="2" t="s">
        <v>2915</v>
      </c>
      <c r="C420" s="4" t="s">
        <v>6</v>
      </c>
      <c r="D420" s="5" t="s">
        <v>123</v>
      </c>
      <c r="E420" s="5" t="s">
        <v>453</v>
      </c>
      <c r="F420" s="6" t="s">
        <v>5</v>
      </c>
      <c r="G420" s="2" t="s">
        <v>2913</v>
      </c>
      <c r="H420" s="4" t="s">
        <v>9</v>
      </c>
      <c r="I420" s="5" t="s">
        <v>6</v>
      </c>
      <c r="J420" s="5" t="s">
        <v>290</v>
      </c>
      <c r="K420" s="5" t="s">
        <v>2914</v>
      </c>
      <c r="L420" s="6" t="s">
        <v>5</v>
      </c>
      <c r="M420" s="2" t="s">
        <v>2916</v>
      </c>
      <c r="N420" s="3">
        <v>44482</v>
      </c>
      <c r="O420" s="3">
        <v>44482</v>
      </c>
      <c r="P420" s="3">
        <v>46843</v>
      </c>
    </row>
    <row r="421" spans="1:16" x14ac:dyDescent="0.15">
      <c r="A421" s="2" t="s">
        <v>49</v>
      </c>
      <c r="B421" s="2" t="s">
        <v>2917</v>
      </c>
      <c r="C421" s="4" t="s">
        <v>6</v>
      </c>
      <c r="D421" s="5" t="s">
        <v>2918</v>
      </c>
      <c r="E421" s="5" t="s">
        <v>2919</v>
      </c>
      <c r="F421" s="6" t="s">
        <v>5</v>
      </c>
      <c r="G421" s="2" t="s">
        <v>2913</v>
      </c>
      <c r="H421" s="4" t="s">
        <v>9</v>
      </c>
      <c r="I421" s="5" t="s">
        <v>6</v>
      </c>
      <c r="J421" s="5" t="s">
        <v>290</v>
      </c>
      <c r="K421" s="5" t="s">
        <v>2914</v>
      </c>
      <c r="L421" s="6" t="s">
        <v>5</v>
      </c>
      <c r="M421" s="2" t="s">
        <v>2920</v>
      </c>
      <c r="N421" s="3">
        <v>44482</v>
      </c>
      <c r="O421" s="3">
        <v>44482</v>
      </c>
      <c r="P421" s="3">
        <v>47026</v>
      </c>
    </row>
    <row r="422" spans="1:16" x14ac:dyDescent="0.15">
      <c r="A422" s="2" t="s">
        <v>49</v>
      </c>
      <c r="B422" s="2" t="s">
        <v>2921</v>
      </c>
      <c r="C422" s="4" t="s">
        <v>6</v>
      </c>
      <c r="D422" s="5" t="s">
        <v>456</v>
      </c>
      <c r="E422" s="5" t="s">
        <v>2922</v>
      </c>
      <c r="F422" s="6" t="s">
        <v>5</v>
      </c>
      <c r="G422" s="2" t="s">
        <v>2913</v>
      </c>
      <c r="H422" s="4" t="s">
        <v>9</v>
      </c>
      <c r="I422" s="5" t="s">
        <v>6</v>
      </c>
      <c r="J422" s="5" t="s">
        <v>290</v>
      </c>
      <c r="K422" s="5" t="s">
        <v>2914</v>
      </c>
      <c r="L422" s="6" t="s">
        <v>5</v>
      </c>
      <c r="M422" s="2" t="s">
        <v>2923</v>
      </c>
      <c r="N422" s="3">
        <v>42308</v>
      </c>
      <c r="O422" s="3">
        <v>44652</v>
      </c>
      <c r="P422" s="3">
        <v>46843</v>
      </c>
    </row>
    <row r="423" spans="1:16" x14ac:dyDescent="0.15">
      <c r="A423" s="2" t="s">
        <v>49</v>
      </c>
      <c r="B423" s="2" t="s">
        <v>2924</v>
      </c>
      <c r="C423" s="4" t="s">
        <v>6</v>
      </c>
      <c r="D423" s="5" t="s">
        <v>2925</v>
      </c>
      <c r="E423" s="5" t="s">
        <v>2926</v>
      </c>
      <c r="F423" s="6" t="s">
        <v>5</v>
      </c>
      <c r="G423" s="2" t="s">
        <v>2913</v>
      </c>
      <c r="H423" s="4" t="s">
        <v>9</v>
      </c>
      <c r="I423" s="5" t="s">
        <v>6</v>
      </c>
      <c r="J423" s="5" t="s">
        <v>290</v>
      </c>
      <c r="K423" s="5" t="s">
        <v>2914</v>
      </c>
      <c r="L423" s="6" t="s">
        <v>5</v>
      </c>
      <c r="M423" s="2" t="s">
        <v>2927</v>
      </c>
      <c r="N423" s="3">
        <v>42488</v>
      </c>
      <c r="O423" s="3">
        <v>44682</v>
      </c>
      <c r="P423" s="3">
        <v>46873</v>
      </c>
    </row>
    <row r="424" spans="1:16" x14ac:dyDescent="0.15">
      <c r="A424" s="2" t="s">
        <v>49</v>
      </c>
      <c r="B424" s="2" t="s">
        <v>2928</v>
      </c>
      <c r="C424" s="4" t="s">
        <v>6</v>
      </c>
      <c r="D424" s="5" t="s">
        <v>2929</v>
      </c>
      <c r="E424" s="5" t="s">
        <v>2930</v>
      </c>
      <c r="F424" s="6" t="s">
        <v>5</v>
      </c>
      <c r="G424" s="2" t="s">
        <v>2913</v>
      </c>
      <c r="H424" s="4" t="s">
        <v>9</v>
      </c>
      <c r="I424" s="5" t="s">
        <v>6</v>
      </c>
      <c r="J424" s="5" t="s">
        <v>290</v>
      </c>
      <c r="K424" s="5" t="s">
        <v>2914</v>
      </c>
      <c r="L424" s="6" t="s">
        <v>5</v>
      </c>
      <c r="M424" s="2" t="s">
        <v>2931</v>
      </c>
      <c r="N424" s="3">
        <v>41423</v>
      </c>
      <c r="O424" s="3">
        <v>45413</v>
      </c>
      <c r="P424" s="3">
        <v>47603</v>
      </c>
    </row>
    <row r="425" spans="1:16" x14ac:dyDescent="0.15">
      <c r="A425" s="2" t="s">
        <v>49</v>
      </c>
      <c r="B425" s="2" t="s">
        <v>2940</v>
      </c>
      <c r="C425" s="4" t="s">
        <v>6</v>
      </c>
      <c r="D425" s="5" t="s">
        <v>848</v>
      </c>
      <c r="E425" s="5" t="s">
        <v>2941</v>
      </c>
      <c r="F425" s="6" t="s">
        <v>5</v>
      </c>
      <c r="G425" s="2" t="s">
        <v>2938</v>
      </c>
      <c r="H425" s="4" t="s">
        <v>9</v>
      </c>
      <c r="I425" s="5" t="s">
        <v>6</v>
      </c>
      <c r="J425" s="5" t="s">
        <v>848</v>
      </c>
      <c r="K425" s="5" t="s">
        <v>2939</v>
      </c>
      <c r="L425" s="6" t="s">
        <v>5</v>
      </c>
      <c r="M425" s="2" t="s">
        <v>2942</v>
      </c>
      <c r="N425" s="3">
        <v>44482</v>
      </c>
      <c r="O425" s="3">
        <v>44482</v>
      </c>
      <c r="P425" s="3">
        <v>46904</v>
      </c>
    </row>
    <row r="426" spans="1:16" x14ac:dyDescent="0.15">
      <c r="A426" s="2" t="s">
        <v>49</v>
      </c>
      <c r="B426" s="2" t="s">
        <v>2943</v>
      </c>
      <c r="C426" s="4" t="s">
        <v>6</v>
      </c>
      <c r="D426" s="5" t="s">
        <v>500</v>
      </c>
      <c r="E426" s="5" t="s">
        <v>2944</v>
      </c>
      <c r="F426" s="6" t="s">
        <v>2945</v>
      </c>
      <c r="G426" s="2" t="s">
        <v>2938</v>
      </c>
      <c r="H426" s="4" t="s">
        <v>9</v>
      </c>
      <c r="I426" s="5" t="s">
        <v>6</v>
      </c>
      <c r="J426" s="5" t="s">
        <v>848</v>
      </c>
      <c r="K426" s="5" t="s">
        <v>2939</v>
      </c>
      <c r="L426" s="6" t="s">
        <v>5</v>
      </c>
      <c r="M426" s="2" t="s">
        <v>2946</v>
      </c>
      <c r="N426" s="3">
        <v>42866</v>
      </c>
      <c r="O426" s="3">
        <v>45078</v>
      </c>
      <c r="P426" s="3">
        <v>47269</v>
      </c>
    </row>
    <row r="427" spans="1:16" x14ac:dyDescent="0.15">
      <c r="A427" s="2" t="s">
        <v>16</v>
      </c>
      <c r="B427" s="2" t="s">
        <v>1631</v>
      </c>
      <c r="C427" s="4" t="s">
        <v>6</v>
      </c>
      <c r="D427" s="5" t="s">
        <v>962</v>
      </c>
      <c r="E427" s="5" t="s">
        <v>1632</v>
      </c>
      <c r="F427" s="6" t="s">
        <v>5</v>
      </c>
      <c r="G427" s="2"/>
      <c r="H427" s="4"/>
      <c r="I427" s="5"/>
      <c r="J427" s="5"/>
      <c r="K427" s="5"/>
      <c r="L427" s="6"/>
      <c r="M427" s="2" t="s">
        <v>1633</v>
      </c>
      <c r="N427" s="3">
        <v>44421</v>
      </c>
      <c r="O427" s="3">
        <v>44421</v>
      </c>
      <c r="P427" s="3">
        <v>46721</v>
      </c>
    </row>
    <row r="428" spans="1:16" x14ac:dyDescent="0.15">
      <c r="A428" s="2" t="s">
        <v>49</v>
      </c>
      <c r="B428" s="2" t="s">
        <v>1631</v>
      </c>
      <c r="C428" s="4" t="s">
        <v>6</v>
      </c>
      <c r="D428" s="5" t="s">
        <v>962</v>
      </c>
      <c r="E428" s="5" t="s">
        <v>1632</v>
      </c>
      <c r="F428" s="6" t="s">
        <v>5</v>
      </c>
      <c r="G428" s="2"/>
      <c r="H428" s="4"/>
      <c r="I428" s="5"/>
      <c r="J428" s="5"/>
      <c r="K428" s="5"/>
      <c r="L428" s="6"/>
      <c r="M428" s="2" t="s">
        <v>1634</v>
      </c>
      <c r="N428" s="3">
        <v>44421</v>
      </c>
      <c r="O428" s="3">
        <v>44421</v>
      </c>
      <c r="P428" s="3">
        <v>46721</v>
      </c>
    </row>
    <row r="429" spans="1:16" x14ac:dyDescent="0.15">
      <c r="A429" s="2" t="s">
        <v>49</v>
      </c>
      <c r="B429" s="2" t="s">
        <v>1637</v>
      </c>
      <c r="C429" s="4" t="s">
        <v>6</v>
      </c>
      <c r="D429" s="5" t="s">
        <v>1635</v>
      </c>
      <c r="E429" s="5" t="s">
        <v>1638</v>
      </c>
      <c r="F429" s="6" t="s">
        <v>5</v>
      </c>
      <c r="G429" s="2"/>
      <c r="H429" s="4"/>
      <c r="I429" s="5"/>
      <c r="J429" s="5"/>
      <c r="K429" s="5"/>
      <c r="L429" s="6"/>
      <c r="M429" s="2" t="s">
        <v>1639</v>
      </c>
      <c r="N429" s="3">
        <v>44425</v>
      </c>
      <c r="O429" s="3">
        <v>44425</v>
      </c>
      <c r="P429" s="3">
        <v>46477</v>
      </c>
    </row>
    <row r="430" spans="1:16" x14ac:dyDescent="0.15">
      <c r="A430" s="2" t="s">
        <v>49</v>
      </c>
      <c r="B430" s="2" t="s">
        <v>2953</v>
      </c>
      <c r="C430" s="4" t="s">
        <v>6</v>
      </c>
      <c r="D430" s="5" t="s">
        <v>2425</v>
      </c>
      <c r="E430" s="5" t="s">
        <v>2954</v>
      </c>
      <c r="F430" s="6" t="s">
        <v>5</v>
      </c>
      <c r="G430" s="2" t="s">
        <v>2951</v>
      </c>
      <c r="H430" s="4" t="s">
        <v>9</v>
      </c>
      <c r="I430" s="5" t="s">
        <v>6</v>
      </c>
      <c r="J430" s="5" t="s">
        <v>2952</v>
      </c>
      <c r="K430" s="5" t="s">
        <v>5</v>
      </c>
      <c r="L430" s="6" t="s">
        <v>5</v>
      </c>
      <c r="M430" s="2" t="s">
        <v>2955</v>
      </c>
      <c r="N430" s="3">
        <v>42615</v>
      </c>
      <c r="O430" s="3">
        <v>45047</v>
      </c>
      <c r="P430" s="3">
        <v>47238</v>
      </c>
    </row>
    <row r="431" spans="1:16" x14ac:dyDescent="0.15">
      <c r="A431" s="2" t="s">
        <v>49</v>
      </c>
      <c r="B431" s="2" t="s">
        <v>2969</v>
      </c>
      <c r="C431" s="4" t="s">
        <v>6</v>
      </c>
      <c r="D431" s="5" t="s">
        <v>2016</v>
      </c>
      <c r="E431" s="5" t="s">
        <v>2968</v>
      </c>
      <c r="F431" s="6" t="s">
        <v>5</v>
      </c>
      <c r="G431" s="2" t="s">
        <v>2967</v>
      </c>
      <c r="H431" s="4" t="s">
        <v>9</v>
      </c>
      <c r="I431" s="5" t="s">
        <v>6</v>
      </c>
      <c r="J431" s="5" t="s">
        <v>2016</v>
      </c>
      <c r="K431" s="5" t="s">
        <v>2968</v>
      </c>
      <c r="L431" s="6" t="s">
        <v>5</v>
      </c>
      <c r="M431" s="2" t="s">
        <v>2970</v>
      </c>
      <c r="N431" s="3">
        <v>40848</v>
      </c>
      <c r="O431" s="3">
        <v>44501</v>
      </c>
      <c r="P431" s="3">
        <v>46326</v>
      </c>
    </row>
    <row r="432" spans="1:16" x14ac:dyDescent="0.15">
      <c r="A432" s="2" t="s">
        <v>49</v>
      </c>
      <c r="B432" s="2" t="s">
        <v>2980</v>
      </c>
      <c r="C432" s="4" t="s">
        <v>6</v>
      </c>
      <c r="D432" s="5" t="s">
        <v>1152</v>
      </c>
      <c r="E432" s="5" t="s">
        <v>2981</v>
      </c>
      <c r="F432" s="6" t="s">
        <v>5</v>
      </c>
      <c r="G432" s="2" t="s">
        <v>2977</v>
      </c>
      <c r="H432" s="4" t="s">
        <v>9</v>
      </c>
      <c r="I432" s="5" t="s">
        <v>6</v>
      </c>
      <c r="J432" s="5" t="s">
        <v>2978</v>
      </c>
      <c r="K432" s="5" t="s">
        <v>2979</v>
      </c>
      <c r="L432" s="6" t="s">
        <v>5</v>
      </c>
      <c r="M432" s="2" t="s">
        <v>2982</v>
      </c>
      <c r="N432" s="3">
        <v>42522</v>
      </c>
      <c r="O432" s="3">
        <v>44896</v>
      </c>
      <c r="P432" s="3">
        <v>47087</v>
      </c>
    </row>
    <row r="433" spans="1:16" x14ac:dyDescent="0.15">
      <c r="A433" s="2" t="s">
        <v>49</v>
      </c>
      <c r="B433" s="2" t="s">
        <v>2983</v>
      </c>
      <c r="C433" s="4" t="s">
        <v>6</v>
      </c>
      <c r="D433" s="5" t="s">
        <v>755</v>
      </c>
      <c r="E433" s="5" t="s">
        <v>2984</v>
      </c>
      <c r="F433" s="6" t="s">
        <v>5</v>
      </c>
      <c r="G433" s="2" t="s">
        <v>2977</v>
      </c>
      <c r="H433" s="4" t="s">
        <v>9</v>
      </c>
      <c r="I433" s="5" t="s">
        <v>6</v>
      </c>
      <c r="J433" s="5" t="s">
        <v>2978</v>
      </c>
      <c r="K433" s="5" t="s">
        <v>2979</v>
      </c>
      <c r="L433" s="6" t="s">
        <v>5</v>
      </c>
      <c r="M433" s="2" t="s">
        <v>2985</v>
      </c>
      <c r="N433" s="3">
        <v>40529</v>
      </c>
      <c r="O433" s="3">
        <v>45017</v>
      </c>
      <c r="P433" s="3">
        <v>47208</v>
      </c>
    </row>
    <row r="434" spans="1:16" x14ac:dyDescent="0.15">
      <c r="A434" s="2" t="s">
        <v>49</v>
      </c>
      <c r="B434" s="2" t="s">
        <v>2986</v>
      </c>
      <c r="C434" s="4" t="s">
        <v>6</v>
      </c>
      <c r="D434" s="5" t="s">
        <v>1814</v>
      </c>
      <c r="E434" s="5" t="s">
        <v>2987</v>
      </c>
      <c r="F434" s="6" t="s">
        <v>5</v>
      </c>
      <c r="G434" s="2" t="s">
        <v>2977</v>
      </c>
      <c r="H434" s="4" t="s">
        <v>9</v>
      </c>
      <c r="I434" s="5" t="s">
        <v>6</v>
      </c>
      <c r="J434" s="5" t="s">
        <v>2978</v>
      </c>
      <c r="K434" s="5" t="s">
        <v>2979</v>
      </c>
      <c r="L434" s="6" t="s">
        <v>5</v>
      </c>
      <c r="M434" s="2" t="s">
        <v>2988</v>
      </c>
      <c r="N434" s="3">
        <v>43159</v>
      </c>
      <c r="O434" s="3">
        <v>45383</v>
      </c>
      <c r="P434" s="3">
        <v>47573</v>
      </c>
    </row>
    <row r="435" spans="1:16" x14ac:dyDescent="0.15">
      <c r="A435" s="2" t="s">
        <v>49</v>
      </c>
      <c r="B435" s="2" t="s">
        <v>1658</v>
      </c>
      <c r="C435" s="4" t="s">
        <v>6</v>
      </c>
      <c r="D435" s="5" t="s">
        <v>1659</v>
      </c>
      <c r="E435" s="5" t="s">
        <v>770</v>
      </c>
      <c r="F435" s="6" t="s">
        <v>5</v>
      </c>
      <c r="G435" s="2"/>
      <c r="H435" s="4"/>
      <c r="I435" s="5"/>
      <c r="J435" s="5"/>
      <c r="K435" s="5"/>
      <c r="L435" s="6"/>
      <c r="M435" s="2" t="s">
        <v>1660</v>
      </c>
      <c r="N435" s="3">
        <v>44429</v>
      </c>
      <c r="O435" s="3">
        <v>44429</v>
      </c>
      <c r="P435" s="3">
        <v>46873</v>
      </c>
    </row>
    <row r="436" spans="1:16" x14ac:dyDescent="0.15">
      <c r="A436" s="2" t="s">
        <v>16</v>
      </c>
      <c r="B436" s="2" t="s">
        <v>1658</v>
      </c>
      <c r="C436" s="4" t="s">
        <v>6</v>
      </c>
      <c r="D436" s="5" t="s">
        <v>1659</v>
      </c>
      <c r="E436" s="5" t="s">
        <v>770</v>
      </c>
      <c r="F436" s="6" t="s">
        <v>5</v>
      </c>
      <c r="G436" s="2"/>
      <c r="H436" s="4"/>
      <c r="I436" s="5"/>
      <c r="J436" s="5"/>
      <c r="K436" s="5"/>
      <c r="L436" s="6"/>
      <c r="M436" s="2" t="s">
        <v>1661</v>
      </c>
      <c r="N436" s="3">
        <v>45094</v>
      </c>
      <c r="O436" s="3">
        <v>45094</v>
      </c>
      <c r="P436" s="3">
        <v>47603</v>
      </c>
    </row>
    <row r="437" spans="1:16" x14ac:dyDescent="0.15">
      <c r="A437" s="2" t="s">
        <v>49</v>
      </c>
      <c r="B437" s="2" t="s">
        <v>1662</v>
      </c>
      <c r="C437" s="4" t="s">
        <v>6</v>
      </c>
      <c r="D437" s="5" t="s">
        <v>1410</v>
      </c>
      <c r="E437" s="5" t="s">
        <v>1663</v>
      </c>
      <c r="F437" s="6" t="s">
        <v>5</v>
      </c>
      <c r="G437" s="2"/>
      <c r="H437" s="4"/>
      <c r="I437" s="5"/>
      <c r="J437" s="5"/>
      <c r="K437" s="5"/>
      <c r="L437" s="6"/>
      <c r="M437" s="2" t="s">
        <v>1664</v>
      </c>
      <c r="N437" s="3">
        <v>34215</v>
      </c>
      <c r="O437" s="3">
        <v>44470</v>
      </c>
      <c r="P437" s="3">
        <v>46295</v>
      </c>
    </row>
    <row r="438" spans="1:16" x14ac:dyDescent="0.15">
      <c r="A438" s="2" t="s">
        <v>49</v>
      </c>
      <c r="B438" s="2" t="s">
        <v>2989</v>
      </c>
      <c r="C438" s="4" t="s">
        <v>6</v>
      </c>
      <c r="D438" s="5" t="s">
        <v>2990</v>
      </c>
      <c r="E438" s="5" t="s">
        <v>2991</v>
      </c>
      <c r="F438" s="6" t="s">
        <v>5</v>
      </c>
      <c r="G438" s="2" t="s">
        <v>2977</v>
      </c>
      <c r="H438" s="4" t="s">
        <v>9</v>
      </c>
      <c r="I438" s="5" t="s">
        <v>6</v>
      </c>
      <c r="J438" s="5" t="s">
        <v>2978</v>
      </c>
      <c r="K438" s="5" t="s">
        <v>2979</v>
      </c>
      <c r="L438" s="6" t="s">
        <v>5</v>
      </c>
      <c r="M438" s="2" t="s">
        <v>2992</v>
      </c>
      <c r="N438" s="3">
        <v>43522</v>
      </c>
      <c r="O438" s="3">
        <v>43522</v>
      </c>
      <c r="P438" s="3">
        <v>45838</v>
      </c>
    </row>
    <row r="439" spans="1:16" x14ac:dyDescent="0.15">
      <c r="A439" s="2" t="s">
        <v>49</v>
      </c>
      <c r="B439" s="2" t="s">
        <v>1671</v>
      </c>
      <c r="C439" s="4" t="s">
        <v>6</v>
      </c>
      <c r="D439" s="5" t="s">
        <v>1669</v>
      </c>
      <c r="E439" s="5" t="s">
        <v>1672</v>
      </c>
      <c r="F439" s="6" t="s">
        <v>5</v>
      </c>
      <c r="G439" s="2"/>
      <c r="H439" s="4"/>
      <c r="I439" s="5"/>
      <c r="J439" s="5"/>
      <c r="K439" s="5"/>
      <c r="L439" s="6"/>
      <c r="M439" s="2" t="s">
        <v>1673</v>
      </c>
      <c r="N439" s="3">
        <v>34078</v>
      </c>
      <c r="O439" s="3">
        <v>44470</v>
      </c>
      <c r="P439" s="3">
        <v>46295</v>
      </c>
    </row>
    <row r="440" spans="1:16" x14ac:dyDescent="0.15">
      <c r="A440" s="2" t="s">
        <v>49</v>
      </c>
      <c r="B440" s="2" t="s">
        <v>3008</v>
      </c>
      <c r="C440" s="4" t="s">
        <v>6</v>
      </c>
      <c r="D440" s="5" t="s">
        <v>3009</v>
      </c>
      <c r="E440" s="5" t="s">
        <v>3010</v>
      </c>
      <c r="F440" s="6" t="s">
        <v>5</v>
      </c>
      <c r="G440" s="2" t="s">
        <v>3005</v>
      </c>
      <c r="H440" s="4" t="s">
        <v>9</v>
      </c>
      <c r="I440" s="5" t="s">
        <v>1302</v>
      </c>
      <c r="J440" s="5" t="s">
        <v>3006</v>
      </c>
      <c r="K440" s="5" t="s">
        <v>3007</v>
      </c>
      <c r="L440" s="6" t="s">
        <v>5</v>
      </c>
      <c r="M440" s="2" t="s">
        <v>3011</v>
      </c>
      <c r="N440" s="3">
        <v>41542</v>
      </c>
      <c r="O440" s="3">
        <v>43739</v>
      </c>
      <c r="P440" s="3">
        <v>45565</v>
      </c>
    </row>
    <row r="441" spans="1:16" x14ac:dyDescent="0.15">
      <c r="A441" s="2" t="s">
        <v>49</v>
      </c>
      <c r="B441" s="2" t="s">
        <v>3012</v>
      </c>
      <c r="C441" s="4" t="s">
        <v>6</v>
      </c>
      <c r="D441" s="5" t="s">
        <v>588</v>
      </c>
      <c r="E441" s="5" t="s">
        <v>3013</v>
      </c>
      <c r="F441" s="6" t="s">
        <v>5</v>
      </c>
      <c r="G441" s="2" t="s">
        <v>3005</v>
      </c>
      <c r="H441" s="4" t="s">
        <v>9</v>
      </c>
      <c r="I441" s="5" t="s">
        <v>1302</v>
      </c>
      <c r="J441" s="5" t="s">
        <v>3006</v>
      </c>
      <c r="K441" s="5" t="s">
        <v>3007</v>
      </c>
      <c r="L441" s="6" t="s">
        <v>5</v>
      </c>
      <c r="M441" s="2" t="s">
        <v>3014</v>
      </c>
      <c r="N441" s="3">
        <v>43335</v>
      </c>
      <c r="O441" s="3">
        <v>43335</v>
      </c>
      <c r="P441" s="3">
        <v>45838</v>
      </c>
    </row>
    <row r="442" spans="1:16" x14ac:dyDescent="0.15">
      <c r="A442" s="2" t="s">
        <v>49</v>
      </c>
      <c r="B442" s="2" t="s">
        <v>3049</v>
      </c>
      <c r="C442" s="4" t="s">
        <v>6</v>
      </c>
      <c r="D442" s="5" t="s">
        <v>1669</v>
      </c>
      <c r="E442" s="5" t="s">
        <v>3050</v>
      </c>
      <c r="F442" s="6" t="s">
        <v>5</v>
      </c>
      <c r="G442" s="2" t="s">
        <v>3047</v>
      </c>
      <c r="H442" s="4" t="s">
        <v>29</v>
      </c>
      <c r="I442" s="5" t="s">
        <v>1887</v>
      </c>
      <c r="J442" s="5" t="s">
        <v>3048</v>
      </c>
      <c r="K442" s="5" t="s">
        <v>5</v>
      </c>
      <c r="L442" s="6" t="s">
        <v>5</v>
      </c>
      <c r="M442" s="2" t="s">
        <v>3051</v>
      </c>
      <c r="N442" s="3">
        <v>44490</v>
      </c>
      <c r="O442" s="3">
        <v>44490</v>
      </c>
      <c r="P442" s="3">
        <v>47026</v>
      </c>
    </row>
    <row r="443" spans="1:16" x14ac:dyDescent="0.15">
      <c r="A443" s="2" t="s">
        <v>49</v>
      </c>
      <c r="B443" s="2" t="s">
        <v>3052</v>
      </c>
      <c r="C443" s="4" t="s">
        <v>6</v>
      </c>
      <c r="D443" s="5" t="s">
        <v>1954</v>
      </c>
      <c r="E443" s="5" t="s">
        <v>3053</v>
      </c>
      <c r="F443" s="6" t="s">
        <v>3054</v>
      </c>
      <c r="G443" s="2" t="s">
        <v>3047</v>
      </c>
      <c r="H443" s="4" t="s">
        <v>29</v>
      </c>
      <c r="I443" s="5" t="s">
        <v>1887</v>
      </c>
      <c r="J443" s="5" t="s">
        <v>3048</v>
      </c>
      <c r="K443" s="5" t="s">
        <v>5</v>
      </c>
      <c r="L443" s="6" t="s">
        <v>5</v>
      </c>
      <c r="M443" s="2" t="s">
        <v>3055</v>
      </c>
      <c r="N443" s="3">
        <v>44866</v>
      </c>
      <c r="O443" s="3">
        <v>44866</v>
      </c>
      <c r="P443" s="3">
        <v>47087</v>
      </c>
    </row>
    <row r="444" spans="1:16" x14ac:dyDescent="0.15">
      <c r="A444" s="2" t="s">
        <v>49</v>
      </c>
      <c r="B444" s="2" t="s">
        <v>3056</v>
      </c>
      <c r="C444" s="4" t="s">
        <v>6</v>
      </c>
      <c r="D444" s="5" t="s">
        <v>1910</v>
      </c>
      <c r="E444" s="5" t="s">
        <v>3057</v>
      </c>
      <c r="F444" s="6" t="s">
        <v>5</v>
      </c>
      <c r="G444" s="2" t="s">
        <v>3047</v>
      </c>
      <c r="H444" s="4" t="s">
        <v>29</v>
      </c>
      <c r="I444" s="5" t="s">
        <v>1887</v>
      </c>
      <c r="J444" s="5" t="s">
        <v>3048</v>
      </c>
      <c r="K444" s="5" t="s">
        <v>5</v>
      </c>
      <c r="L444" s="6" t="s">
        <v>5</v>
      </c>
      <c r="M444" s="2" t="s">
        <v>3058</v>
      </c>
      <c r="N444" s="3">
        <v>41091</v>
      </c>
      <c r="O444" s="3">
        <v>45017</v>
      </c>
      <c r="P444" s="3">
        <v>46843</v>
      </c>
    </row>
    <row r="445" spans="1:16" x14ac:dyDescent="0.15">
      <c r="A445" s="2" t="s">
        <v>49</v>
      </c>
      <c r="B445" s="2" t="s">
        <v>3059</v>
      </c>
      <c r="C445" s="4" t="s">
        <v>6</v>
      </c>
      <c r="D445" s="5" t="s">
        <v>2933</v>
      </c>
      <c r="E445" s="5" t="s">
        <v>3060</v>
      </c>
      <c r="F445" s="6" t="s">
        <v>5</v>
      </c>
      <c r="G445" s="2" t="s">
        <v>3047</v>
      </c>
      <c r="H445" s="4" t="s">
        <v>29</v>
      </c>
      <c r="I445" s="5" t="s">
        <v>1887</v>
      </c>
      <c r="J445" s="5" t="s">
        <v>3048</v>
      </c>
      <c r="K445" s="5" t="s">
        <v>5</v>
      </c>
      <c r="L445" s="6" t="s">
        <v>5</v>
      </c>
      <c r="M445" s="2" t="s">
        <v>3061</v>
      </c>
      <c r="N445" s="3">
        <v>42825</v>
      </c>
      <c r="O445" s="3">
        <v>45261</v>
      </c>
      <c r="P445" s="3">
        <v>47452</v>
      </c>
    </row>
    <row r="446" spans="1:16" x14ac:dyDescent="0.15">
      <c r="A446" s="2" t="s">
        <v>16</v>
      </c>
      <c r="B446" s="2" t="s">
        <v>1691</v>
      </c>
      <c r="C446" s="4" t="s">
        <v>6</v>
      </c>
      <c r="D446" s="5" t="s">
        <v>1689</v>
      </c>
      <c r="E446" s="5" t="s">
        <v>1690</v>
      </c>
      <c r="F446" s="6" t="s">
        <v>5</v>
      </c>
      <c r="G446" s="2"/>
      <c r="H446" s="4"/>
      <c r="I446" s="5"/>
      <c r="J446" s="5"/>
      <c r="K446" s="5"/>
      <c r="L446" s="6"/>
      <c r="M446" s="2" t="s">
        <v>1692</v>
      </c>
      <c r="N446" s="3">
        <v>38659</v>
      </c>
      <c r="O446" s="3">
        <v>44470</v>
      </c>
      <c r="P446" s="3">
        <v>46295</v>
      </c>
    </row>
    <row r="447" spans="1:16" x14ac:dyDescent="0.15">
      <c r="A447" s="2" t="s">
        <v>49</v>
      </c>
      <c r="B447" s="2" t="s">
        <v>3062</v>
      </c>
      <c r="C447" s="4" t="s">
        <v>6</v>
      </c>
      <c r="D447" s="5" t="s">
        <v>3063</v>
      </c>
      <c r="E447" s="5" t="s">
        <v>3064</v>
      </c>
      <c r="F447" s="6" t="s">
        <v>5</v>
      </c>
      <c r="G447" s="2" t="s">
        <v>3047</v>
      </c>
      <c r="H447" s="4" t="s">
        <v>29</v>
      </c>
      <c r="I447" s="5" t="s">
        <v>1887</v>
      </c>
      <c r="J447" s="5" t="s">
        <v>3048</v>
      </c>
      <c r="K447" s="5" t="s">
        <v>5</v>
      </c>
      <c r="L447" s="6" t="s">
        <v>5</v>
      </c>
      <c r="M447" s="2" t="s">
        <v>3065</v>
      </c>
      <c r="N447" s="3">
        <v>45383</v>
      </c>
      <c r="O447" s="3">
        <v>45383</v>
      </c>
      <c r="P447" s="3">
        <v>47603</v>
      </c>
    </row>
    <row r="448" spans="1:16" x14ac:dyDescent="0.15">
      <c r="A448" s="2" t="s">
        <v>49</v>
      </c>
      <c r="B448" s="2" t="s">
        <v>1702</v>
      </c>
      <c r="C448" s="4" t="s">
        <v>6</v>
      </c>
      <c r="D448" s="5" t="s">
        <v>911</v>
      </c>
      <c r="E448" s="5" t="s">
        <v>1703</v>
      </c>
      <c r="F448" s="6" t="s">
        <v>1704</v>
      </c>
      <c r="G448" s="2"/>
      <c r="H448" s="4"/>
      <c r="I448" s="5"/>
      <c r="J448" s="5"/>
      <c r="K448" s="5"/>
      <c r="L448" s="6"/>
      <c r="M448" s="2" t="s">
        <v>1705</v>
      </c>
      <c r="N448" s="3">
        <v>42480</v>
      </c>
      <c r="O448" s="3">
        <v>44470</v>
      </c>
      <c r="P448" s="3">
        <v>46295</v>
      </c>
    </row>
    <row r="449" spans="1:16" x14ac:dyDescent="0.15">
      <c r="A449" s="2" t="s">
        <v>49</v>
      </c>
      <c r="B449" s="2" t="s">
        <v>1708</v>
      </c>
      <c r="C449" s="4" t="s">
        <v>6</v>
      </c>
      <c r="D449" s="5" t="s">
        <v>1706</v>
      </c>
      <c r="E449" s="5" t="s">
        <v>1707</v>
      </c>
      <c r="F449" s="6" t="s">
        <v>5</v>
      </c>
      <c r="G449" s="2"/>
      <c r="H449" s="4"/>
      <c r="I449" s="5"/>
      <c r="J449" s="5"/>
      <c r="K449" s="5"/>
      <c r="L449" s="6"/>
      <c r="M449" s="2" t="s">
        <v>1709</v>
      </c>
      <c r="N449" s="3">
        <v>42082</v>
      </c>
      <c r="O449" s="3">
        <v>44470</v>
      </c>
      <c r="P449" s="3">
        <v>46660</v>
      </c>
    </row>
    <row r="450" spans="1:16" x14ac:dyDescent="0.15">
      <c r="A450" s="2" t="s">
        <v>16</v>
      </c>
      <c r="B450" s="2" t="s">
        <v>1708</v>
      </c>
      <c r="C450" s="4" t="s">
        <v>6</v>
      </c>
      <c r="D450" s="5" t="s">
        <v>1706</v>
      </c>
      <c r="E450" s="5" t="s">
        <v>1707</v>
      </c>
      <c r="F450" s="6" t="s">
        <v>5</v>
      </c>
      <c r="G450" s="2"/>
      <c r="H450" s="4"/>
      <c r="I450" s="5"/>
      <c r="J450" s="5"/>
      <c r="K450" s="5"/>
      <c r="L450" s="6"/>
      <c r="M450" s="2" t="s">
        <v>1710</v>
      </c>
      <c r="N450" s="3">
        <v>42082</v>
      </c>
      <c r="O450" s="3">
        <v>44470</v>
      </c>
      <c r="P450" s="3">
        <v>46660</v>
      </c>
    </row>
    <row r="451" spans="1:16" x14ac:dyDescent="0.15">
      <c r="A451" s="2" t="s">
        <v>49</v>
      </c>
      <c r="B451" s="2" t="s">
        <v>1711</v>
      </c>
      <c r="C451" s="4" t="s">
        <v>6</v>
      </c>
      <c r="D451" s="5" t="s">
        <v>911</v>
      </c>
      <c r="E451" s="5" t="s">
        <v>1712</v>
      </c>
      <c r="F451" s="6" t="s">
        <v>5</v>
      </c>
      <c r="G451" s="2"/>
      <c r="H451" s="4"/>
      <c r="I451" s="5"/>
      <c r="J451" s="5"/>
      <c r="K451" s="5"/>
      <c r="L451" s="6"/>
      <c r="M451" s="2" t="s">
        <v>1713</v>
      </c>
      <c r="N451" s="3">
        <v>36770</v>
      </c>
      <c r="O451" s="3">
        <v>44470</v>
      </c>
      <c r="P451" s="3">
        <v>46295</v>
      </c>
    </row>
    <row r="452" spans="1:16" x14ac:dyDescent="0.15">
      <c r="A452" s="2" t="s">
        <v>49</v>
      </c>
      <c r="B452" s="2" t="s">
        <v>1715</v>
      </c>
      <c r="C452" s="4" t="s">
        <v>6</v>
      </c>
      <c r="D452" s="5" t="s">
        <v>140</v>
      </c>
      <c r="E452" s="5" t="s">
        <v>1714</v>
      </c>
      <c r="F452" s="6" t="s">
        <v>5</v>
      </c>
      <c r="G452" s="2"/>
      <c r="H452" s="4"/>
      <c r="I452" s="5"/>
      <c r="J452" s="5"/>
      <c r="K452" s="5"/>
      <c r="L452" s="6"/>
      <c r="M452" s="2" t="s">
        <v>1716</v>
      </c>
      <c r="N452" s="3">
        <v>38324</v>
      </c>
      <c r="O452" s="3">
        <v>44470</v>
      </c>
      <c r="P452" s="3">
        <v>46660</v>
      </c>
    </row>
    <row r="453" spans="1:16" x14ac:dyDescent="0.15">
      <c r="A453" s="2" t="s">
        <v>49</v>
      </c>
      <c r="B453" s="2" t="s">
        <v>1719</v>
      </c>
      <c r="C453" s="4" t="s">
        <v>6</v>
      </c>
      <c r="D453" s="5" t="s">
        <v>1717</v>
      </c>
      <c r="E453" s="5" t="s">
        <v>1718</v>
      </c>
      <c r="F453" s="6" t="s">
        <v>5</v>
      </c>
      <c r="G453" s="2"/>
      <c r="H453" s="4"/>
      <c r="I453" s="5"/>
      <c r="J453" s="5"/>
      <c r="K453" s="5"/>
      <c r="L453" s="6"/>
      <c r="M453" s="2" t="s">
        <v>1720</v>
      </c>
      <c r="N453" s="3">
        <v>42644</v>
      </c>
      <c r="O453" s="3">
        <v>44470</v>
      </c>
      <c r="P453" s="3">
        <v>46295</v>
      </c>
    </row>
    <row r="454" spans="1:16" x14ac:dyDescent="0.15">
      <c r="A454" s="2" t="s">
        <v>49</v>
      </c>
      <c r="B454" s="2" t="s">
        <v>1722</v>
      </c>
      <c r="C454" s="4" t="s">
        <v>6</v>
      </c>
      <c r="D454" s="5" t="s">
        <v>608</v>
      </c>
      <c r="E454" s="5" t="s">
        <v>1723</v>
      </c>
      <c r="F454" s="6" t="s">
        <v>1724</v>
      </c>
      <c r="G454" s="2"/>
      <c r="H454" s="4"/>
      <c r="I454" s="5"/>
      <c r="J454" s="5"/>
      <c r="K454" s="5"/>
      <c r="L454" s="6"/>
      <c r="M454" s="2" t="s">
        <v>1725</v>
      </c>
      <c r="N454" s="3">
        <v>44428</v>
      </c>
      <c r="O454" s="3">
        <v>44428</v>
      </c>
      <c r="P454" s="3">
        <v>46721</v>
      </c>
    </row>
    <row r="455" spans="1:16" x14ac:dyDescent="0.15">
      <c r="A455" s="2" t="s">
        <v>16</v>
      </c>
      <c r="B455" s="2" t="s">
        <v>1728</v>
      </c>
      <c r="C455" s="4" t="s">
        <v>6</v>
      </c>
      <c r="D455" s="5" t="s">
        <v>1726</v>
      </c>
      <c r="E455" s="5" t="s">
        <v>1727</v>
      </c>
      <c r="F455" s="6" t="s">
        <v>5</v>
      </c>
      <c r="G455" s="2"/>
      <c r="H455" s="4"/>
      <c r="I455" s="5"/>
      <c r="J455" s="5"/>
      <c r="K455" s="5"/>
      <c r="L455" s="6"/>
      <c r="M455" s="2" t="s">
        <v>1729</v>
      </c>
      <c r="N455" s="3">
        <v>33740</v>
      </c>
      <c r="O455" s="3">
        <v>44501</v>
      </c>
      <c r="P455" s="3">
        <v>46326</v>
      </c>
    </row>
    <row r="456" spans="1:16" x14ac:dyDescent="0.15">
      <c r="A456" s="2" t="s">
        <v>858</v>
      </c>
      <c r="B456" s="2" t="s">
        <v>1728</v>
      </c>
      <c r="C456" s="4" t="s">
        <v>6</v>
      </c>
      <c r="D456" s="5" t="s">
        <v>1726</v>
      </c>
      <c r="E456" s="5" t="s">
        <v>1727</v>
      </c>
      <c r="F456" s="6" t="s">
        <v>5</v>
      </c>
      <c r="G456" s="2"/>
      <c r="H456" s="4"/>
      <c r="I456" s="5"/>
      <c r="J456" s="5"/>
      <c r="K456" s="5"/>
      <c r="L456" s="6"/>
      <c r="M456" s="2" t="s">
        <v>1730</v>
      </c>
      <c r="N456" s="3">
        <v>35201</v>
      </c>
      <c r="O456" s="3">
        <v>44501</v>
      </c>
      <c r="P456" s="3">
        <v>46326</v>
      </c>
    </row>
    <row r="457" spans="1:16" x14ac:dyDescent="0.15">
      <c r="A457" s="2" t="s">
        <v>49</v>
      </c>
      <c r="B457" s="2" t="s">
        <v>1731</v>
      </c>
      <c r="C457" s="4" t="s">
        <v>6</v>
      </c>
      <c r="D457" s="5" t="s">
        <v>1027</v>
      </c>
      <c r="E457" s="5" t="s">
        <v>1732</v>
      </c>
      <c r="F457" s="6" t="s">
        <v>1733</v>
      </c>
      <c r="G457" s="2"/>
      <c r="H457" s="4"/>
      <c r="I457" s="5"/>
      <c r="J457" s="5"/>
      <c r="K457" s="5"/>
      <c r="L457" s="6"/>
      <c r="M457" s="2" t="s">
        <v>1734</v>
      </c>
      <c r="N457" s="3">
        <v>44432</v>
      </c>
      <c r="O457" s="3">
        <v>44432</v>
      </c>
      <c r="P457" s="3">
        <v>46356</v>
      </c>
    </row>
    <row r="458" spans="1:16" x14ac:dyDescent="0.15">
      <c r="A458" s="2" t="s">
        <v>49</v>
      </c>
      <c r="B458" s="2" t="s">
        <v>3076</v>
      </c>
      <c r="C458" s="4" t="s">
        <v>6</v>
      </c>
      <c r="D458" s="5" t="s">
        <v>3077</v>
      </c>
      <c r="E458" s="5" t="s">
        <v>3078</v>
      </c>
      <c r="F458" s="6" t="s">
        <v>5</v>
      </c>
      <c r="G458" s="2" t="s">
        <v>3073</v>
      </c>
      <c r="H458" s="4" t="s">
        <v>29</v>
      </c>
      <c r="I458" s="5" t="s">
        <v>30</v>
      </c>
      <c r="J458" s="5" t="s">
        <v>3074</v>
      </c>
      <c r="K458" s="5" t="s">
        <v>3075</v>
      </c>
      <c r="L458" s="6" t="s">
        <v>5</v>
      </c>
      <c r="M458" s="2" t="s">
        <v>3079</v>
      </c>
      <c r="N458" s="3">
        <v>44520</v>
      </c>
      <c r="O458" s="3">
        <v>44520</v>
      </c>
      <c r="P458" s="3">
        <v>47391</v>
      </c>
    </row>
    <row r="459" spans="1:16" x14ac:dyDescent="0.15">
      <c r="A459" s="2" t="s">
        <v>49</v>
      </c>
      <c r="B459" s="2" t="s">
        <v>3112</v>
      </c>
      <c r="C459" s="4" t="s">
        <v>6</v>
      </c>
      <c r="D459" s="5" t="s">
        <v>627</v>
      </c>
      <c r="E459" s="5" t="s">
        <v>3113</v>
      </c>
      <c r="F459" s="6" t="s">
        <v>5</v>
      </c>
      <c r="G459" s="2" t="s">
        <v>3109</v>
      </c>
      <c r="H459" s="4" t="s">
        <v>1273</v>
      </c>
      <c r="I459" s="5" t="s">
        <v>3110</v>
      </c>
      <c r="J459" s="5" t="s">
        <v>3111</v>
      </c>
      <c r="K459" s="5" t="s">
        <v>5</v>
      </c>
      <c r="L459" s="6" t="s">
        <v>5</v>
      </c>
      <c r="M459" s="2" t="s">
        <v>3114</v>
      </c>
      <c r="N459" s="3">
        <v>44993</v>
      </c>
      <c r="O459" s="3">
        <v>44993</v>
      </c>
      <c r="P459" s="3">
        <v>47208</v>
      </c>
    </row>
    <row r="460" spans="1:16" x14ac:dyDescent="0.15">
      <c r="A460" s="2" t="s">
        <v>49</v>
      </c>
      <c r="B460" s="2" t="s">
        <v>3115</v>
      </c>
      <c r="C460" s="4" t="s">
        <v>6</v>
      </c>
      <c r="D460" s="5" t="s">
        <v>3116</v>
      </c>
      <c r="E460" s="5" t="s">
        <v>3117</v>
      </c>
      <c r="F460" s="6" t="s">
        <v>5</v>
      </c>
      <c r="G460" s="2" t="s">
        <v>3109</v>
      </c>
      <c r="H460" s="4" t="s">
        <v>1273</v>
      </c>
      <c r="I460" s="5" t="s">
        <v>3110</v>
      </c>
      <c r="J460" s="5" t="s">
        <v>3111</v>
      </c>
      <c r="K460" s="5" t="s">
        <v>5</v>
      </c>
      <c r="L460" s="6" t="s">
        <v>5</v>
      </c>
      <c r="M460" s="2" t="s">
        <v>3118</v>
      </c>
      <c r="N460" s="3">
        <v>45328</v>
      </c>
      <c r="O460" s="3">
        <v>45328</v>
      </c>
      <c r="P460" s="3">
        <v>47756</v>
      </c>
    </row>
    <row r="461" spans="1:16" x14ac:dyDescent="0.15">
      <c r="A461" s="2" t="s">
        <v>49</v>
      </c>
      <c r="B461" s="2" t="s">
        <v>3142</v>
      </c>
      <c r="C461" s="4" t="s">
        <v>6</v>
      </c>
      <c r="D461" s="5" t="s">
        <v>3143</v>
      </c>
      <c r="E461" s="5" t="s">
        <v>5</v>
      </c>
      <c r="F461" s="6" t="s">
        <v>3144</v>
      </c>
      <c r="G461" s="2" t="s">
        <v>3140</v>
      </c>
      <c r="H461" s="4" t="s">
        <v>9</v>
      </c>
      <c r="I461" s="5" t="s">
        <v>6</v>
      </c>
      <c r="J461" s="5" t="s">
        <v>3141</v>
      </c>
      <c r="K461" s="5" t="s">
        <v>5</v>
      </c>
      <c r="L461" s="6" t="s">
        <v>5</v>
      </c>
      <c r="M461" s="2" t="s">
        <v>3145</v>
      </c>
      <c r="N461" s="3">
        <v>44501</v>
      </c>
      <c r="O461" s="3">
        <v>44501</v>
      </c>
      <c r="P461" s="3">
        <v>46843</v>
      </c>
    </row>
    <row r="462" spans="1:16" x14ac:dyDescent="0.15">
      <c r="A462" s="2" t="s">
        <v>49</v>
      </c>
      <c r="B462" s="2" t="s">
        <v>3149</v>
      </c>
      <c r="C462" s="4" t="s">
        <v>6</v>
      </c>
      <c r="D462" s="5" t="s">
        <v>456</v>
      </c>
      <c r="E462" s="5" t="s">
        <v>520</v>
      </c>
      <c r="F462" s="6" t="s">
        <v>5</v>
      </c>
      <c r="G462" s="2" t="s">
        <v>3140</v>
      </c>
      <c r="H462" s="4" t="s">
        <v>9</v>
      </c>
      <c r="I462" s="5" t="s">
        <v>6</v>
      </c>
      <c r="J462" s="5" t="s">
        <v>3141</v>
      </c>
      <c r="K462" s="5" t="s">
        <v>5</v>
      </c>
      <c r="L462" s="6" t="s">
        <v>5</v>
      </c>
      <c r="M462" s="2" t="s">
        <v>3150</v>
      </c>
      <c r="N462" s="3">
        <v>45135</v>
      </c>
      <c r="O462" s="3">
        <v>45135</v>
      </c>
      <c r="P462" s="3">
        <v>47269</v>
      </c>
    </row>
    <row r="463" spans="1:16" x14ac:dyDescent="0.15">
      <c r="A463" s="2" t="s">
        <v>49</v>
      </c>
      <c r="B463" s="2" t="s">
        <v>3156</v>
      </c>
      <c r="C463" s="4" t="s">
        <v>6</v>
      </c>
      <c r="D463" s="5" t="s">
        <v>179</v>
      </c>
      <c r="E463" s="5" t="s">
        <v>180</v>
      </c>
      <c r="F463" s="6" t="s">
        <v>3157</v>
      </c>
      <c r="G463" s="2" t="s">
        <v>3151</v>
      </c>
      <c r="H463" s="4" t="s">
        <v>3152</v>
      </c>
      <c r="I463" s="5" t="s">
        <v>3153</v>
      </c>
      <c r="J463" s="5" t="s">
        <v>3154</v>
      </c>
      <c r="K463" s="5" t="s">
        <v>3155</v>
      </c>
      <c r="L463" s="6" t="s">
        <v>5</v>
      </c>
      <c r="M463" s="2" t="s">
        <v>3158</v>
      </c>
      <c r="N463" s="3">
        <v>44909</v>
      </c>
      <c r="O463" s="3">
        <v>44909</v>
      </c>
      <c r="P463" s="3">
        <v>47756</v>
      </c>
    </row>
    <row r="464" spans="1:16" x14ac:dyDescent="0.15">
      <c r="A464" s="2" t="s">
        <v>49</v>
      </c>
      <c r="B464" s="2" t="s">
        <v>3159</v>
      </c>
      <c r="C464" s="4" t="s">
        <v>6</v>
      </c>
      <c r="D464" s="5" t="s">
        <v>755</v>
      </c>
      <c r="E464" s="5" t="s">
        <v>3160</v>
      </c>
      <c r="F464" s="6" t="s">
        <v>5</v>
      </c>
      <c r="G464" s="2" t="s">
        <v>3151</v>
      </c>
      <c r="H464" s="4" t="s">
        <v>3152</v>
      </c>
      <c r="I464" s="5" t="s">
        <v>3153</v>
      </c>
      <c r="J464" s="5" t="s">
        <v>3154</v>
      </c>
      <c r="K464" s="5" t="s">
        <v>3155</v>
      </c>
      <c r="L464" s="6" t="s">
        <v>5</v>
      </c>
      <c r="M464" s="2" t="s">
        <v>3161</v>
      </c>
      <c r="N464" s="3">
        <v>36252</v>
      </c>
      <c r="O464" s="3">
        <v>45017</v>
      </c>
      <c r="P464" s="3">
        <v>47208</v>
      </c>
    </row>
    <row r="465" spans="1:16" x14ac:dyDescent="0.15">
      <c r="A465" s="2" t="s">
        <v>49</v>
      </c>
      <c r="B465" s="2" t="s">
        <v>3170</v>
      </c>
      <c r="C465" s="4" t="s">
        <v>6</v>
      </c>
      <c r="D465" s="5" t="s">
        <v>3171</v>
      </c>
      <c r="E465" s="5" t="s">
        <v>5</v>
      </c>
      <c r="F465" s="6" t="s">
        <v>3172</v>
      </c>
      <c r="G465" s="2" t="s">
        <v>3167</v>
      </c>
      <c r="H465" s="4" t="s">
        <v>29</v>
      </c>
      <c r="I465" s="5" t="s">
        <v>3168</v>
      </c>
      <c r="J465" s="5" t="s">
        <v>3169</v>
      </c>
      <c r="K465" s="5" t="s">
        <v>5</v>
      </c>
      <c r="L465" s="6" t="s">
        <v>5</v>
      </c>
      <c r="M465" s="2" t="s">
        <v>3173</v>
      </c>
      <c r="N465" s="3">
        <v>42073</v>
      </c>
      <c r="O465" s="3">
        <v>44531</v>
      </c>
      <c r="P465" s="3">
        <v>46721</v>
      </c>
    </row>
    <row r="466" spans="1:16" x14ac:dyDescent="0.15">
      <c r="A466" s="2" t="s">
        <v>36</v>
      </c>
      <c r="B466" s="2" t="s">
        <v>1765</v>
      </c>
      <c r="C466" s="4" t="s">
        <v>6</v>
      </c>
      <c r="D466" s="5" t="s">
        <v>1766</v>
      </c>
      <c r="E466" s="5" t="s">
        <v>1767</v>
      </c>
      <c r="F466" s="6" t="s">
        <v>1768</v>
      </c>
      <c r="G466" s="2"/>
      <c r="H466" s="4"/>
      <c r="I466" s="5"/>
      <c r="J466" s="5"/>
      <c r="K466" s="5"/>
      <c r="L466" s="6"/>
      <c r="M466" s="2" t="s">
        <v>1769</v>
      </c>
      <c r="N466" s="3">
        <v>44433</v>
      </c>
      <c r="O466" s="3">
        <v>44433</v>
      </c>
      <c r="P466" s="3">
        <v>46843</v>
      </c>
    </row>
    <row r="467" spans="1:16" x14ac:dyDescent="0.15">
      <c r="A467" s="2" t="s">
        <v>66</v>
      </c>
      <c r="B467" s="2" t="s">
        <v>1765</v>
      </c>
      <c r="C467" s="4" t="s">
        <v>6</v>
      </c>
      <c r="D467" s="5" t="s">
        <v>1766</v>
      </c>
      <c r="E467" s="5" t="s">
        <v>1767</v>
      </c>
      <c r="F467" s="6" t="s">
        <v>1768</v>
      </c>
      <c r="G467" s="2"/>
      <c r="H467" s="4"/>
      <c r="I467" s="5"/>
      <c r="J467" s="5"/>
      <c r="K467" s="5"/>
      <c r="L467" s="6"/>
      <c r="M467" s="2" t="s">
        <v>1770</v>
      </c>
      <c r="N467" s="3">
        <v>43116</v>
      </c>
      <c r="O467" s="3">
        <v>44652</v>
      </c>
      <c r="P467" s="3">
        <v>46843</v>
      </c>
    </row>
    <row r="468" spans="1:16" x14ac:dyDescent="0.15">
      <c r="A468" s="2" t="s">
        <v>42</v>
      </c>
      <c r="B468" s="2" t="s">
        <v>1765</v>
      </c>
      <c r="C468" s="4" t="s">
        <v>6</v>
      </c>
      <c r="D468" s="5" t="s">
        <v>1766</v>
      </c>
      <c r="E468" s="5" t="s">
        <v>1767</v>
      </c>
      <c r="F468" s="6" t="s">
        <v>1768</v>
      </c>
      <c r="G468" s="2"/>
      <c r="H468" s="4"/>
      <c r="I468" s="5"/>
      <c r="J468" s="5"/>
      <c r="K468" s="5"/>
      <c r="L468" s="6"/>
      <c r="M468" s="2" t="s">
        <v>1771</v>
      </c>
      <c r="N468" s="3">
        <v>42346</v>
      </c>
      <c r="O468" s="3">
        <v>44652</v>
      </c>
      <c r="P468" s="3">
        <v>46843</v>
      </c>
    </row>
    <row r="469" spans="1:16" x14ac:dyDescent="0.15">
      <c r="A469" s="2" t="s">
        <v>49</v>
      </c>
      <c r="B469" s="2" t="s">
        <v>1772</v>
      </c>
      <c r="C469" s="4" t="s">
        <v>6</v>
      </c>
      <c r="D469" s="5" t="s">
        <v>1773</v>
      </c>
      <c r="E469" s="5" t="s">
        <v>1751</v>
      </c>
      <c r="F469" s="6" t="s">
        <v>1774</v>
      </c>
      <c r="G469" s="2"/>
      <c r="H469" s="4"/>
      <c r="I469" s="5"/>
      <c r="J469" s="5"/>
      <c r="K469" s="5"/>
      <c r="L469" s="6"/>
      <c r="M469" s="2" t="s">
        <v>1775</v>
      </c>
      <c r="N469" s="3">
        <v>44796</v>
      </c>
      <c r="O469" s="3">
        <v>44796</v>
      </c>
      <c r="P469" s="3">
        <v>47238</v>
      </c>
    </row>
    <row r="470" spans="1:16" x14ac:dyDescent="0.15">
      <c r="A470" s="2" t="s">
        <v>49</v>
      </c>
      <c r="B470" s="2" t="s">
        <v>3183</v>
      </c>
      <c r="C470" s="4" t="s">
        <v>6</v>
      </c>
      <c r="D470" s="5" t="s">
        <v>456</v>
      </c>
      <c r="E470" s="5" t="s">
        <v>520</v>
      </c>
      <c r="F470" s="6" t="s">
        <v>5</v>
      </c>
      <c r="G470" s="2" t="s">
        <v>3181</v>
      </c>
      <c r="H470" s="4" t="s">
        <v>9</v>
      </c>
      <c r="I470" s="5" t="s">
        <v>6</v>
      </c>
      <c r="J470" s="5" t="s">
        <v>91</v>
      </c>
      <c r="K470" s="5" t="s">
        <v>3182</v>
      </c>
      <c r="L470" s="6" t="s">
        <v>5</v>
      </c>
      <c r="M470" s="2" t="s">
        <v>3184</v>
      </c>
      <c r="N470" s="3">
        <v>44497</v>
      </c>
      <c r="O470" s="3">
        <v>44497</v>
      </c>
      <c r="P470" s="3">
        <v>46538</v>
      </c>
    </row>
    <row r="471" spans="1:16" x14ac:dyDescent="0.15">
      <c r="A471" s="2" t="s">
        <v>49</v>
      </c>
      <c r="B471" s="2" t="s">
        <v>3199</v>
      </c>
      <c r="C471" s="4" t="s">
        <v>6</v>
      </c>
      <c r="D471" s="5" t="s">
        <v>456</v>
      </c>
      <c r="E471" s="5" t="s">
        <v>520</v>
      </c>
      <c r="F471" s="6" t="s">
        <v>5</v>
      </c>
      <c r="G471" s="2" t="s">
        <v>3197</v>
      </c>
      <c r="H471" s="4" t="s">
        <v>9</v>
      </c>
      <c r="I471" s="5" t="s">
        <v>6</v>
      </c>
      <c r="J471" s="5" t="s">
        <v>3198</v>
      </c>
      <c r="K471" s="5" t="s">
        <v>5</v>
      </c>
      <c r="L471" s="6" t="s">
        <v>5</v>
      </c>
      <c r="M471" s="2" t="s">
        <v>3200</v>
      </c>
      <c r="N471" s="3">
        <v>43175</v>
      </c>
      <c r="O471" s="3">
        <v>45078</v>
      </c>
      <c r="P471" s="3">
        <v>46904</v>
      </c>
    </row>
    <row r="472" spans="1:16" x14ac:dyDescent="0.15">
      <c r="A472" s="2" t="s">
        <v>49</v>
      </c>
      <c r="B472" s="2" t="s">
        <v>3219</v>
      </c>
      <c r="C472" s="4" t="s">
        <v>6</v>
      </c>
      <c r="D472" s="5" t="s">
        <v>1250</v>
      </c>
      <c r="E472" s="5" t="s">
        <v>3221</v>
      </c>
      <c r="F472" s="6" t="s">
        <v>3222</v>
      </c>
      <c r="G472" s="2" t="s">
        <v>3219</v>
      </c>
      <c r="H472" s="4" t="s">
        <v>9</v>
      </c>
      <c r="I472" s="5" t="s">
        <v>6</v>
      </c>
      <c r="J472" s="5" t="s">
        <v>1250</v>
      </c>
      <c r="K472" s="5" t="s">
        <v>3220</v>
      </c>
      <c r="L472" s="6" t="s">
        <v>5</v>
      </c>
      <c r="M472" s="2" t="s">
        <v>3223</v>
      </c>
      <c r="N472" s="3">
        <v>37742</v>
      </c>
      <c r="O472" s="3">
        <v>44652</v>
      </c>
      <c r="P472" s="3">
        <v>46843</v>
      </c>
    </row>
    <row r="473" spans="1:16" x14ac:dyDescent="0.15">
      <c r="A473" s="2" t="s">
        <v>49</v>
      </c>
      <c r="B473" s="2" t="s">
        <v>3244</v>
      </c>
      <c r="C473" s="4" t="s">
        <v>6</v>
      </c>
      <c r="D473" s="5" t="s">
        <v>3245</v>
      </c>
      <c r="E473" s="5" t="s">
        <v>1732</v>
      </c>
      <c r="F473" s="6" t="s">
        <v>5</v>
      </c>
      <c r="G473" s="2" t="s">
        <v>3241</v>
      </c>
      <c r="H473" s="4" t="s">
        <v>9</v>
      </c>
      <c r="I473" s="5" t="s">
        <v>2449</v>
      </c>
      <c r="J473" s="5" t="s">
        <v>3242</v>
      </c>
      <c r="K473" s="5" t="s">
        <v>3243</v>
      </c>
      <c r="L473" s="6" t="s">
        <v>5</v>
      </c>
      <c r="M473" s="2" t="s">
        <v>3246</v>
      </c>
      <c r="N473" s="3">
        <v>44531</v>
      </c>
      <c r="O473" s="3">
        <v>44531</v>
      </c>
      <c r="P473" s="3">
        <v>46934</v>
      </c>
    </row>
    <row r="474" spans="1:16" x14ac:dyDescent="0.15">
      <c r="A474" s="2" t="s">
        <v>49</v>
      </c>
      <c r="B474" s="2" t="s">
        <v>1799</v>
      </c>
      <c r="C474" s="4" t="s">
        <v>6</v>
      </c>
      <c r="D474" s="5" t="s">
        <v>1800</v>
      </c>
      <c r="E474" s="5" t="s">
        <v>5</v>
      </c>
      <c r="F474" s="6" t="s">
        <v>5</v>
      </c>
      <c r="G474" s="2"/>
      <c r="H474" s="4"/>
      <c r="I474" s="5"/>
      <c r="J474" s="5"/>
      <c r="K474" s="5"/>
      <c r="L474" s="6"/>
      <c r="M474" s="2" t="s">
        <v>1801</v>
      </c>
      <c r="N474" s="3">
        <v>33702</v>
      </c>
      <c r="O474" s="3">
        <v>44501</v>
      </c>
      <c r="P474" s="3">
        <v>46326</v>
      </c>
    </row>
    <row r="475" spans="1:16" x14ac:dyDescent="0.15">
      <c r="A475" s="2" t="s">
        <v>49</v>
      </c>
      <c r="B475" s="2" t="s">
        <v>3261</v>
      </c>
      <c r="C475" s="4" t="s">
        <v>6</v>
      </c>
      <c r="D475" s="5" t="s">
        <v>3259</v>
      </c>
      <c r="E475" s="5" t="s">
        <v>3260</v>
      </c>
      <c r="F475" s="6" t="s">
        <v>767</v>
      </c>
      <c r="G475" s="2" t="s">
        <v>3258</v>
      </c>
      <c r="H475" s="4" t="s">
        <v>9</v>
      </c>
      <c r="I475" s="5" t="s">
        <v>6</v>
      </c>
      <c r="J475" s="5" t="s">
        <v>3259</v>
      </c>
      <c r="K475" s="5" t="s">
        <v>3260</v>
      </c>
      <c r="L475" s="6" t="s">
        <v>5</v>
      </c>
      <c r="M475" s="2" t="s">
        <v>3262</v>
      </c>
      <c r="N475" s="3">
        <v>44502</v>
      </c>
      <c r="O475" s="3">
        <v>44502</v>
      </c>
      <c r="P475" s="3">
        <v>46507</v>
      </c>
    </row>
    <row r="476" spans="1:16" x14ac:dyDescent="0.15">
      <c r="A476" s="2" t="s">
        <v>49</v>
      </c>
      <c r="B476" s="2" t="s">
        <v>1808</v>
      </c>
      <c r="C476" s="4" t="s">
        <v>6</v>
      </c>
      <c r="D476" s="5" t="s">
        <v>140</v>
      </c>
      <c r="E476" s="5" t="s">
        <v>1807</v>
      </c>
      <c r="F476" s="6" t="s">
        <v>5</v>
      </c>
      <c r="G476" s="2"/>
      <c r="H476" s="4"/>
      <c r="I476" s="5"/>
      <c r="J476" s="5"/>
      <c r="K476" s="5"/>
      <c r="L476" s="6"/>
      <c r="M476" s="2" t="s">
        <v>1809</v>
      </c>
      <c r="N476" s="3">
        <v>34070</v>
      </c>
      <c r="O476" s="3">
        <v>44470</v>
      </c>
      <c r="P476" s="3">
        <v>46295</v>
      </c>
    </row>
    <row r="477" spans="1:16" x14ac:dyDescent="0.15">
      <c r="A477" s="2" t="s">
        <v>49</v>
      </c>
      <c r="B477" s="2" t="s">
        <v>1811</v>
      </c>
      <c r="C477" s="4" t="s">
        <v>6</v>
      </c>
      <c r="D477" s="5" t="s">
        <v>1810</v>
      </c>
      <c r="E477" s="5" t="s">
        <v>1812</v>
      </c>
      <c r="F477" s="6" t="s">
        <v>5</v>
      </c>
      <c r="G477" s="2"/>
      <c r="H477" s="4"/>
      <c r="I477" s="5"/>
      <c r="J477" s="5"/>
      <c r="K477" s="5"/>
      <c r="L477" s="6"/>
      <c r="M477" s="2" t="s">
        <v>1813</v>
      </c>
      <c r="N477" s="3">
        <v>35507</v>
      </c>
      <c r="O477" s="3">
        <v>44470</v>
      </c>
      <c r="P477" s="3">
        <v>46295</v>
      </c>
    </row>
    <row r="478" spans="1:16" x14ac:dyDescent="0.15">
      <c r="A478" s="2" t="s">
        <v>49</v>
      </c>
      <c r="B478" s="2" t="s">
        <v>1815</v>
      </c>
      <c r="C478" s="4" t="s">
        <v>6</v>
      </c>
      <c r="D478" s="5" t="s">
        <v>230</v>
      </c>
      <c r="E478" s="5" t="s">
        <v>1816</v>
      </c>
      <c r="F478" s="6" t="s">
        <v>5</v>
      </c>
      <c r="G478" s="2"/>
      <c r="H478" s="4"/>
      <c r="I478" s="5"/>
      <c r="J478" s="5"/>
      <c r="K478" s="5"/>
      <c r="L478" s="6"/>
      <c r="M478" s="2" t="s">
        <v>1817</v>
      </c>
      <c r="N478" s="3">
        <v>40289</v>
      </c>
      <c r="O478" s="3">
        <v>44470</v>
      </c>
      <c r="P478" s="3">
        <v>46295</v>
      </c>
    </row>
    <row r="479" spans="1:16" x14ac:dyDescent="0.15">
      <c r="A479" s="2" t="s">
        <v>49</v>
      </c>
      <c r="B479" s="2" t="s">
        <v>1819</v>
      </c>
      <c r="C479" s="4" t="s">
        <v>6</v>
      </c>
      <c r="D479" s="5" t="s">
        <v>1758</v>
      </c>
      <c r="E479" s="5" t="s">
        <v>1818</v>
      </c>
      <c r="F479" s="6" t="s">
        <v>5</v>
      </c>
      <c r="G479" s="2"/>
      <c r="H479" s="4"/>
      <c r="I479" s="5"/>
      <c r="J479" s="5"/>
      <c r="K479" s="5"/>
      <c r="L479" s="6"/>
      <c r="M479" s="2" t="s">
        <v>1820</v>
      </c>
      <c r="N479" s="3">
        <v>33595</v>
      </c>
      <c r="O479" s="3">
        <v>44470</v>
      </c>
      <c r="P479" s="3">
        <v>46660</v>
      </c>
    </row>
    <row r="480" spans="1:16" x14ac:dyDescent="0.15">
      <c r="A480" s="2" t="s">
        <v>49</v>
      </c>
      <c r="B480" s="2" t="s">
        <v>1822</v>
      </c>
      <c r="C480" s="4" t="s">
        <v>6</v>
      </c>
      <c r="D480" s="5" t="s">
        <v>1823</v>
      </c>
      <c r="E480" s="5" t="s">
        <v>1821</v>
      </c>
      <c r="F480" s="6" t="s">
        <v>5</v>
      </c>
      <c r="G480" s="2"/>
      <c r="H480" s="4"/>
      <c r="I480" s="5"/>
      <c r="J480" s="5"/>
      <c r="K480" s="5"/>
      <c r="L480" s="6"/>
      <c r="M480" s="2" t="s">
        <v>1824</v>
      </c>
      <c r="N480" s="3">
        <v>38850</v>
      </c>
      <c r="O480" s="3">
        <v>44470</v>
      </c>
      <c r="P480" s="3">
        <v>46295</v>
      </c>
    </row>
    <row r="481" spans="1:16" x14ac:dyDescent="0.15">
      <c r="A481" s="2" t="s">
        <v>49</v>
      </c>
      <c r="B481" s="2" t="s">
        <v>3265</v>
      </c>
      <c r="C481" s="4" t="s">
        <v>6</v>
      </c>
      <c r="D481" s="5" t="s">
        <v>3266</v>
      </c>
      <c r="E481" s="5" t="s">
        <v>5</v>
      </c>
      <c r="F481" s="6" t="s">
        <v>5</v>
      </c>
      <c r="G481" s="2" t="s">
        <v>3263</v>
      </c>
      <c r="H481" s="4" t="s">
        <v>9</v>
      </c>
      <c r="I481" s="5" t="s">
        <v>6</v>
      </c>
      <c r="J481" s="5" t="s">
        <v>3264</v>
      </c>
      <c r="K481" s="5" t="s">
        <v>5</v>
      </c>
      <c r="L481" s="6" t="s">
        <v>5</v>
      </c>
      <c r="M481" s="2" t="s">
        <v>3267</v>
      </c>
      <c r="N481" s="3">
        <v>44503</v>
      </c>
      <c r="O481" s="3">
        <v>44503</v>
      </c>
      <c r="P481" s="3">
        <v>46873</v>
      </c>
    </row>
    <row r="482" spans="1:16" x14ac:dyDescent="0.15">
      <c r="A482" s="2" t="s">
        <v>16</v>
      </c>
      <c r="B482" s="2" t="s">
        <v>1828</v>
      </c>
      <c r="C482" s="4" t="s">
        <v>6</v>
      </c>
      <c r="D482" s="5" t="s">
        <v>1829</v>
      </c>
      <c r="E482" s="5" t="s">
        <v>1830</v>
      </c>
      <c r="F482" s="6" t="s">
        <v>5</v>
      </c>
      <c r="G482" s="2"/>
      <c r="H482" s="4"/>
      <c r="I482" s="5"/>
      <c r="J482" s="5"/>
      <c r="K482" s="5"/>
      <c r="L482" s="6"/>
      <c r="M482" s="2" t="s">
        <v>1831</v>
      </c>
      <c r="N482" s="3">
        <v>33953</v>
      </c>
      <c r="O482" s="3">
        <v>44470</v>
      </c>
      <c r="P482" s="3">
        <v>46295</v>
      </c>
    </row>
    <row r="483" spans="1:16" x14ac:dyDescent="0.15">
      <c r="A483" s="2" t="s">
        <v>49</v>
      </c>
      <c r="B483" s="2" t="s">
        <v>1833</v>
      </c>
      <c r="C483" s="4" t="s">
        <v>6</v>
      </c>
      <c r="D483" s="5" t="s">
        <v>1419</v>
      </c>
      <c r="E483" s="5" t="s">
        <v>1420</v>
      </c>
      <c r="F483" s="6" t="s">
        <v>5</v>
      </c>
      <c r="G483" s="2"/>
      <c r="H483" s="4"/>
      <c r="I483" s="5"/>
      <c r="J483" s="5"/>
      <c r="K483" s="5"/>
      <c r="L483" s="6"/>
      <c r="M483" s="2" t="s">
        <v>1834</v>
      </c>
      <c r="N483" s="3">
        <v>42405</v>
      </c>
      <c r="O483" s="3">
        <v>44470</v>
      </c>
      <c r="P483" s="3">
        <v>46295</v>
      </c>
    </row>
    <row r="484" spans="1:16" x14ac:dyDescent="0.15">
      <c r="A484" s="2" t="s">
        <v>49</v>
      </c>
      <c r="B484" s="2" t="s">
        <v>1836</v>
      </c>
      <c r="C484" s="4" t="s">
        <v>6</v>
      </c>
      <c r="D484" s="5" t="s">
        <v>1835</v>
      </c>
      <c r="E484" s="5" t="s">
        <v>465</v>
      </c>
      <c r="F484" s="6" t="s">
        <v>5</v>
      </c>
      <c r="G484" s="2"/>
      <c r="H484" s="4"/>
      <c r="I484" s="5"/>
      <c r="J484" s="5"/>
      <c r="K484" s="5"/>
      <c r="L484" s="6"/>
      <c r="M484" s="2" t="s">
        <v>1837</v>
      </c>
      <c r="N484" s="3">
        <v>42644</v>
      </c>
      <c r="O484" s="3">
        <v>44470</v>
      </c>
      <c r="P484" s="3">
        <v>46295</v>
      </c>
    </row>
    <row r="485" spans="1:16" x14ac:dyDescent="0.15">
      <c r="A485" s="2" t="s">
        <v>49</v>
      </c>
      <c r="B485" s="2" t="s">
        <v>1838</v>
      </c>
      <c r="C485" s="4" t="s">
        <v>6</v>
      </c>
      <c r="D485" s="5" t="s">
        <v>1839</v>
      </c>
      <c r="E485" s="5" t="s">
        <v>1723</v>
      </c>
      <c r="F485" s="6" t="s">
        <v>1840</v>
      </c>
      <c r="G485" s="2"/>
      <c r="H485" s="4"/>
      <c r="I485" s="5"/>
      <c r="J485" s="5"/>
      <c r="K485" s="5"/>
      <c r="L485" s="6"/>
      <c r="M485" s="2" t="s">
        <v>1841</v>
      </c>
      <c r="N485" s="3">
        <v>42644</v>
      </c>
      <c r="O485" s="3">
        <v>44470</v>
      </c>
      <c r="P485" s="3">
        <v>46295</v>
      </c>
    </row>
    <row r="486" spans="1:16" x14ac:dyDescent="0.15">
      <c r="A486" s="2" t="s">
        <v>49</v>
      </c>
      <c r="B486" s="2" t="s">
        <v>3293</v>
      </c>
      <c r="C486" s="4" t="s">
        <v>6</v>
      </c>
      <c r="D486" s="5" t="s">
        <v>2956</v>
      </c>
      <c r="E486" s="5" t="s">
        <v>3278</v>
      </c>
      <c r="F486" s="6" t="s">
        <v>3294</v>
      </c>
      <c r="G486" s="2" t="s">
        <v>3291</v>
      </c>
      <c r="H486" s="4" t="s">
        <v>9</v>
      </c>
      <c r="I486" s="5" t="s">
        <v>6</v>
      </c>
      <c r="J486" s="5" t="s">
        <v>449</v>
      </c>
      <c r="K486" s="5" t="s">
        <v>3292</v>
      </c>
      <c r="L486" s="6" t="s">
        <v>5</v>
      </c>
      <c r="M486" s="2" t="s">
        <v>3295</v>
      </c>
      <c r="N486" s="3">
        <v>42699</v>
      </c>
      <c r="O486" s="3">
        <v>44531</v>
      </c>
      <c r="P486" s="3">
        <v>46356</v>
      </c>
    </row>
    <row r="487" spans="1:16" x14ac:dyDescent="0.15">
      <c r="A487" s="2" t="s">
        <v>49</v>
      </c>
      <c r="B487" s="2" t="s">
        <v>3311</v>
      </c>
      <c r="C487" s="4" t="s">
        <v>6</v>
      </c>
      <c r="D487" s="5" t="s">
        <v>1027</v>
      </c>
      <c r="E487" s="5" t="s">
        <v>3312</v>
      </c>
      <c r="F487" s="6" t="s">
        <v>3313</v>
      </c>
      <c r="G487" s="2" t="s">
        <v>3308</v>
      </c>
      <c r="H487" s="4" t="s">
        <v>9</v>
      </c>
      <c r="I487" s="5" t="s">
        <v>635</v>
      </c>
      <c r="J487" s="5" t="s">
        <v>3309</v>
      </c>
      <c r="K487" s="5" t="s">
        <v>3310</v>
      </c>
      <c r="L487" s="6" t="s">
        <v>5</v>
      </c>
      <c r="M487" s="2" t="s">
        <v>3314</v>
      </c>
      <c r="N487" s="3">
        <v>44510</v>
      </c>
      <c r="O487" s="3">
        <v>44510</v>
      </c>
      <c r="P487" s="3">
        <v>46356</v>
      </c>
    </row>
    <row r="488" spans="1:16" x14ac:dyDescent="0.15">
      <c r="A488" s="2" t="s">
        <v>49</v>
      </c>
      <c r="B488" s="2" t="s">
        <v>1849</v>
      </c>
      <c r="C488" s="4" t="s">
        <v>6</v>
      </c>
      <c r="D488" s="5" t="s">
        <v>1848</v>
      </c>
      <c r="E488" s="5" t="s">
        <v>1850</v>
      </c>
      <c r="F488" s="6" t="s">
        <v>5</v>
      </c>
      <c r="G488" s="2"/>
      <c r="H488" s="4"/>
      <c r="I488" s="5"/>
      <c r="J488" s="5"/>
      <c r="K488" s="5"/>
      <c r="L488" s="6"/>
      <c r="M488" s="2" t="s">
        <v>1851</v>
      </c>
      <c r="N488" s="3">
        <v>31334</v>
      </c>
      <c r="O488" s="3">
        <v>44501</v>
      </c>
      <c r="P488" s="3">
        <v>46326</v>
      </c>
    </row>
    <row r="489" spans="1:16" x14ac:dyDescent="0.15">
      <c r="A489" s="2" t="s">
        <v>49</v>
      </c>
      <c r="B489" s="2" t="s">
        <v>1853</v>
      </c>
      <c r="C489" s="4" t="s">
        <v>6</v>
      </c>
      <c r="D489" s="5" t="s">
        <v>1168</v>
      </c>
      <c r="E489" s="5" t="s">
        <v>1852</v>
      </c>
      <c r="F489" s="6" t="s">
        <v>5</v>
      </c>
      <c r="G489" s="2"/>
      <c r="H489" s="4"/>
      <c r="I489" s="5"/>
      <c r="J489" s="5"/>
      <c r="K489" s="5"/>
      <c r="L489" s="6"/>
      <c r="M489" s="2" t="s">
        <v>1854</v>
      </c>
      <c r="N489" s="3">
        <v>40124</v>
      </c>
      <c r="O489" s="3">
        <v>44470</v>
      </c>
      <c r="P489" s="3">
        <v>46660</v>
      </c>
    </row>
    <row r="490" spans="1:16" x14ac:dyDescent="0.15">
      <c r="A490" s="2" t="s">
        <v>49</v>
      </c>
      <c r="B490" s="2" t="s">
        <v>3331</v>
      </c>
      <c r="C490" s="4" t="s">
        <v>6</v>
      </c>
      <c r="D490" s="5" t="s">
        <v>3332</v>
      </c>
      <c r="E490" s="5" t="s">
        <v>3333</v>
      </c>
      <c r="F490" s="6" t="s">
        <v>5</v>
      </c>
      <c r="G490" s="2" t="s">
        <v>3329</v>
      </c>
      <c r="H490" s="4" t="s">
        <v>9</v>
      </c>
      <c r="I490" s="5" t="s">
        <v>6</v>
      </c>
      <c r="J490" s="5" t="s">
        <v>3330</v>
      </c>
      <c r="K490" s="5" t="s">
        <v>5</v>
      </c>
      <c r="L490" s="6" t="s">
        <v>5</v>
      </c>
      <c r="M490" s="2" t="s">
        <v>3334</v>
      </c>
      <c r="N490" s="3">
        <v>37638</v>
      </c>
      <c r="O490" s="3">
        <v>44470</v>
      </c>
      <c r="P490" s="3">
        <v>46660</v>
      </c>
    </row>
    <row r="491" spans="1:16" x14ac:dyDescent="0.15">
      <c r="A491" s="2" t="s">
        <v>49</v>
      </c>
      <c r="B491" s="2" t="s">
        <v>1861</v>
      </c>
      <c r="C491" s="4" t="s">
        <v>6</v>
      </c>
      <c r="D491" s="5" t="s">
        <v>1394</v>
      </c>
      <c r="E491" s="5" t="s">
        <v>1862</v>
      </c>
      <c r="F491" s="6" t="s">
        <v>5</v>
      </c>
      <c r="G491" s="2"/>
      <c r="H491" s="4"/>
      <c r="I491" s="5"/>
      <c r="J491" s="5"/>
      <c r="K491" s="5"/>
      <c r="L491" s="6"/>
      <c r="M491" s="2" t="s">
        <v>1863</v>
      </c>
      <c r="N491" s="3">
        <v>38728</v>
      </c>
      <c r="O491" s="3">
        <v>44470</v>
      </c>
      <c r="P491" s="3">
        <v>46295</v>
      </c>
    </row>
    <row r="492" spans="1:16" x14ac:dyDescent="0.15">
      <c r="A492" s="2" t="s">
        <v>16</v>
      </c>
      <c r="B492" s="2" t="s">
        <v>1867</v>
      </c>
      <c r="C492" s="4" t="s">
        <v>6</v>
      </c>
      <c r="D492" s="5" t="s">
        <v>1865</v>
      </c>
      <c r="E492" s="5" t="s">
        <v>1868</v>
      </c>
      <c r="F492" s="6" t="s">
        <v>5</v>
      </c>
      <c r="G492" s="2" t="s">
        <v>1864</v>
      </c>
      <c r="H492" s="4" t="s">
        <v>9</v>
      </c>
      <c r="I492" s="5" t="s">
        <v>6</v>
      </c>
      <c r="J492" s="5" t="s">
        <v>1865</v>
      </c>
      <c r="K492" s="5" t="s">
        <v>1866</v>
      </c>
      <c r="L492" s="6" t="s">
        <v>5</v>
      </c>
      <c r="M492" s="2" t="s">
        <v>1869</v>
      </c>
      <c r="N492" s="3">
        <v>42278</v>
      </c>
      <c r="O492" s="3">
        <v>44470</v>
      </c>
      <c r="P492" s="3">
        <v>46660</v>
      </c>
    </row>
    <row r="493" spans="1:16" x14ac:dyDescent="0.15">
      <c r="A493" s="2" t="s">
        <v>49</v>
      </c>
      <c r="B493" s="2" t="s">
        <v>1870</v>
      </c>
      <c r="C493" s="4" t="s">
        <v>6</v>
      </c>
      <c r="D493" s="5" t="s">
        <v>456</v>
      </c>
      <c r="E493" s="5" t="s">
        <v>520</v>
      </c>
      <c r="F493" s="6" t="s">
        <v>5</v>
      </c>
      <c r="G493" s="2" t="s">
        <v>1864</v>
      </c>
      <c r="H493" s="4" t="s">
        <v>9</v>
      </c>
      <c r="I493" s="5" t="s">
        <v>6</v>
      </c>
      <c r="J493" s="5" t="s">
        <v>1865</v>
      </c>
      <c r="K493" s="5" t="s">
        <v>1866</v>
      </c>
      <c r="L493" s="6" t="s">
        <v>5</v>
      </c>
      <c r="M493" s="2" t="s">
        <v>1872</v>
      </c>
      <c r="N493" s="3">
        <v>41010</v>
      </c>
      <c r="O493" s="3">
        <v>44713</v>
      </c>
      <c r="P493" s="3">
        <v>46538</v>
      </c>
    </row>
    <row r="494" spans="1:16" x14ac:dyDescent="0.15">
      <c r="A494" s="2" t="s">
        <v>16</v>
      </c>
      <c r="B494" s="2" t="s">
        <v>1873</v>
      </c>
      <c r="C494" s="4" t="s">
        <v>6</v>
      </c>
      <c r="D494" s="5" t="s">
        <v>1874</v>
      </c>
      <c r="E494" s="5" t="s">
        <v>5</v>
      </c>
      <c r="F494" s="6" t="s">
        <v>5</v>
      </c>
      <c r="G494" s="2"/>
      <c r="H494" s="4"/>
      <c r="I494" s="5"/>
      <c r="J494" s="5"/>
      <c r="K494" s="5"/>
      <c r="L494" s="6"/>
      <c r="M494" s="2" t="s">
        <v>1875</v>
      </c>
      <c r="N494" s="3">
        <v>44434</v>
      </c>
      <c r="O494" s="3">
        <v>44434</v>
      </c>
      <c r="P494" s="3">
        <v>46691</v>
      </c>
    </row>
    <row r="495" spans="1:16" x14ac:dyDescent="0.15">
      <c r="A495" s="2" t="s">
        <v>49</v>
      </c>
      <c r="B495" s="2" t="s">
        <v>3360</v>
      </c>
      <c r="C495" s="4" t="s">
        <v>6</v>
      </c>
      <c r="D495" s="5" t="s">
        <v>3361</v>
      </c>
      <c r="E495" s="5" t="s">
        <v>3362</v>
      </c>
      <c r="F495" s="6" t="s">
        <v>5</v>
      </c>
      <c r="G495" s="2" t="s">
        <v>3357</v>
      </c>
      <c r="H495" s="4" t="s">
        <v>29</v>
      </c>
      <c r="I495" s="5" t="s">
        <v>620</v>
      </c>
      <c r="J495" s="5" t="s">
        <v>3358</v>
      </c>
      <c r="K495" s="5" t="s">
        <v>3359</v>
      </c>
      <c r="L495" s="6" t="s">
        <v>5</v>
      </c>
      <c r="M495" s="2" t="s">
        <v>3363</v>
      </c>
      <c r="N495" s="3">
        <v>38182</v>
      </c>
      <c r="O495" s="3">
        <v>45047</v>
      </c>
      <c r="P495" s="3">
        <v>47238</v>
      </c>
    </row>
    <row r="496" spans="1:16" x14ac:dyDescent="0.15">
      <c r="A496" s="2" t="s">
        <v>49</v>
      </c>
      <c r="B496" s="2" t="s">
        <v>1884</v>
      </c>
      <c r="C496" s="4" t="s">
        <v>6</v>
      </c>
      <c r="D496" s="5" t="s">
        <v>1882</v>
      </c>
      <c r="E496" s="5" t="s">
        <v>1883</v>
      </c>
      <c r="F496" s="6" t="s">
        <v>5</v>
      </c>
      <c r="G496" s="2"/>
      <c r="H496" s="4"/>
      <c r="I496" s="5"/>
      <c r="J496" s="5"/>
      <c r="K496" s="5"/>
      <c r="L496" s="6"/>
      <c r="M496" s="2" t="s">
        <v>1885</v>
      </c>
      <c r="N496" s="3">
        <v>43616</v>
      </c>
      <c r="O496" s="3">
        <v>43616</v>
      </c>
      <c r="P496" s="3">
        <v>45961</v>
      </c>
    </row>
    <row r="497" spans="1:16" x14ac:dyDescent="0.15">
      <c r="A497" s="2" t="s">
        <v>49</v>
      </c>
      <c r="B497" s="2" t="s">
        <v>1889</v>
      </c>
      <c r="C497" s="4" t="s">
        <v>6</v>
      </c>
      <c r="D497" s="5" t="s">
        <v>1890</v>
      </c>
      <c r="E497" s="5" t="s">
        <v>5</v>
      </c>
      <c r="F497" s="6" t="s">
        <v>1891</v>
      </c>
      <c r="G497" s="2" t="s">
        <v>1886</v>
      </c>
      <c r="H497" s="4" t="s">
        <v>29</v>
      </c>
      <c r="I497" s="5" t="s">
        <v>1887</v>
      </c>
      <c r="J497" s="5" t="s">
        <v>1888</v>
      </c>
      <c r="K497" s="5" t="s">
        <v>5</v>
      </c>
      <c r="L497" s="6" t="s">
        <v>5</v>
      </c>
      <c r="M497" s="2" t="s">
        <v>1892</v>
      </c>
      <c r="N497" s="3">
        <v>35853</v>
      </c>
      <c r="O497" s="3">
        <v>44470</v>
      </c>
      <c r="P497" s="3">
        <v>46660</v>
      </c>
    </row>
    <row r="498" spans="1:16" x14ac:dyDescent="0.15">
      <c r="A498" s="2" t="s">
        <v>49</v>
      </c>
      <c r="B498" s="2" t="s">
        <v>1893</v>
      </c>
      <c r="C498" s="4" t="s">
        <v>6</v>
      </c>
      <c r="D498" s="5" t="s">
        <v>1894</v>
      </c>
      <c r="E498" s="5" t="s">
        <v>1895</v>
      </c>
      <c r="F498" s="6" t="s">
        <v>1896</v>
      </c>
      <c r="G498" s="2" t="s">
        <v>1886</v>
      </c>
      <c r="H498" s="4" t="s">
        <v>29</v>
      </c>
      <c r="I498" s="5" t="s">
        <v>1887</v>
      </c>
      <c r="J498" s="5" t="s">
        <v>1888</v>
      </c>
      <c r="K498" s="5" t="s">
        <v>5</v>
      </c>
      <c r="L498" s="6" t="s">
        <v>5</v>
      </c>
      <c r="M498" s="2" t="s">
        <v>1897</v>
      </c>
      <c r="N498" s="3">
        <v>32325</v>
      </c>
      <c r="O498" s="3">
        <v>45200</v>
      </c>
      <c r="P498" s="3">
        <v>47391</v>
      </c>
    </row>
    <row r="499" spans="1:16" x14ac:dyDescent="0.15">
      <c r="A499" s="2" t="s">
        <v>49</v>
      </c>
      <c r="B499" s="2" t="s">
        <v>1899</v>
      </c>
      <c r="C499" s="4" t="s">
        <v>6</v>
      </c>
      <c r="D499" s="5" t="s">
        <v>1419</v>
      </c>
      <c r="E499" s="5" t="s">
        <v>1368</v>
      </c>
      <c r="F499" s="6" t="s">
        <v>5</v>
      </c>
      <c r="G499" s="2"/>
      <c r="H499" s="4"/>
      <c r="I499" s="5"/>
      <c r="J499" s="5"/>
      <c r="K499" s="5"/>
      <c r="L499" s="6"/>
      <c r="M499" s="2" t="s">
        <v>1900</v>
      </c>
      <c r="N499" s="3">
        <v>42439</v>
      </c>
      <c r="O499" s="3">
        <v>44470</v>
      </c>
      <c r="P499" s="3">
        <v>46295</v>
      </c>
    </row>
    <row r="500" spans="1:16" x14ac:dyDescent="0.15">
      <c r="A500" s="2" t="s">
        <v>49</v>
      </c>
      <c r="B500" s="2" t="s">
        <v>1902</v>
      </c>
      <c r="C500" s="4" t="s">
        <v>6</v>
      </c>
      <c r="D500" s="5" t="s">
        <v>1901</v>
      </c>
      <c r="E500" s="5" t="s">
        <v>5</v>
      </c>
      <c r="F500" s="6" t="s">
        <v>5</v>
      </c>
      <c r="G500" s="2"/>
      <c r="H500" s="4"/>
      <c r="I500" s="5"/>
      <c r="J500" s="5"/>
      <c r="K500" s="5"/>
      <c r="L500" s="6"/>
      <c r="M500" s="2" t="s">
        <v>1903</v>
      </c>
      <c r="N500" s="3">
        <v>42601</v>
      </c>
      <c r="O500" s="3">
        <v>44470</v>
      </c>
      <c r="P500" s="3">
        <v>46295</v>
      </c>
    </row>
    <row r="501" spans="1:16" x14ac:dyDescent="0.15">
      <c r="A501" s="2" t="s">
        <v>49</v>
      </c>
      <c r="B501" s="2" t="s">
        <v>3364</v>
      </c>
      <c r="C501" s="4" t="s">
        <v>6</v>
      </c>
      <c r="D501" s="5" t="s">
        <v>3365</v>
      </c>
      <c r="E501" s="5" t="s">
        <v>3366</v>
      </c>
      <c r="F501" s="6" t="s">
        <v>5</v>
      </c>
      <c r="G501" s="2" t="s">
        <v>3357</v>
      </c>
      <c r="H501" s="4" t="s">
        <v>29</v>
      </c>
      <c r="I501" s="5" t="s">
        <v>620</v>
      </c>
      <c r="J501" s="5" t="s">
        <v>3358</v>
      </c>
      <c r="K501" s="5" t="s">
        <v>3359</v>
      </c>
      <c r="L501" s="6" t="s">
        <v>5</v>
      </c>
      <c r="M501" s="2" t="s">
        <v>3367</v>
      </c>
      <c r="N501" s="3">
        <v>43088</v>
      </c>
      <c r="O501" s="3">
        <v>45383</v>
      </c>
      <c r="P501" s="3">
        <v>47573</v>
      </c>
    </row>
    <row r="502" spans="1:16" x14ac:dyDescent="0.15">
      <c r="A502" s="2" t="s">
        <v>49</v>
      </c>
      <c r="B502" s="2" t="s">
        <v>3376</v>
      </c>
      <c r="C502" s="4" t="s">
        <v>6</v>
      </c>
      <c r="D502" s="5" t="s">
        <v>378</v>
      </c>
      <c r="E502" s="5" t="s">
        <v>3377</v>
      </c>
      <c r="F502" s="6" t="s">
        <v>3378</v>
      </c>
      <c r="G502" s="2" t="s">
        <v>3374</v>
      </c>
      <c r="H502" s="4" t="s">
        <v>29</v>
      </c>
      <c r="I502" s="5" t="s">
        <v>504</v>
      </c>
      <c r="J502" s="5" t="s">
        <v>3375</v>
      </c>
      <c r="K502" s="5" t="s">
        <v>5</v>
      </c>
      <c r="L502" s="6" t="s">
        <v>5</v>
      </c>
      <c r="M502" s="2" t="s">
        <v>3379</v>
      </c>
      <c r="N502" s="3">
        <v>42587</v>
      </c>
      <c r="O502" s="3">
        <v>45078</v>
      </c>
      <c r="P502" s="3">
        <v>47269</v>
      </c>
    </row>
    <row r="503" spans="1:16" x14ac:dyDescent="0.15">
      <c r="A503" s="2" t="s">
        <v>49</v>
      </c>
      <c r="B503" s="2" t="s">
        <v>3404</v>
      </c>
      <c r="C503" s="4" t="s">
        <v>6</v>
      </c>
      <c r="D503" s="5" t="s">
        <v>3411</v>
      </c>
      <c r="E503" s="5" t="s">
        <v>5</v>
      </c>
      <c r="F503" s="6" t="s">
        <v>3412</v>
      </c>
      <c r="G503" s="2" t="s">
        <v>3408</v>
      </c>
      <c r="H503" s="4" t="s">
        <v>9</v>
      </c>
      <c r="I503" s="5" t="s">
        <v>6</v>
      </c>
      <c r="J503" s="5" t="s">
        <v>3409</v>
      </c>
      <c r="K503" s="5" t="s">
        <v>3410</v>
      </c>
      <c r="L503" s="6" t="s">
        <v>5</v>
      </c>
      <c r="M503" s="2" t="s">
        <v>3413</v>
      </c>
      <c r="N503" s="3">
        <v>44531</v>
      </c>
      <c r="O503" s="3">
        <v>44531</v>
      </c>
      <c r="P503" s="3">
        <v>46721</v>
      </c>
    </row>
    <row r="504" spans="1:16" x14ac:dyDescent="0.15">
      <c r="A504" s="2" t="s">
        <v>49</v>
      </c>
      <c r="B504" s="2" t="s">
        <v>3414</v>
      </c>
      <c r="C504" s="4" t="s">
        <v>6</v>
      </c>
      <c r="D504" s="5" t="s">
        <v>1954</v>
      </c>
      <c r="E504" s="5" t="s">
        <v>3416</v>
      </c>
      <c r="F504" s="6" t="s">
        <v>3417</v>
      </c>
      <c r="G504" s="2" t="s">
        <v>3414</v>
      </c>
      <c r="H504" s="4" t="s">
        <v>9</v>
      </c>
      <c r="I504" s="5" t="s">
        <v>6</v>
      </c>
      <c r="J504" s="5" t="s">
        <v>1954</v>
      </c>
      <c r="K504" s="5" t="s">
        <v>3415</v>
      </c>
      <c r="L504" s="6" t="s">
        <v>5</v>
      </c>
      <c r="M504" s="2" t="s">
        <v>3418</v>
      </c>
      <c r="N504" s="3">
        <v>29451</v>
      </c>
      <c r="O504" s="3">
        <v>44531</v>
      </c>
      <c r="P504" s="3">
        <v>46721</v>
      </c>
    </row>
    <row r="505" spans="1:16" x14ac:dyDescent="0.15">
      <c r="A505" s="2" t="s">
        <v>49</v>
      </c>
      <c r="B505" s="2" t="s">
        <v>1925</v>
      </c>
      <c r="C505" s="4" t="s">
        <v>6</v>
      </c>
      <c r="D505" s="5" t="s">
        <v>911</v>
      </c>
      <c r="E505" s="5" t="s">
        <v>1924</v>
      </c>
      <c r="F505" s="6" t="s">
        <v>5</v>
      </c>
      <c r="G505" s="2"/>
      <c r="H505" s="4"/>
      <c r="I505" s="5"/>
      <c r="J505" s="5"/>
      <c r="K505" s="5"/>
      <c r="L505" s="6"/>
      <c r="M505" s="2" t="s">
        <v>1927</v>
      </c>
      <c r="N505" s="3">
        <v>26759</v>
      </c>
      <c r="O505" s="3">
        <v>44470</v>
      </c>
      <c r="P505" s="3">
        <v>46295</v>
      </c>
    </row>
    <row r="506" spans="1:16" x14ac:dyDescent="0.15">
      <c r="A506" s="2" t="s">
        <v>36</v>
      </c>
      <c r="B506" s="2" t="s">
        <v>1925</v>
      </c>
      <c r="C506" s="4" t="s">
        <v>6</v>
      </c>
      <c r="D506" s="5" t="s">
        <v>911</v>
      </c>
      <c r="E506" s="5" t="s">
        <v>1924</v>
      </c>
      <c r="F506" s="6" t="s">
        <v>5</v>
      </c>
      <c r="G506" s="2"/>
      <c r="H506" s="4"/>
      <c r="I506" s="5"/>
      <c r="J506" s="5"/>
      <c r="K506" s="5"/>
      <c r="L506" s="6"/>
      <c r="M506" s="2" t="s">
        <v>1928</v>
      </c>
      <c r="N506" s="3">
        <v>26759</v>
      </c>
      <c r="O506" s="3">
        <v>44470</v>
      </c>
      <c r="P506" s="3">
        <v>46295</v>
      </c>
    </row>
    <row r="507" spans="1:16" x14ac:dyDescent="0.15">
      <c r="A507" s="2" t="s">
        <v>49</v>
      </c>
      <c r="B507" s="2" t="s">
        <v>3439</v>
      </c>
      <c r="C507" s="4" t="s">
        <v>6</v>
      </c>
      <c r="D507" s="5" t="s">
        <v>3440</v>
      </c>
      <c r="E507" s="5" t="s">
        <v>5</v>
      </c>
      <c r="F507" s="6" t="s">
        <v>5</v>
      </c>
      <c r="G507" s="2" t="s">
        <v>3436</v>
      </c>
      <c r="H507" s="4" t="s">
        <v>1694</v>
      </c>
      <c r="I507" s="5" t="s">
        <v>2723</v>
      </c>
      <c r="J507" s="5" t="s">
        <v>3437</v>
      </c>
      <c r="K507" s="5" t="s">
        <v>3438</v>
      </c>
      <c r="L507" s="6" t="s">
        <v>5</v>
      </c>
      <c r="M507" s="2" t="s">
        <v>3442</v>
      </c>
      <c r="N507" s="3">
        <v>44436</v>
      </c>
      <c r="O507" s="3">
        <v>44436</v>
      </c>
      <c r="P507" s="3">
        <v>46873</v>
      </c>
    </row>
    <row r="508" spans="1:16" x14ac:dyDescent="0.15">
      <c r="A508" s="2" t="s">
        <v>49</v>
      </c>
      <c r="B508" s="2" t="s">
        <v>3452</v>
      </c>
      <c r="C508" s="4" t="s">
        <v>6</v>
      </c>
      <c r="D508" s="5" t="s">
        <v>570</v>
      </c>
      <c r="E508" s="5" t="s">
        <v>1685</v>
      </c>
      <c r="F508" s="6" t="s">
        <v>5</v>
      </c>
      <c r="G508" s="2" t="s">
        <v>3450</v>
      </c>
      <c r="H508" s="4" t="s">
        <v>9</v>
      </c>
      <c r="I508" s="5" t="s">
        <v>6</v>
      </c>
      <c r="J508" s="5" t="s">
        <v>755</v>
      </c>
      <c r="K508" s="5" t="s">
        <v>3451</v>
      </c>
      <c r="L508" s="6" t="s">
        <v>5</v>
      </c>
      <c r="M508" s="2" t="s">
        <v>3453</v>
      </c>
      <c r="N508" s="3">
        <v>42583</v>
      </c>
      <c r="O508" s="3">
        <v>45047</v>
      </c>
      <c r="P508" s="3">
        <v>47238</v>
      </c>
    </row>
    <row r="509" spans="1:16" x14ac:dyDescent="0.15">
      <c r="A509" s="2" t="s">
        <v>49</v>
      </c>
      <c r="B509" s="2" t="s">
        <v>3454</v>
      </c>
      <c r="C509" s="4" t="s">
        <v>6</v>
      </c>
      <c r="D509" s="5" t="s">
        <v>3455</v>
      </c>
      <c r="E509" s="5" t="s">
        <v>3456</v>
      </c>
      <c r="F509" s="6" t="s">
        <v>5</v>
      </c>
      <c r="G509" s="2" t="s">
        <v>3450</v>
      </c>
      <c r="H509" s="4" t="s">
        <v>9</v>
      </c>
      <c r="I509" s="5" t="s">
        <v>6</v>
      </c>
      <c r="J509" s="5" t="s">
        <v>755</v>
      </c>
      <c r="K509" s="5" t="s">
        <v>3451</v>
      </c>
      <c r="L509" s="6" t="s">
        <v>5</v>
      </c>
      <c r="M509" s="2" t="s">
        <v>3457</v>
      </c>
      <c r="N509" s="3">
        <v>45282</v>
      </c>
      <c r="O509" s="3">
        <v>45282</v>
      </c>
      <c r="P509" s="3">
        <v>47603</v>
      </c>
    </row>
    <row r="510" spans="1:16" x14ac:dyDescent="0.15">
      <c r="A510" s="2" t="s">
        <v>16</v>
      </c>
      <c r="B510" s="2" t="s">
        <v>1938</v>
      </c>
      <c r="C510" s="4" t="s">
        <v>6</v>
      </c>
      <c r="D510" s="5" t="s">
        <v>1939</v>
      </c>
      <c r="E510" s="5" t="s">
        <v>1940</v>
      </c>
      <c r="F510" s="6" t="s">
        <v>5</v>
      </c>
      <c r="G510" s="2"/>
      <c r="H510" s="4"/>
      <c r="I510" s="5"/>
      <c r="J510" s="5"/>
      <c r="K510" s="5"/>
      <c r="L510" s="6"/>
      <c r="M510" s="2" t="s">
        <v>1941</v>
      </c>
      <c r="N510" s="3">
        <v>42262</v>
      </c>
      <c r="O510" s="3">
        <v>44501</v>
      </c>
      <c r="P510" s="3">
        <v>46691</v>
      </c>
    </row>
    <row r="511" spans="1:16" x14ac:dyDescent="0.15">
      <c r="A511" s="2" t="s">
        <v>49</v>
      </c>
      <c r="B511" s="2" t="s">
        <v>1938</v>
      </c>
      <c r="C511" s="4" t="s">
        <v>6</v>
      </c>
      <c r="D511" s="5" t="s">
        <v>1939</v>
      </c>
      <c r="E511" s="5" t="s">
        <v>1942</v>
      </c>
      <c r="F511" s="6" t="s">
        <v>5</v>
      </c>
      <c r="G511" s="2"/>
      <c r="H511" s="4"/>
      <c r="I511" s="5"/>
      <c r="J511" s="5"/>
      <c r="K511" s="5"/>
      <c r="L511" s="6"/>
      <c r="M511" s="2" t="s">
        <v>1943</v>
      </c>
      <c r="N511" s="3">
        <v>42549</v>
      </c>
      <c r="O511" s="3">
        <v>44866</v>
      </c>
      <c r="P511" s="3">
        <v>47057</v>
      </c>
    </row>
    <row r="512" spans="1:16" x14ac:dyDescent="0.15">
      <c r="A512" s="2" t="s">
        <v>49</v>
      </c>
      <c r="B512" s="2" t="s">
        <v>1945</v>
      </c>
      <c r="C512" s="4" t="s">
        <v>6</v>
      </c>
      <c r="D512" s="5" t="s">
        <v>1037</v>
      </c>
      <c r="E512" s="5" t="s">
        <v>1946</v>
      </c>
      <c r="F512" s="6" t="s">
        <v>5</v>
      </c>
      <c r="G512" s="2"/>
      <c r="H512" s="4"/>
      <c r="I512" s="5"/>
      <c r="J512" s="5"/>
      <c r="K512" s="5"/>
      <c r="L512" s="6"/>
      <c r="M512" s="2" t="s">
        <v>1947</v>
      </c>
      <c r="N512" s="3">
        <v>40285</v>
      </c>
      <c r="O512" s="3">
        <v>44501</v>
      </c>
      <c r="P512" s="3">
        <v>46326</v>
      </c>
    </row>
    <row r="513" spans="1:16" x14ac:dyDescent="0.15">
      <c r="A513" s="2" t="s">
        <v>49</v>
      </c>
      <c r="B513" s="2" t="s">
        <v>3462</v>
      </c>
      <c r="C513" s="4" t="s">
        <v>6</v>
      </c>
      <c r="D513" s="5" t="s">
        <v>2833</v>
      </c>
      <c r="E513" s="5" t="s">
        <v>3463</v>
      </c>
      <c r="F513" s="6" t="s">
        <v>5</v>
      </c>
      <c r="G513" s="2" t="s">
        <v>3458</v>
      </c>
      <c r="H513" s="4" t="s">
        <v>184</v>
      </c>
      <c r="I513" s="5" t="s">
        <v>3459</v>
      </c>
      <c r="J513" s="5" t="s">
        <v>3460</v>
      </c>
      <c r="K513" s="5" t="s">
        <v>3461</v>
      </c>
      <c r="L513" s="6" t="s">
        <v>5</v>
      </c>
      <c r="M513" s="2" t="s">
        <v>3464</v>
      </c>
      <c r="N513" s="3">
        <v>36357</v>
      </c>
      <c r="O513" s="3">
        <v>44652</v>
      </c>
      <c r="P513" s="3">
        <v>46843</v>
      </c>
    </row>
    <row r="514" spans="1:16" x14ac:dyDescent="0.15">
      <c r="A514" s="2" t="s">
        <v>49</v>
      </c>
      <c r="B514" s="2" t="s">
        <v>3472</v>
      </c>
      <c r="C514" s="4" t="s">
        <v>6</v>
      </c>
      <c r="D514" s="5" t="s">
        <v>608</v>
      </c>
      <c r="E514" s="5" t="s">
        <v>3471</v>
      </c>
      <c r="F514" s="6" t="s">
        <v>3473</v>
      </c>
      <c r="G514" s="2" t="s">
        <v>3470</v>
      </c>
      <c r="H514" s="4" t="s">
        <v>9</v>
      </c>
      <c r="I514" s="5" t="s">
        <v>6</v>
      </c>
      <c r="J514" s="5" t="s">
        <v>608</v>
      </c>
      <c r="K514" s="5" t="s">
        <v>3471</v>
      </c>
      <c r="L514" s="6" t="s">
        <v>5</v>
      </c>
      <c r="M514" s="2" t="s">
        <v>3474</v>
      </c>
      <c r="N514" s="3">
        <v>42612</v>
      </c>
      <c r="O514" s="3">
        <v>44531</v>
      </c>
      <c r="P514" s="3">
        <v>46356</v>
      </c>
    </row>
    <row r="515" spans="1:16" x14ac:dyDescent="0.15">
      <c r="A515" s="2" t="s">
        <v>49</v>
      </c>
      <c r="B515" s="2" t="s">
        <v>3475</v>
      </c>
      <c r="C515" s="4" t="s">
        <v>6</v>
      </c>
      <c r="D515" s="5" t="s">
        <v>608</v>
      </c>
      <c r="E515" s="5" t="s">
        <v>3471</v>
      </c>
      <c r="F515" s="6" t="s">
        <v>3476</v>
      </c>
      <c r="G515" s="2" t="s">
        <v>3470</v>
      </c>
      <c r="H515" s="4" t="s">
        <v>9</v>
      </c>
      <c r="I515" s="5" t="s">
        <v>6</v>
      </c>
      <c r="J515" s="5" t="s">
        <v>608</v>
      </c>
      <c r="K515" s="5" t="s">
        <v>3471</v>
      </c>
      <c r="L515" s="6" t="s">
        <v>5</v>
      </c>
      <c r="M515" s="2" t="s">
        <v>3477</v>
      </c>
      <c r="N515" s="3">
        <v>42172</v>
      </c>
      <c r="O515" s="3">
        <v>44531</v>
      </c>
      <c r="P515" s="3">
        <v>46721</v>
      </c>
    </row>
    <row r="516" spans="1:16" x14ac:dyDescent="0.15">
      <c r="A516" s="2" t="s">
        <v>49</v>
      </c>
      <c r="B516" s="2" t="s">
        <v>3484</v>
      </c>
      <c r="C516" s="4" t="s">
        <v>6</v>
      </c>
      <c r="D516" s="5" t="s">
        <v>179</v>
      </c>
      <c r="E516" s="5" t="s">
        <v>646</v>
      </c>
      <c r="F516" s="6" t="s">
        <v>3485</v>
      </c>
      <c r="G516" s="2" t="s">
        <v>3481</v>
      </c>
      <c r="H516" s="4" t="s">
        <v>29</v>
      </c>
      <c r="I516" s="5" t="s">
        <v>30</v>
      </c>
      <c r="J516" s="5" t="s">
        <v>3482</v>
      </c>
      <c r="K516" s="5" t="s">
        <v>3483</v>
      </c>
      <c r="L516" s="6" t="s">
        <v>5</v>
      </c>
      <c r="M516" s="2" t="s">
        <v>3486</v>
      </c>
      <c r="N516" s="3">
        <v>44534</v>
      </c>
      <c r="O516" s="3">
        <v>44534</v>
      </c>
      <c r="P516" s="3">
        <v>47026</v>
      </c>
    </row>
    <row r="517" spans="1:16" x14ac:dyDescent="0.15">
      <c r="A517" s="2" t="s">
        <v>49</v>
      </c>
      <c r="B517" s="2" t="s">
        <v>3488</v>
      </c>
      <c r="C517" s="4" t="s">
        <v>6</v>
      </c>
      <c r="D517" s="5" t="s">
        <v>1027</v>
      </c>
      <c r="E517" s="5" t="s">
        <v>3489</v>
      </c>
      <c r="F517" s="6" t="s">
        <v>3490</v>
      </c>
      <c r="G517" s="2" t="s">
        <v>3487</v>
      </c>
      <c r="H517" s="4" t="s">
        <v>9</v>
      </c>
      <c r="I517" s="5" t="s">
        <v>6</v>
      </c>
      <c r="J517" s="5" t="s">
        <v>1027</v>
      </c>
      <c r="K517" s="5" t="s">
        <v>3035</v>
      </c>
      <c r="L517" s="6" t="s">
        <v>5</v>
      </c>
      <c r="M517" s="2" t="s">
        <v>3491</v>
      </c>
      <c r="N517" s="3">
        <v>40350</v>
      </c>
      <c r="O517" s="3">
        <v>44531</v>
      </c>
      <c r="P517" s="3">
        <v>46721</v>
      </c>
    </row>
    <row r="518" spans="1:16" x14ac:dyDescent="0.15">
      <c r="A518" s="2" t="s">
        <v>49</v>
      </c>
      <c r="B518" s="2" t="s">
        <v>3494</v>
      </c>
      <c r="C518" s="4" t="s">
        <v>6</v>
      </c>
      <c r="D518" s="5" t="s">
        <v>2243</v>
      </c>
      <c r="E518" s="5" t="s">
        <v>70</v>
      </c>
      <c r="F518" s="6" t="s">
        <v>3495</v>
      </c>
      <c r="G518" s="2" t="s">
        <v>3492</v>
      </c>
      <c r="H518" s="4" t="s">
        <v>9</v>
      </c>
      <c r="I518" s="5" t="s">
        <v>6</v>
      </c>
      <c r="J518" s="5" t="s">
        <v>79</v>
      </c>
      <c r="K518" s="5" t="s">
        <v>3493</v>
      </c>
      <c r="L518" s="6" t="s">
        <v>5</v>
      </c>
      <c r="M518" s="2" t="s">
        <v>3496</v>
      </c>
      <c r="N518" s="3">
        <v>42357</v>
      </c>
      <c r="O518" s="3">
        <v>44531</v>
      </c>
      <c r="P518" s="3">
        <v>46356</v>
      </c>
    </row>
    <row r="519" spans="1:16" x14ac:dyDescent="0.15">
      <c r="A519" s="2" t="s">
        <v>49</v>
      </c>
      <c r="B519" s="2" t="s">
        <v>3507</v>
      </c>
      <c r="C519" s="4" t="s">
        <v>6</v>
      </c>
      <c r="D519" s="5" t="s">
        <v>1089</v>
      </c>
      <c r="E519" s="5" t="s">
        <v>3508</v>
      </c>
      <c r="F519" s="6" t="s">
        <v>5</v>
      </c>
      <c r="G519" s="2" t="s">
        <v>3504</v>
      </c>
      <c r="H519" s="4" t="s">
        <v>9</v>
      </c>
      <c r="I519" s="5" t="s">
        <v>6</v>
      </c>
      <c r="J519" s="5" t="s">
        <v>3505</v>
      </c>
      <c r="K519" s="5" t="s">
        <v>3506</v>
      </c>
      <c r="L519" s="6" t="s">
        <v>5</v>
      </c>
      <c r="M519" s="2" t="s">
        <v>3509</v>
      </c>
      <c r="N519" s="3">
        <v>44831</v>
      </c>
      <c r="O519" s="3">
        <v>44831</v>
      </c>
      <c r="P519" s="3">
        <v>47208</v>
      </c>
    </row>
    <row r="520" spans="1:16" x14ac:dyDescent="0.15">
      <c r="A520" s="2" t="s">
        <v>49</v>
      </c>
      <c r="B520" s="2" t="s">
        <v>3512</v>
      </c>
      <c r="C520" s="4" t="s">
        <v>6</v>
      </c>
      <c r="D520" s="5" t="s">
        <v>79</v>
      </c>
      <c r="E520" s="5" t="s">
        <v>3513</v>
      </c>
      <c r="F520" s="6" t="s">
        <v>3514</v>
      </c>
      <c r="G520" s="2" t="s">
        <v>3510</v>
      </c>
      <c r="H520" s="4" t="s">
        <v>9</v>
      </c>
      <c r="I520" s="5" t="s">
        <v>6</v>
      </c>
      <c r="J520" s="5" t="s">
        <v>959</v>
      </c>
      <c r="K520" s="5" t="s">
        <v>3511</v>
      </c>
      <c r="L520" s="6" t="s">
        <v>5</v>
      </c>
      <c r="M520" s="2" t="s">
        <v>3515</v>
      </c>
      <c r="N520" s="3">
        <v>44531</v>
      </c>
      <c r="O520" s="3">
        <v>44531</v>
      </c>
      <c r="P520" s="3">
        <v>47057</v>
      </c>
    </row>
    <row r="521" spans="1:16" x14ac:dyDescent="0.15">
      <c r="A521" s="2" t="s">
        <v>49</v>
      </c>
      <c r="B521" s="2" t="s">
        <v>3516</v>
      </c>
      <c r="C521" s="4" t="s">
        <v>6</v>
      </c>
      <c r="D521" s="5" t="s">
        <v>79</v>
      </c>
      <c r="E521" s="5" t="s">
        <v>3513</v>
      </c>
      <c r="F521" s="6" t="s">
        <v>3514</v>
      </c>
      <c r="G521" s="2" t="s">
        <v>3510</v>
      </c>
      <c r="H521" s="4" t="s">
        <v>9</v>
      </c>
      <c r="I521" s="5" t="s">
        <v>6</v>
      </c>
      <c r="J521" s="5" t="s">
        <v>959</v>
      </c>
      <c r="K521" s="5" t="s">
        <v>3511</v>
      </c>
      <c r="L521" s="6" t="s">
        <v>5</v>
      </c>
      <c r="M521" s="2" t="s">
        <v>3517</v>
      </c>
      <c r="N521" s="3">
        <v>44531</v>
      </c>
      <c r="O521" s="3">
        <v>44531</v>
      </c>
      <c r="P521" s="3">
        <v>46691</v>
      </c>
    </row>
    <row r="522" spans="1:16" x14ac:dyDescent="0.15">
      <c r="A522" s="2" t="s">
        <v>49</v>
      </c>
      <c r="B522" s="2" t="s">
        <v>3518</v>
      </c>
      <c r="C522" s="4" t="s">
        <v>6</v>
      </c>
      <c r="D522" s="5" t="s">
        <v>608</v>
      </c>
      <c r="E522" s="5" t="s">
        <v>3519</v>
      </c>
      <c r="F522" s="6" t="s">
        <v>3520</v>
      </c>
      <c r="G522" s="2" t="s">
        <v>3510</v>
      </c>
      <c r="H522" s="4" t="s">
        <v>9</v>
      </c>
      <c r="I522" s="5" t="s">
        <v>6</v>
      </c>
      <c r="J522" s="5" t="s">
        <v>959</v>
      </c>
      <c r="K522" s="5" t="s">
        <v>3511</v>
      </c>
      <c r="L522" s="6" t="s">
        <v>5</v>
      </c>
      <c r="M522" s="2" t="s">
        <v>3521</v>
      </c>
      <c r="N522" s="3">
        <v>44531</v>
      </c>
      <c r="O522" s="3">
        <v>44531</v>
      </c>
      <c r="P522" s="3">
        <v>46356</v>
      </c>
    </row>
    <row r="523" spans="1:16" x14ac:dyDescent="0.15">
      <c r="A523" s="2" t="s">
        <v>49</v>
      </c>
      <c r="B523" s="2" t="s">
        <v>1985</v>
      </c>
      <c r="C523" s="4" t="s">
        <v>6</v>
      </c>
      <c r="D523" s="5" t="s">
        <v>1986</v>
      </c>
      <c r="E523" s="5" t="s">
        <v>5</v>
      </c>
      <c r="F523" s="6" t="s">
        <v>5</v>
      </c>
      <c r="G523" s="2"/>
      <c r="H523" s="4"/>
      <c r="I523" s="5"/>
      <c r="J523" s="5"/>
      <c r="K523" s="5"/>
      <c r="L523" s="6"/>
      <c r="M523" s="2" t="s">
        <v>1987</v>
      </c>
      <c r="N523" s="3">
        <v>44440</v>
      </c>
      <c r="O523" s="3">
        <v>44440</v>
      </c>
      <c r="P523" s="3">
        <v>46934</v>
      </c>
    </row>
    <row r="524" spans="1:16" x14ac:dyDescent="0.15">
      <c r="A524" s="2" t="s">
        <v>49</v>
      </c>
      <c r="B524" s="2" t="s">
        <v>1990</v>
      </c>
      <c r="C524" s="4" t="s">
        <v>6</v>
      </c>
      <c r="D524" s="5" t="s">
        <v>1988</v>
      </c>
      <c r="E524" s="5" t="s">
        <v>1989</v>
      </c>
      <c r="F524" s="6" t="s">
        <v>5</v>
      </c>
      <c r="G524" s="2"/>
      <c r="H524" s="4"/>
      <c r="I524" s="5"/>
      <c r="J524" s="5"/>
      <c r="K524" s="5"/>
      <c r="L524" s="6"/>
      <c r="M524" s="2" t="s">
        <v>1991</v>
      </c>
      <c r="N524" s="3">
        <v>36950</v>
      </c>
      <c r="O524" s="3">
        <v>44470</v>
      </c>
      <c r="P524" s="3">
        <v>46295</v>
      </c>
    </row>
    <row r="525" spans="1:16" x14ac:dyDescent="0.15">
      <c r="A525" s="2" t="s">
        <v>49</v>
      </c>
      <c r="B525" s="2" t="s">
        <v>3522</v>
      </c>
      <c r="C525" s="4" t="s">
        <v>6</v>
      </c>
      <c r="D525" s="5" t="s">
        <v>1027</v>
      </c>
      <c r="E525" s="5" t="s">
        <v>3523</v>
      </c>
      <c r="F525" s="6" t="s">
        <v>3524</v>
      </c>
      <c r="G525" s="2" t="s">
        <v>3510</v>
      </c>
      <c r="H525" s="4" t="s">
        <v>9</v>
      </c>
      <c r="I525" s="5" t="s">
        <v>6</v>
      </c>
      <c r="J525" s="5" t="s">
        <v>959</v>
      </c>
      <c r="K525" s="5" t="s">
        <v>3511</v>
      </c>
      <c r="L525" s="6" t="s">
        <v>5</v>
      </c>
      <c r="M525" s="2" t="s">
        <v>3525</v>
      </c>
      <c r="N525" s="3">
        <v>44555</v>
      </c>
      <c r="O525" s="3">
        <v>44555</v>
      </c>
      <c r="P525" s="3">
        <v>47087</v>
      </c>
    </row>
    <row r="526" spans="1:16" x14ac:dyDescent="0.15">
      <c r="A526" s="2" t="s">
        <v>49</v>
      </c>
      <c r="B526" s="2" t="s">
        <v>1996</v>
      </c>
      <c r="C526" s="4" t="s">
        <v>6</v>
      </c>
      <c r="D526" s="5" t="s">
        <v>456</v>
      </c>
      <c r="E526" s="5" t="s">
        <v>520</v>
      </c>
      <c r="F526" s="6" t="s">
        <v>5</v>
      </c>
      <c r="G526" s="2"/>
      <c r="H526" s="4"/>
      <c r="I526" s="5"/>
      <c r="J526" s="5"/>
      <c r="K526" s="5"/>
      <c r="L526" s="6"/>
      <c r="M526" s="2" t="s">
        <v>1997</v>
      </c>
      <c r="N526" s="3">
        <v>44443</v>
      </c>
      <c r="O526" s="3">
        <v>44443</v>
      </c>
      <c r="P526" s="3">
        <v>46538</v>
      </c>
    </row>
    <row r="527" spans="1:16" x14ac:dyDescent="0.15">
      <c r="A527" s="2" t="s">
        <v>49</v>
      </c>
      <c r="B527" s="2" t="s">
        <v>1998</v>
      </c>
      <c r="C527" s="4" t="s">
        <v>6</v>
      </c>
      <c r="D527" s="5" t="s">
        <v>1999</v>
      </c>
      <c r="E527" s="5" t="s">
        <v>1862</v>
      </c>
      <c r="F527" s="6" t="s">
        <v>5</v>
      </c>
      <c r="G527" s="2"/>
      <c r="H527" s="4"/>
      <c r="I527" s="5"/>
      <c r="J527" s="5"/>
      <c r="K527" s="5"/>
      <c r="L527" s="6"/>
      <c r="M527" s="2" t="s">
        <v>2000</v>
      </c>
      <c r="N527" s="3">
        <v>38632</v>
      </c>
      <c r="O527" s="3">
        <v>44470</v>
      </c>
      <c r="P527" s="3">
        <v>46295</v>
      </c>
    </row>
    <row r="528" spans="1:16" x14ac:dyDescent="0.15">
      <c r="A528" s="2" t="s">
        <v>49</v>
      </c>
      <c r="B528" s="2" t="s">
        <v>2002</v>
      </c>
      <c r="C528" s="4" t="s">
        <v>6</v>
      </c>
      <c r="D528" s="5" t="s">
        <v>79</v>
      </c>
      <c r="E528" s="5" t="s">
        <v>2001</v>
      </c>
      <c r="F528" s="6" t="s">
        <v>5</v>
      </c>
      <c r="G528" s="2"/>
      <c r="H528" s="4"/>
      <c r="I528" s="5"/>
      <c r="J528" s="5"/>
      <c r="K528" s="5"/>
      <c r="L528" s="6"/>
      <c r="M528" s="2" t="s">
        <v>2003</v>
      </c>
      <c r="N528" s="3">
        <v>43799</v>
      </c>
      <c r="O528" s="3">
        <v>43799</v>
      </c>
      <c r="P528" s="3">
        <v>46326</v>
      </c>
    </row>
    <row r="529" spans="1:16" x14ac:dyDescent="0.15">
      <c r="A529" s="2" t="s">
        <v>49</v>
      </c>
      <c r="B529" s="2" t="s">
        <v>3526</v>
      </c>
      <c r="C529" s="4" t="s">
        <v>6</v>
      </c>
      <c r="D529" s="5" t="s">
        <v>3288</v>
      </c>
      <c r="E529" s="5" t="s">
        <v>3527</v>
      </c>
      <c r="F529" s="6" t="s">
        <v>3528</v>
      </c>
      <c r="G529" s="2" t="s">
        <v>3510</v>
      </c>
      <c r="H529" s="4" t="s">
        <v>9</v>
      </c>
      <c r="I529" s="5" t="s">
        <v>6</v>
      </c>
      <c r="J529" s="5" t="s">
        <v>959</v>
      </c>
      <c r="K529" s="5" t="s">
        <v>3511</v>
      </c>
      <c r="L529" s="6" t="s">
        <v>5</v>
      </c>
      <c r="M529" s="2" t="s">
        <v>3529</v>
      </c>
      <c r="N529" s="3">
        <v>45022</v>
      </c>
      <c r="O529" s="3">
        <v>45022</v>
      </c>
      <c r="P529" s="3">
        <v>47452</v>
      </c>
    </row>
    <row r="530" spans="1:16" x14ac:dyDescent="0.15">
      <c r="A530" s="2" t="s">
        <v>49</v>
      </c>
      <c r="B530" s="2" t="s">
        <v>3533</v>
      </c>
      <c r="C530" s="4" t="s">
        <v>6</v>
      </c>
      <c r="D530" s="5" t="s">
        <v>3534</v>
      </c>
      <c r="E530" s="5" t="s">
        <v>3535</v>
      </c>
      <c r="F530" s="6" t="s">
        <v>5</v>
      </c>
      <c r="G530" s="2" t="s">
        <v>3531</v>
      </c>
      <c r="H530" s="4" t="s">
        <v>9</v>
      </c>
      <c r="I530" s="5" t="s">
        <v>6</v>
      </c>
      <c r="J530" s="5" t="s">
        <v>6</v>
      </c>
      <c r="K530" s="5" t="s">
        <v>3532</v>
      </c>
      <c r="L530" s="6" t="s">
        <v>5</v>
      </c>
      <c r="M530" s="2" t="s">
        <v>3536</v>
      </c>
      <c r="N530" s="3">
        <v>42866</v>
      </c>
      <c r="O530" s="3">
        <v>45047</v>
      </c>
      <c r="P530" s="3">
        <v>46873</v>
      </c>
    </row>
    <row r="531" spans="1:16" x14ac:dyDescent="0.15">
      <c r="A531" s="2" t="s">
        <v>49</v>
      </c>
      <c r="B531" s="2" t="s">
        <v>2017</v>
      </c>
      <c r="C531" s="4" t="s">
        <v>6</v>
      </c>
      <c r="D531" s="5" t="s">
        <v>2018</v>
      </c>
      <c r="E531" s="5" t="s">
        <v>2019</v>
      </c>
      <c r="F531" s="6" t="s">
        <v>5</v>
      </c>
      <c r="G531" s="2"/>
      <c r="H531" s="4"/>
      <c r="I531" s="5"/>
      <c r="J531" s="5"/>
      <c r="K531" s="5"/>
      <c r="L531" s="6"/>
      <c r="M531" s="2" t="s">
        <v>2020</v>
      </c>
      <c r="N531" s="3">
        <v>32500</v>
      </c>
      <c r="O531" s="3">
        <v>44501</v>
      </c>
      <c r="P531" s="3">
        <v>46326</v>
      </c>
    </row>
    <row r="532" spans="1:16" x14ac:dyDescent="0.15">
      <c r="A532" s="2" t="s">
        <v>49</v>
      </c>
      <c r="B532" s="2" t="s">
        <v>3542</v>
      </c>
      <c r="C532" s="4" t="s">
        <v>6</v>
      </c>
      <c r="D532" s="5" t="s">
        <v>1152</v>
      </c>
      <c r="E532" s="5" t="s">
        <v>412</v>
      </c>
      <c r="F532" s="6" t="s">
        <v>5</v>
      </c>
      <c r="G532" s="2" t="s">
        <v>3539</v>
      </c>
      <c r="H532" s="4" t="s">
        <v>29</v>
      </c>
      <c r="I532" s="5" t="s">
        <v>30</v>
      </c>
      <c r="J532" s="5" t="s">
        <v>3540</v>
      </c>
      <c r="K532" s="5" t="s">
        <v>3541</v>
      </c>
      <c r="L532" s="6" t="s">
        <v>5</v>
      </c>
      <c r="M532" s="2" t="s">
        <v>3543</v>
      </c>
      <c r="N532" s="3">
        <v>44530</v>
      </c>
      <c r="O532" s="3">
        <v>44530</v>
      </c>
      <c r="P532" s="3">
        <v>46721</v>
      </c>
    </row>
    <row r="533" spans="1:16" x14ac:dyDescent="0.15">
      <c r="A533" s="2" t="s">
        <v>49</v>
      </c>
      <c r="B533" s="2" t="s">
        <v>2028</v>
      </c>
      <c r="C533" s="4" t="s">
        <v>6</v>
      </c>
      <c r="D533" s="5" t="s">
        <v>247</v>
      </c>
      <c r="E533" s="5" t="s">
        <v>2029</v>
      </c>
      <c r="F533" s="6" t="s">
        <v>5</v>
      </c>
      <c r="G533" s="2"/>
      <c r="H533" s="4"/>
      <c r="I533" s="5"/>
      <c r="J533" s="5"/>
      <c r="K533" s="5"/>
      <c r="L533" s="6"/>
      <c r="M533" s="2" t="s">
        <v>2031</v>
      </c>
      <c r="N533" s="3">
        <v>44440</v>
      </c>
      <c r="O533" s="3">
        <v>44440</v>
      </c>
      <c r="P533" s="3">
        <v>46904</v>
      </c>
    </row>
    <row r="534" spans="1:16" x14ac:dyDescent="0.15">
      <c r="A534" s="2" t="s">
        <v>49</v>
      </c>
      <c r="B534" s="2" t="s">
        <v>2032</v>
      </c>
      <c r="C534" s="4" t="s">
        <v>6</v>
      </c>
      <c r="D534" s="5" t="s">
        <v>1494</v>
      </c>
      <c r="E534" s="5" t="s">
        <v>1777</v>
      </c>
      <c r="F534" s="6" t="s">
        <v>5</v>
      </c>
      <c r="G534" s="2"/>
      <c r="H534" s="4"/>
      <c r="I534" s="5"/>
      <c r="J534" s="5"/>
      <c r="K534" s="5"/>
      <c r="L534" s="6"/>
      <c r="M534" s="2" t="s">
        <v>2033</v>
      </c>
      <c r="N534" s="3">
        <v>35887</v>
      </c>
      <c r="O534" s="3">
        <v>44470</v>
      </c>
      <c r="P534" s="3">
        <v>46660</v>
      </c>
    </row>
    <row r="535" spans="1:16" x14ac:dyDescent="0.15">
      <c r="A535" s="2" t="s">
        <v>49</v>
      </c>
      <c r="B535" s="2" t="s">
        <v>3555</v>
      </c>
      <c r="C535" s="4" t="s">
        <v>6</v>
      </c>
      <c r="D535" s="5" t="s">
        <v>3556</v>
      </c>
      <c r="E535" s="5" t="s">
        <v>3557</v>
      </c>
      <c r="F535" s="6" t="s">
        <v>5</v>
      </c>
      <c r="G535" s="2" t="s">
        <v>3553</v>
      </c>
      <c r="H535" s="4" t="s">
        <v>9</v>
      </c>
      <c r="I535" s="5" t="s">
        <v>6</v>
      </c>
      <c r="J535" s="5" t="s">
        <v>152</v>
      </c>
      <c r="K535" s="5" t="s">
        <v>3554</v>
      </c>
      <c r="L535" s="6" t="s">
        <v>5</v>
      </c>
      <c r="M535" s="2" t="s">
        <v>3558</v>
      </c>
      <c r="N535" s="3">
        <v>44531</v>
      </c>
      <c r="O535" s="3">
        <v>44531</v>
      </c>
      <c r="P535" s="3">
        <v>47057</v>
      </c>
    </row>
    <row r="536" spans="1:16" x14ac:dyDescent="0.15">
      <c r="A536" s="2" t="s">
        <v>49</v>
      </c>
      <c r="B536" s="2" t="s">
        <v>3569</v>
      </c>
      <c r="C536" s="4" t="s">
        <v>6</v>
      </c>
      <c r="D536" s="5" t="s">
        <v>2847</v>
      </c>
      <c r="E536" s="5" t="s">
        <v>2576</v>
      </c>
      <c r="F536" s="6" t="s">
        <v>5</v>
      </c>
      <c r="G536" s="2" t="s">
        <v>3566</v>
      </c>
      <c r="H536" s="4" t="s">
        <v>29</v>
      </c>
      <c r="I536" s="5" t="s">
        <v>1197</v>
      </c>
      <c r="J536" s="5" t="s">
        <v>3567</v>
      </c>
      <c r="K536" s="5" t="s">
        <v>3568</v>
      </c>
      <c r="L536" s="6" t="s">
        <v>5</v>
      </c>
      <c r="M536" s="2" t="s">
        <v>3571</v>
      </c>
      <c r="N536" s="3">
        <v>39743</v>
      </c>
      <c r="O536" s="3">
        <v>43922</v>
      </c>
      <c r="P536" s="3">
        <v>46112</v>
      </c>
    </row>
    <row r="537" spans="1:16" x14ac:dyDescent="0.15">
      <c r="A537" s="2" t="s">
        <v>16</v>
      </c>
      <c r="B537" s="2" t="s">
        <v>2048</v>
      </c>
      <c r="C537" s="4" t="s">
        <v>6</v>
      </c>
      <c r="D537" s="5" t="s">
        <v>2046</v>
      </c>
      <c r="E537" s="5" t="s">
        <v>2047</v>
      </c>
      <c r="F537" s="6" t="s">
        <v>5</v>
      </c>
      <c r="G537" s="2"/>
      <c r="H537" s="4"/>
      <c r="I537" s="5"/>
      <c r="J537" s="5"/>
      <c r="K537" s="5"/>
      <c r="L537" s="6"/>
      <c r="M537" s="2" t="s">
        <v>2049</v>
      </c>
      <c r="N537" s="3">
        <v>38667</v>
      </c>
      <c r="O537" s="3">
        <v>44501</v>
      </c>
      <c r="P537" s="3">
        <v>46326</v>
      </c>
    </row>
    <row r="538" spans="1:16" x14ac:dyDescent="0.15">
      <c r="A538" s="2" t="s">
        <v>49</v>
      </c>
      <c r="B538" s="2" t="s">
        <v>2051</v>
      </c>
      <c r="C538" s="4" t="s">
        <v>6</v>
      </c>
      <c r="D538" s="5" t="s">
        <v>2050</v>
      </c>
      <c r="E538" s="5" t="s">
        <v>2052</v>
      </c>
      <c r="F538" s="6" t="s">
        <v>5</v>
      </c>
      <c r="G538" s="2"/>
      <c r="H538" s="4"/>
      <c r="I538" s="5"/>
      <c r="J538" s="5"/>
      <c r="K538" s="5"/>
      <c r="L538" s="6"/>
      <c r="M538" s="2" t="s">
        <v>2053</v>
      </c>
      <c r="N538" s="3">
        <v>35363</v>
      </c>
      <c r="O538" s="3">
        <v>44470</v>
      </c>
      <c r="P538" s="3">
        <v>46295</v>
      </c>
    </row>
    <row r="539" spans="1:16" x14ac:dyDescent="0.15">
      <c r="A539" s="2" t="s">
        <v>49</v>
      </c>
      <c r="B539" s="2" t="s">
        <v>2055</v>
      </c>
      <c r="C539" s="4" t="s">
        <v>6</v>
      </c>
      <c r="D539" s="5" t="s">
        <v>174</v>
      </c>
      <c r="E539" s="5" t="s">
        <v>2056</v>
      </c>
      <c r="F539" s="6" t="s">
        <v>2057</v>
      </c>
      <c r="G539" s="2"/>
      <c r="H539" s="4"/>
      <c r="I539" s="5"/>
      <c r="J539" s="5"/>
      <c r="K539" s="5"/>
      <c r="L539" s="6"/>
      <c r="M539" s="2" t="s">
        <v>2058</v>
      </c>
      <c r="N539" s="3">
        <v>42074</v>
      </c>
      <c r="O539" s="3">
        <v>44470</v>
      </c>
      <c r="P539" s="3">
        <v>46660</v>
      </c>
    </row>
    <row r="540" spans="1:16" x14ac:dyDescent="0.15">
      <c r="A540" s="2" t="s">
        <v>49</v>
      </c>
      <c r="B540" s="2" t="s">
        <v>2059</v>
      </c>
      <c r="C540" s="4" t="s">
        <v>6</v>
      </c>
      <c r="D540" s="5" t="s">
        <v>2060</v>
      </c>
      <c r="E540" s="5" t="s">
        <v>5</v>
      </c>
      <c r="F540" s="6" t="s">
        <v>5</v>
      </c>
      <c r="G540" s="2"/>
      <c r="H540" s="4"/>
      <c r="I540" s="5"/>
      <c r="J540" s="5"/>
      <c r="K540" s="5"/>
      <c r="L540" s="6"/>
      <c r="M540" s="2" t="s">
        <v>2061</v>
      </c>
      <c r="N540" s="3">
        <v>44666</v>
      </c>
      <c r="O540" s="3">
        <v>44666</v>
      </c>
      <c r="P540" s="3">
        <v>47026</v>
      </c>
    </row>
    <row r="541" spans="1:16" x14ac:dyDescent="0.15">
      <c r="A541" s="2" t="s">
        <v>49</v>
      </c>
      <c r="B541" s="2" t="s">
        <v>2063</v>
      </c>
      <c r="C541" s="4" t="s">
        <v>6</v>
      </c>
      <c r="D541" s="5" t="s">
        <v>1037</v>
      </c>
      <c r="E541" s="5" t="s">
        <v>2062</v>
      </c>
      <c r="F541" s="6" t="s">
        <v>5</v>
      </c>
      <c r="G541" s="2"/>
      <c r="H541" s="4"/>
      <c r="I541" s="5"/>
      <c r="J541" s="5"/>
      <c r="K541" s="5"/>
      <c r="L541" s="6"/>
      <c r="M541" s="2" t="s">
        <v>2064</v>
      </c>
      <c r="N541" s="3">
        <v>35220</v>
      </c>
      <c r="O541" s="3">
        <v>44501</v>
      </c>
      <c r="P541" s="3">
        <v>46691</v>
      </c>
    </row>
    <row r="542" spans="1:16" x14ac:dyDescent="0.15">
      <c r="A542" s="2" t="s">
        <v>49</v>
      </c>
      <c r="B542" s="2" t="s">
        <v>3574</v>
      </c>
      <c r="C542" s="4" t="s">
        <v>6</v>
      </c>
      <c r="D542" s="5" t="s">
        <v>500</v>
      </c>
      <c r="E542" s="5" t="s">
        <v>3575</v>
      </c>
      <c r="F542" s="6" t="s">
        <v>3576</v>
      </c>
      <c r="G542" s="2" t="s">
        <v>3572</v>
      </c>
      <c r="H542" s="4" t="s">
        <v>384</v>
      </c>
      <c r="I542" s="5" t="s">
        <v>441</v>
      </c>
      <c r="J542" s="5" t="s">
        <v>3573</v>
      </c>
      <c r="K542" s="5" t="s">
        <v>5</v>
      </c>
      <c r="L542" s="6" t="s">
        <v>5</v>
      </c>
      <c r="M542" s="2" t="s">
        <v>3577</v>
      </c>
      <c r="N542" s="3">
        <v>44918</v>
      </c>
      <c r="O542" s="3">
        <v>44918</v>
      </c>
      <c r="P542" s="3">
        <v>47269</v>
      </c>
    </row>
    <row r="543" spans="1:16" x14ac:dyDescent="0.15">
      <c r="A543" s="2" t="s">
        <v>1231</v>
      </c>
      <c r="B543" s="2" t="s">
        <v>2072</v>
      </c>
      <c r="C543" s="4" t="s">
        <v>6</v>
      </c>
      <c r="D543" s="5" t="s">
        <v>1494</v>
      </c>
      <c r="E543" s="5" t="s">
        <v>2071</v>
      </c>
      <c r="F543" s="6" t="s">
        <v>5</v>
      </c>
      <c r="G543" s="2"/>
      <c r="H543" s="4"/>
      <c r="I543" s="5"/>
      <c r="J543" s="5"/>
      <c r="K543" s="5"/>
      <c r="L543" s="6"/>
      <c r="M543" s="2" t="s">
        <v>2073</v>
      </c>
      <c r="N543" s="3">
        <v>38670</v>
      </c>
      <c r="O543" s="3">
        <v>44470</v>
      </c>
      <c r="P543" s="3">
        <v>46295</v>
      </c>
    </row>
    <row r="544" spans="1:16" x14ac:dyDescent="0.15">
      <c r="A544" s="2" t="s">
        <v>49</v>
      </c>
      <c r="B544" s="2" t="s">
        <v>2074</v>
      </c>
      <c r="C544" s="4" t="s">
        <v>6</v>
      </c>
      <c r="D544" s="5" t="s">
        <v>111</v>
      </c>
      <c r="E544" s="5" t="s">
        <v>2075</v>
      </c>
      <c r="F544" s="6" t="s">
        <v>5</v>
      </c>
      <c r="G544" s="2"/>
      <c r="H544" s="4"/>
      <c r="I544" s="5"/>
      <c r="J544" s="5"/>
      <c r="K544" s="5"/>
      <c r="L544" s="6"/>
      <c r="M544" s="2" t="s">
        <v>2076</v>
      </c>
      <c r="N544" s="3">
        <v>42263</v>
      </c>
      <c r="O544" s="3">
        <v>44501</v>
      </c>
      <c r="P544" s="3">
        <v>46691</v>
      </c>
    </row>
    <row r="545" spans="1:16" x14ac:dyDescent="0.15">
      <c r="A545" s="2" t="s">
        <v>49</v>
      </c>
      <c r="B545" s="2" t="s">
        <v>2078</v>
      </c>
      <c r="C545" s="4" t="s">
        <v>6</v>
      </c>
      <c r="D545" s="5" t="s">
        <v>367</v>
      </c>
      <c r="E545" s="5" t="s">
        <v>2079</v>
      </c>
      <c r="F545" s="6" t="s">
        <v>5</v>
      </c>
      <c r="G545" s="2"/>
      <c r="H545" s="4"/>
      <c r="I545" s="5"/>
      <c r="J545" s="5"/>
      <c r="K545" s="5"/>
      <c r="L545" s="6"/>
      <c r="M545" s="2" t="s">
        <v>2080</v>
      </c>
      <c r="N545" s="3">
        <v>36506</v>
      </c>
      <c r="O545" s="3">
        <v>44470</v>
      </c>
      <c r="P545" s="3">
        <v>46295</v>
      </c>
    </row>
    <row r="546" spans="1:16" x14ac:dyDescent="0.15">
      <c r="A546" s="2" t="s">
        <v>49</v>
      </c>
      <c r="B546" s="2" t="s">
        <v>2082</v>
      </c>
      <c r="C546" s="4" t="s">
        <v>6</v>
      </c>
      <c r="D546" s="5" t="s">
        <v>363</v>
      </c>
      <c r="E546" s="5" t="s">
        <v>2081</v>
      </c>
      <c r="F546" s="6" t="s">
        <v>5</v>
      </c>
      <c r="G546" s="2"/>
      <c r="H546" s="4"/>
      <c r="I546" s="5"/>
      <c r="J546" s="5"/>
      <c r="K546" s="5"/>
      <c r="L546" s="6"/>
      <c r="M546" s="2" t="s">
        <v>2083</v>
      </c>
      <c r="N546" s="3">
        <v>34058</v>
      </c>
      <c r="O546" s="3">
        <v>44501</v>
      </c>
      <c r="P546" s="3">
        <v>46326</v>
      </c>
    </row>
    <row r="547" spans="1:16" x14ac:dyDescent="0.15">
      <c r="A547" s="2" t="s">
        <v>49</v>
      </c>
      <c r="B547" s="2" t="s">
        <v>2085</v>
      </c>
      <c r="C547" s="4" t="s">
        <v>6</v>
      </c>
      <c r="D547" s="5" t="s">
        <v>1440</v>
      </c>
      <c r="E547" s="5" t="s">
        <v>2084</v>
      </c>
      <c r="F547" s="6" t="s">
        <v>5</v>
      </c>
      <c r="G547" s="2"/>
      <c r="H547" s="4"/>
      <c r="I547" s="5"/>
      <c r="J547" s="5"/>
      <c r="K547" s="5"/>
      <c r="L547" s="6"/>
      <c r="M547" s="2" t="s">
        <v>2086</v>
      </c>
      <c r="N547" s="3">
        <v>30998</v>
      </c>
      <c r="O547" s="3">
        <v>44501</v>
      </c>
      <c r="P547" s="3">
        <v>46326</v>
      </c>
    </row>
    <row r="548" spans="1:16" x14ac:dyDescent="0.15">
      <c r="A548" s="2" t="s">
        <v>49</v>
      </c>
      <c r="B548" s="2" t="s">
        <v>2088</v>
      </c>
      <c r="C548" s="4" t="s">
        <v>6</v>
      </c>
      <c r="D548" s="5" t="s">
        <v>2089</v>
      </c>
      <c r="E548" s="5" t="s">
        <v>2090</v>
      </c>
      <c r="F548" s="6" t="s">
        <v>2091</v>
      </c>
      <c r="G548" s="2"/>
      <c r="H548" s="4"/>
      <c r="I548" s="5"/>
      <c r="J548" s="5"/>
      <c r="K548" s="5"/>
      <c r="L548" s="6"/>
      <c r="M548" s="2" t="s">
        <v>2092</v>
      </c>
      <c r="N548" s="3">
        <v>44442</v>
      </c>
      <c r="O548" s="3">
        <v>44442</v>
      </c>
      <c r="P548" s="3">
        <v>46356</v>
      </c>
    </row>
    <row r="549" spans="1:16" x14ac:dyDescent="0.15">
      <c r="A549" s="2" t="s">
        <v>16</v>
      </c>
      <c r="B549" s="2" t="s">
        <v>2095</v>
      </c>
      <c r="C549" s="4" t="s">
        <v>6</v>
      </c>
      <c r="D549" s="5" t="s">
        <v>2093</v>
      </c>
      <c r="E549" s="5" t="s">
        <v>2094</v>
      </c>
      <c r="F549" s="6" t="s">
        <v>5</v>
      </c>
      <c r="G549" s="2"/>
      <c r="H549" s="4"/>
      <c r="I549" s="5"/>
      <c r="J549" s="5"/>
      <c r="K549" s="5"/>
      <c r="L549" s="6"/>
      <c r="M549" s="2" t="s">
        <v>2096</v>
      </c>
      <c r="N549" s="3">
        <v>33878</v>
      </c>
      <c r="O549" s="3">
        <v>44470</v>
      </c>
      <c r="P549" s="3">
        <v>46295</v>
      </c>
    </row>
    <row r="550" spans="1:16" x14ac:dyDescent="0.15">
      <c r="A550" s="2" t="s">
        <v>49</v>
      </c>
      <c r="B550" s="2" t="s">
        <v>3578</v>
      </c>
      <c r="C550" s="4" t="s">
        <v>6</v>
      </c>
      <c r="D550" s="5" t="s">
        <v>174</v>
      </c>
      <c r="E550" s="5" t="s">
        <v>2056</v>
      </c>
      <c r="F550" s="6" t="s">
        <v>3579</v>
      </c>
      <c r="G550" s="2" t="s">
        <v>3572</v>
      </c>
      <c r="H550" s="4" t="s">
        <v>384</v>
      </c>
      <c r="I550" s="5" t="s">
        <v>441</v>
      </c>
      <c r="J550" s="5" t="s">
        <v>3573</v>
      </c>
      <c r="K550" s="5" t="s">
        <v>5</v>
      </c>
      <c r="L550" s="6" t="s">
        <v>5</v>
      </c>
      <c r="M550" s="2" t="s">
        <v>3580</v>
      </c>
      <c r="N550" s="3">
        <v>45016</v>
      </c>
      <c r="O550" s="3">
        <v>45016</v>
      </c>
      <c r="P550" s="3">
        <v>47391</v>
      </c>
    </row>
    <row r="551" spans="1:16" x14ac:dyDescent="0.15">
      <c r="A551" s="2" t="s">
        <v>49</v>
      </c>
      <c r="B551" s="2" t="s">
        <v>3617</v>
      </c>
      <c r="C551" s="4" t="s">
        <v>6</v>
      </c>
      <c r="D551" s="5" t="s">
        <v>3618</v>
      </c>
      <c r="E551" s="5" t="s">
        <v>5</v>
      </c>
      <c r="F551" s="6" t="s">
        <v>3619</v>
      </c>
      <c r="G551" s="2" t="s">
        <v>3615</v>
      </c>
      <c r="H551" s="4" t="s">
        <v>9</v>
      </c>
      <c r="I551" s="5" t="s">
        <v>6</v>
      </c>
      <c r="J551" s="5" t="s">
        <v>3616</v>
      </c>
      <c r="K551" s="5" t="s">
        <v>5</v>
      </c>
      <c r="L551" s="6" t="s">
        <v>5</v>
      </c>
      <c r="M551" s="2" t="s">
        <v>3620</v>
      </c>
      <c r="N551" s="3">
        <v>44540</v>
      </c>
      <c r="O551" s="3">
        <v>44540</v>
      </c>
      <c r="P551" s="3">
        <v>47087</v>
      </c>
    </row>
    <row r="552" spans="1:16" x14ac:dyDescent="0.15">
      <c r="A552" s="2" t="s">
        <v>49</v>
      </c>
      <c r="B552" s="2" t="s">
        <v>2104</v>
      </c>
      <c r="C552" s="4" t="s">
        <v>6</v>
      </c>
      <c r="D552" s="5" t="s">
        <v>1037</v>
      </c>
      <c r="E552" s="5" t="s">
        <v>2105</v>
      </c>
      <c r="F552" s="6" t="s">
        <v>5</v>
      </c>
      <c r="G552" s="2"/>
      <c r="H552" s="4"/>
      <c r="I552" s="5"/>
      <c r="J552" s="5"/>
      <c r="K552" s="5"/>
      <c r="L552" s="6"/>
      <c r="M552" s="2" t="s">
        <v>2106</v>
      </c>
      <c r="N552" s="3">
        <v>40053</v>
      </c>
      <c r="O552" s="3">
        <v>44501</v>
      </c>
      <c r="P552" s="3">
        <v>46691</v>
      </c>
    </row>
    <row r="553" spans="1:16" x14ac:dyDescent="0.15">
      <c r="A553" s="2" t="s">
        <v>49</v>
      </c>
      <c r="B553" s="2" t="s">
        <v>2109</v>
      </c>
      <c r="C553" s="4" t="s">
        <v>6</v>
      </c>
      <c r="D553" s="5" t="s">
        <v>2107</v>
      </c>
      <c r="E553" s="5" t="s">
        <v>2108</v>
      </c>
      <c r="F553" s="6" t="s">
        <v>5</v>
      </c>
      <c r="G553" s="2"/>
      <c r="H553" s="4"/>
      <c r="I553" s="5"/>
      <c r="J553" s="5"/>
      <c r="K553" s="5"/>
      <c r="L553" s="6"/>
      <c r="M553" s="2" t="s">
        <v>2110</v>
      </c>
      <c r="N553" s="3">
        <v>34274</v>
      </c>
      <c r="O553" s="3">
        <v>44501</v>
      </c>
      <c r="P553" s="3">
        <v>46326</v>
      </c>
    </row>
    <row r="554" spans="1:16" x14ac:dyDescent="0.15">
      <c r="A554" s="2" t="s">
        <v>66</v>
      </c>
      <c r="B554" s="2" t="s">
        <v>2109</v>
      </c>
      <c r="C554" s="4" t="s">
        <v>6</v>
      </c>
      <c r="D554" s="5" t="s">
        <v>2107</v>
      </c>
      <c r="E554" s="5" t="s">
        <v>2108</v>
      </c>
      <c r="F554" s="6" t="s">
        <v>5</v>
      </c>
      <c r="G554" s="2"/>
      <c r="H554" s="4"/>
      <c r="I554" s="5"/>
      <c r="J554" s="5"/>
      <c r="K554" s="5"/>
      <c r="L554" s="6"/>
      <c r="M554" s="2" t="s">
        <v>2111</v>
      </c>
      <c r="N554" s="3">
        <v>35735</v>
      </c>
      <c r="O554" s="3">
        <v>44501</v>
      </c>
      <c r="P554" s="3">
        <v>46326</v>
      </c>
    </row>
    <row r="555" spans="1:16" x14ac:dyDescent="0.15">
      <c r="A555" s="2" t="s">
        <v>2115</v>
      </c>
      <c r="B555" s="2" t="s">
        <v>2112</v>
      </c>
      <c r="C555" s="4" t="s">
        <v>6</v>
      </c>
      <c r="D555" s="5" t="s">
        <v>1758</v>
      </c>
      <c r="E555" s="5" t="s">
        <v>2114</v>
      </c>
      <c r="F555" s="6" t="s">
        <v>5</v>
      </c>
      <c r="G555" s="2" t="s">
        <v>2112</v>
      </c>
      <c r="H555" s="4" t="s">
        <v>9</v>
      </c>
      <c r="I555" s="5" t="s">
        <v>6</v>
      </c>
      <c r="J555" s="5" t="s">
        <v>1758</v>
      </c>
      <c r="K555" s="5" t="s">
        <v>2113</v>
      </c>
      <c r="L555" s="6" t="s">
        <v>5</v>
      </c>
      <c r="M555" s="2" t="s">
        <v>2116</v>
      </c>
      <c r="N555" s="3">
        <v>36692</v>
      </c>
      <c r="O555" s="3">
        <v>44835</v>
      </c>
      <c r="P555" s="3">
        <v>47026</v>
      </c>
    </row>
    <row r="556" spans="1:16" x14ac:dyDescent="0.15">
      <c r="A556" s="2" t="s">
        <v>49</v>
      </c>
      <c r="B556" s="2" t="s">
        <v>2117</v>
      </c>
      <c r="C556" s="4" t="s">
        <v>6</v>
      </c>
      <c r="D556" s="5" t="s">
        <v>2118</v>
      </c>
      <c r="E556" s="5" t="s">
        <v>1187</v>
      </c>
      <c r="F556" s="6" t="s">
        <v>5</v>
      </c>
      <c r="G556" s="2"/>
      <c r="H556" s="4"/>
      <c r="I556" s="5"/>
      <c r="J556" s="5"/>
      <c r="K556" s="5"/>
      <c r="L556" s="6"/>
      <c r="M556" s="2" t="s">
        <v>2119</v>
      </c>
      <c r="N556" s="3">
        <v>34114</v>
      </c>
      <c r="O556" s="3">
        <v>44470</v>
      </c>
      <c r="P556" s="3">
        <v>46295</v>
      </c>
    </row>
    <row r="557" spans="1:16" x14ac:dyDescent="0.15">
      <c r="A557" s="2" t="s">
        <v>49</v>
      </c>
      <c r="B557" s="2" t="s">
        <v>3621</v>
      </c>
      <c r="C557" s="4" t="s">
        <v>6</v>
      </c>
      <c r="D557" s="5" t="s">
        <v>500</v>
      </c>
      <c r="E557" s="5" t="s">
        <v>3622</v>
      </c>
      <c r="F557" s="6" t="s">
        <v>3623</v>
      </c>
      <c r="G557" s="2" t="s">
        <v>3615</v>
      </c>
      <c r="H557" s="4" t="s">
        <v>9</v>
      </c>
      <c r="I557" s="5" t="s">
        <v>6</v>
      </c>
      <c r="J557" s="5" t="s">
        <v>3616</v>
      </c>
      <c r="K557" s="5" t="s">
        <v>5</v>
      </c>
      <c r="L557" s="6" t="s">
        <v>5</v>
      </c>
      <c r="M557" s="2" t="s">
        <v>3624</v>
      </c>
      <c r="N557" s="3">
        <v>42951</v>
      </c>
      <c r="O557" s="3">
        <v>45078</v>
      </c>
      <c r="P557" s="3">
        <v>46904</v>
      </c>
    </row>
    <row r="558" spans="1:16" x14ac:dyDescent="0.15">
      <c r="A558" s="2" t="s">
        <v>49</v>
      </c>
      <c r="B558" s="2" t="s">
        <v>3660</v>
      </c>
      <c r="C558" s="4" t="s">
        <v>6</v>
      </c>
      <c r="D558" s="5" t="s">
        <v>627</v>
      </c>
      <c r="E558" s="5" t="s">
        <v>3661</v>
      </c>
      <c r="F558" s="6" t="s">
        <v>5</v>
      </c>
      <c r="G558" s="2" t="s">
        <v>3657</v>
      </c>
      <c r="H558" s="4" t="s">
        <v>29</v>
      </c>
      <c r="I558" s="5" t="s">
        <v>30</v>
      </c>
      <c r="J558" s="5" t="s">
        <v>3658</v>
      </c>
      <c r="K558" s="5" t="s">
        <v>3659</v>
      </c>
      <c r="L558" s="6" t="s">
        <v>5</v>
      </c>
      <c r="M558" s="2" t="s">
        <v>3662</v>
      </c>
      <c r="N558" s="3">
        <v>40269</v>
      </c>
      <c r="O558" s="3">
        <v>45017</v>
      </c>
      <c r="P558" s="3">
        <v>47208</v>
      </c>
    </row>
    <row r="559" spans="1:16" x14ac:dyDescent="0.15">
      <c r="A559" s="2" t="s">
        <v>49</v>
      </c>
      <c r="B559" s="2" t="s">
        <v>2130</v>
      </c>
      <c r="C559" s="4" t="s">
        <v>6</v>
      </c>
      <c r="D559" s="5" t="s">
        <v>2128</v>
      </c>
      <c r="E559" s="5" t="s">
        <v>2129</v>
      </c>
      <c r="F559" s="6" t="s">
        <v>5</v>
      </c>
      <c r="G559" s="2"/>
      <c r="H559" s="4"/>
      <c r="I559" s="5"/>
      <c r="J559" s="5"/>
      <c r="K559" s="5"/>
      <c r="L559" s="6"/>
      <c r="M559" s="2" t="s">
        <v>2131</v>
      </c>
      <c r="N559" s="3">
        <v>40645</v>
      </c>
      <c r="O559" s="3">
        <v>44470</v>
      </c>
      <c r="P559" s="3">
        <v>46295</v>
      </c>
    </row>
    <row r="560" spans="1:16" x14ac:dyDescent="0.15">
      <c r="A560" s="2" t="s">
        <v>49</v>
      </c>
      <c r="B560" s="2" t="s">
        <v>2133</v>
      </c>
      <c r="C560" s="4" t="s">
        <v>6</v>
      </c>
      <c r="D560" s="5" t="s">
        <v>2134</v>
      </c>
      <c r="E560" s="5" t="s">
        <v>723</v>
      </c>
      <c r="F560" s="6" t="s">
        <v>5</v>
      </c>
      <c r="G560" s="2"/>
      <c r="H560" s="4"/>
      <c r="I560" s="5"/>
      <c r="J560" s="5"/>
      <c r="K560" s="5"/>
      <c r="L560" s="6"/>
      <c r="M560" s="2" t="s">
        <v>2135</v>
      </c>
      <c r="N560" s="3">
        <v>42937</v>
      </c>
      <c r="O560" s="3">
        <v>42937</v>
      </c>
      <c r="P560" s="3">
        <v>45473</v>
      </c>
    </row>
    <row r="561" spans="1:16" x14ac:dyDescent="0.15">
      <c r="A561" s="2" t="s">
        <v>49</v>
      </c>
      <c r="B561" s="2" t="s">
        <v>2136</v>
      </c>
      <c r="C561" s="4" t="s">
        <v>6</v>
      </c>
      <c r="D561" s="5" t="s">
        <v>1360</v>
      </c>
      <c r="E561" s="5" t="s">
        <v>70</v>
      </c>
      <c r="F561" s="6" t="s">
        <v>5</v>
      </c>
      <c r="G561" s="2"/>
      <c r="H561" s="4"/>
      <c r="I561" s="5"/>
      <c r="J561" s="5"/>
      <c r="K561" s="5"/>
      <c r="L561" s="6"/>
      <c r="M561" s="2" t="s">
        <v>2137</v>
      </c>
      <c r="N561" s="3">
        <v>43286</v>
      </c>
      <c r="O561" s="3">
        <v>43286</v>
      </c>
      <c r="P561" s="3">
        <v>45747</v>
      </c>
    </row>
    <row r="562" spans="1:16" x14ac:dyDescent="0.15">
      <c r="A562" s="2" t="s">
        <v>486</v>
      </c>
      <c r="B562" s="2" t="s">
        <v>2139</v>
      </c>
      <c r="C562" s="4" t="s">
        <v>6</v>
      </c>
      <c r="D562" s="5" t="s">
        <v>2138</v>
      </c>
      <c r="E562" s="5" t="s">
        <v>2140</v>
      </c>
      <c r="F562" s="6" t="s">
        <v>5</v>
      </c>
      <c r="G562" s="2"/>
      <c r="H562" s="4"/>
      <c r="I562" s="5"/>
      <c r="J562" s="5"/>
      <c r="K562" s="5"/>
      <c r="L562" s="6"/>
      <c r="M562" s="2" t="s">
        <v>2141</v>
      </c>
      <c r="N562" s="3">
        <v>45106</v>
      </c>
      <c r="O562" s="3">
        <v>45106</v>
      </c>
      <c r="P562" s="3">
        <v>47026</v>
      </c>
    </row>
    <row r="563" spans="1:16" x14ac:dyDescent="0.15">
      <c r="A563" s="2" t="s">
        <v>16</v>
      </c>
      <c r="B563" s="2" t="s">
        <v>2143</v>
      </c>
      <c r="C563" s="4" t="s">
        <v>6</v>
      </c>
      <c r="D563" s="5" t="s">
        <v>1758</v>
      </c>
      <c r="E563" s="5" t="s">
        <v>2142</v>
      </c>
      <c r="F563" s="6" t="s">
        <v>5</v>
      </c>
      <c r="G563" s="2"/>
      <c r="H563" s="4"/>
      <c r="I563" s="5"/>
      <c r="J563" s="5"/>
      <c r="K563" s="5"/>
      <c r="L563" s="6"/>
      <c r="M563" s="2" t="s">
        <v>2144</v>
      </c>
      <c r="N563" s="3">
        <v>38630</v>
      </c>
      <c r="O563" s="3">
        <v>44470</v>
      </c>
      <c r="P563" s="3">
        <v>46295</v>
      </c>
    </row>
    <row r="564" spans="1:16" x14ac:dyDescent="0.15">
      <c r="A564" s="2" t="s">
        <v>49</v>
      </c>
      <c r="B564" s="2" t="s">
        <v>2145</v>
      </c>
      <c r="C564" s="4" t="s">
        <v>6</v>
      </c>
      <c r="D564" s="5" t="s">
        <v>608</v>
      </c>
      <c r="E564" s="5" t="s">
        <v>2146</v>
      </c>
      <c r="F564" s="6" t="s">
        <v>2147</v>
      </c>
      <c r="G564" s="2"/>
      <c r="H564" s="4"/>
      <c r="I564" s="5"/>
      <c r="J564" s="5"/>
      <c r="K564" s="5"/>
      <c r="L564" s="6"/>
      <c r="M564" s="2" t="s">
        <v>2148</v>
      </c>
      <c r="N564" s="3">
        <v>44446</v>
      </c>
      <c r="O564" s="3">
        <v>44446</v>
      </c>
      <c r="P564" s="3">
        <v>46721</v>
      </c>
    </row>
    <row r="565" spans="1:16" x14ac:dyDescent="0.15">
      <c r="A565" s="2" t="s">
        <v>1572</v>
      </c>
      <c r="B565" s="2" t="s">
        <v>2150</v>
      </c>
      <c r="C565" s="4" t="s">
        <v>6</v>
      </c>
      <c r="D565" s="5" t="s">
        <v>140</v>
      </c>
      <c r="E565" s="5" t="s">
        <v>2151</v>
      </c>
      <c r="F565" s="6" t="s">
        <v>5</v>
      </c>
      <c r="G565" s="2" t="s">
        <v>2149</v>
      </c>
      <c r="H565" s="4" t="s">
        <v>9</v>
      </c>
      <c r="I565" s="5" t="s">
        <v>6</v>
      </c>
      <c r="J565" s="5" t="s">
        <v>1758</v>
      </c>
      <c r="K565" s="5" t="s">
        <v>14</v>
      </c>
      <c r="L565" s="6" t="s">
        <v>5</v>
      </c>
      <c r="M565" s="2" t="s">
        <v>2152</v>
      </c>
      <c r="N565" s="3">
        <v>39848</v>
      </c>
      <c r="O565" s="3">
        <v>44470</v>
      </c>
      <c r="P565" s="3">
        <v>46660</v>
      </c>
    </row>
    <row r="566" spans="1:16" x14ac:dyDescent="0.15">
      <c r="A566" s="2" t="s">
        <v>49</v>
      </c>
      <c r="B566" s="2" t="s">
        <v>3668</v>
      </c>
      <c r="C566" s="4" t="s">
        <v>6</v>
      </c>
      <c r="D566" s="5" t="s">
        <v>456</v>
      </c>
      <c r="E566" s="5" t="s">
        <v>520</v>
      </c>
      <c r="F566" s="6" t="s">
        <v>5</v>
      </c>
      <c r="G566" s="2" t="s">
        <v>3663</v>
      </c>
      <c r="H566" s="4" t="s">
        <v>3664</v>
      </c>
      <c r="I566" s="5" t="s">
        <v>3665</v>
      </c>
      <c r="J566" s="5" t="s">
        <v>3666</v>
      </c>
      <c r="K566" s="5" t="s">
        <v>3667</v>
      </c>
      <c r="L566" s="6" t="s">
        <v>5</v>
      </c>
      <c r="M566" s="2" t="s">
        <v>3669</v>
      </c>
      <c r="N566" s="3">
        <v>45366</v>
      </c>
      <c r="O566" s="3">
        <v>45366</v>
      </c>
      <c r="P566" s="3">
        <v>47269</v>
      </c>
    </row>
    <row r="567" spans="1:16" x14ac:dyDescent="0.15">
      <c r="A567" s="2" t="s">
        <v>49</v>
      </c>
      <c r="B567" s="2" t="s">
        <v>3689</v>
      </c>
      <c r="C567" s="4" t="s">
        <v>6</v>
      </c>
      <c r="D567" s="5" t="s">
        <v>3690</v>
      </c>
      <c r="E567" s="5" t="s">
        <v>3691</v>
      </c>
      <c r="F567" s="6" t="s">
        <v>5</v>
      </c>
      <c r="G567" s="2" t="s">
        <v>3687</v>
      </c>
      <c r="H567" s="4" t="s">
        <v>9</v>
      </c>
      <c r="I567" s="5" t="s">
        <v>6</v>
      </c>
      <c r="J567" s="5" t="s">
        <v>2610</v>
      </c>
      <c r="K567" s="5" t="s">
        <v>3688</v>
      </c>
      <c r="L567" s="6" t="s">
        <v>5</v>
      </c>
      <c r="M567" s="2" t="s">
        <v>3692</v>
      </c>
      <c r="N567" s="3">
        <v>42313</v>
      </c>
      <c r="O567" s="3">
        <v>44652</v>
      </c>
      <c r="P567" s="3">
        <v>46843</v>
      </c>
    </row>
    <row r="568" spans="1:16" x14ac:dyDescent="0.15">
      <c r="A568" s="2" t="s">
        <v>49</v>
      </c>
      <c r="B568" s="2" t="s">
        <v>3695</v>
      </c>
      <c r="C568" s="4" t="s">
        <v>6</v>
      </c>
      <c r="D568" s="5" t="s">
        <v>1148</v>
      </c>
      <c r="E568" s="5" t="s">
        <v>3696</v>
      </c>
      <c r="F568" s="6" t="s">
        <v>5</v>
      </c>
      <c r="G568" s="2" t="s">
        <v>3693</v>
      </c>
      <c r="H568" s="4" t="s">
        <v>9</v>
      </c>
      <c r="I568" s="5" t="s">
        <v>6</v>
      </c>
      <c r="J568" s="5" t="s">
        <v>6</v>
      </c>
      <c r="K568" s="5" t="s">
        <v>3694</v>
      </c>
      <c r="L568" s="6" t="s">
        <v>5</v>
      </c>
      <c r="M568" s="2" t="s">
        <v>3697</v>
      </c>
      <c r="N568" s="3">
        <v>38700</v>
      </c>
      <c r="O568" s="3">
        <v>45383</v>
      </c>
      <c r="P568" s="3">
        <v>47573</v>
      </c>
    </row>
    <row r="569" spans="1:16" x14ac:dyDescent="0.15">
      <c r="A569" s="2" t="s">
        <v>49</v>
      </c>
      <c r="B569" s="2" t="s">
        <v>3700</v>
      </c>
      <c r="C569" s="4" t="s">
        <v>6</v>
      </c>
      <c r="D569" s="5" t="s">
        <v>906</v>
      </c>
      <c r="E569" s="5" t="s">
        <v>3701</v>
      </c>
      <c r="F569" s="6" t="s">
        <v>5</v>
      </c>
      <c r="G569" s="2" t="s">
        <v>3698</v>
      </c>
      <c r="H569" s="4" t="s">
        <v>9</v>
      </c>
      <c r="I569" s="5" t="s">
        <v>6</v>
      </c>
      <c r="J569" s="5" t="s">
        <v>3133</v>
      </c>
      <c r="K569" s="5" t="s">
        <v>3699</v>
      </c>
      <c r="L569" s="6" t="s">
        <v>5</v>
      </c>
      <c r="M569" s="2" t="s">
        <v>3702</v>
      </c>
      <c r="N569" s="3">
        <v>44546</v>
      </c>
      <c r="O569" s="3">
        <v>44546</v>
      </c>
      <c r="P569" s="3">
        <v>46538</v>
      </c>
    </row>
    <row r="570" spans="1:16" x14ac:dyDescent="0.15">
      <c r="A570" s="2" t="s">
        <v>49</v>
      </c>
      <c r="B570" s="2" t="s">
        <v>2172</v>
      </c>
      <c r="C570" s="4" t="s">
        <v>6</v>
      </c>
      <c r="D570" s="5" t="s">
        <v>2170</v>
      </c>
      <c r="E570" s="5" t="s">
        <v>2171</v>
      </c>
      <c r="F570" s="6" t="s">
        <v>5</v>
      </c>
      <c r="G570" s="2"/>
      <c r="H570" s="4"/>
      <c r="I570" s="5"/>
      <c r="J570" s="5"/>
      <c r="K570" s="5"/>
      <c r="L570" s="6"/>
      <c r="M570" s="2" t="s">
        <v>2173</v>
      </c>
      <c r="N570" s="3">
        <v>44484</v>
      </c>
      <c r="O570" s="3">
        <v>44484</v>
      </c>
      <c r="P570" s="3">
        <v>46873</v>
      </c>
    </row>
    <row r="571" spans="1:16" x14ac:dyDescent="0.15">
      <c r="A571" s="2" t="s">
        <v>49</v>
      </c>
      <c r="B571" s="2" t="s">
        <v>2174</v>
      </c>
      <c r="C571" s="4" t="s">
        <v>6</v>
      </c>
      <c r="D571" s="5" t="s">
        <v>1581</v>
      </c>
      <c r="E571" s="5" t="s">
        <v>1569</v>
      </c>
      <c r="F571" s="6" t="s">
        <v>5</v>
      </c>
      <c r="G571" s="2"/>
      <c r="H571" s="4"/>
      <c r="I571" s="5"/>
      <c r="J571" s="5"/>
      <c r="K571" s="5"/>
      <c r="L571" s="6"/>
      <c r="M571" s="2" t="s">
        <v>2175</v>
      </c>
      <c r="N571" s="3">
        <v>42210</v>
      </c>
      <c r="O571" s="3">
        <v>44470</v>
      </c>
      <c r="P571" s="3">
        <v>46660</v>
      </c>
    </row>
    <row r="572" spans="1:16" x14ac:dyDescent="0.15">
      <c r="A572" s="2" t="s">
        <v>49</v>
      </c>
      <c r="B572" s="2" t="s">
        <v>2176</v>
      </c>
      <c r="C572" s="4" t="s">
        <v>6</v>
      </c>
      <c r="D572" s="5" t="s">
        <v>111</v>
      </c>
      <c r="E572" s="5" t="s">
        <v>2177</v>
      </c>
      <c r="F572" s="6" t="s">
        <v>5</v>
      </c>
      <c r="G572" s="2"/>
      <c r="H572" s="4"/>
      <c r="I572" s="5"/>
      <c r="J572" s="5"/>
      <c r="K572" s="5"/>
      <c r="L572" s="6"/>
      <c r="M572" s="2" t="s">
        <v>2178</v>
      </c>
      <c r="N572" s="3">
        <v>38794</v>
      </c>
      <c r="O572" s="3">
        <v>44501</v>
      </c>
      <c r="P572" s="3">
        <v>46326</v>
      </c>
    </row>
    <row r="573" spans="1:16" x14ac:dyDescent="0.15">
      <c r="A573" s="2" t="s">
        <v>49</v>
      </c>
      <c r="B573" s="2" t="s">
        <v>2181</v>
      </c>
      <c r="C573" s="4" t="s">
        <v>6</v>
      </c>
      <c r="D573" s="5" t="s">
        <v>2179</v>
      </c>
      <c r="E573" s="5" t="s">
        <v>2180</v>
      </c>
      <c r="F573" s="6" t="s">
        <v>5</v>
      </c>
      <c r="G573" s="2"/>
      <c r="H573" s="4"/>
      <c r="I573" s="5"/>
      <c r="J573" s="5"/>
      <c r="K573" s="5"/>
      <c r="L573" s="6"/>
      <c r="M573" s="2" t="s">
        <v>2182</v>
      </c>
      <c r="N573" s="3">
        <v>32004</v>
      </c>
      <c r="O573" s="3">
        <v>44501</v>
      </c>
      <c r="P573" s="3">
        <v>46326</v>
      </c>
    </row>
    <row r="574" spans="1:16" x14ac:dyDescent="0.15">
      <c r="A574" s="2" t="s">
        <v>16</v>
      </c>
      <c r="B574" s="2" t="s">
        <v>2181</v>
      </c>
      <c r="C574" s="4" t="s">
        <v>6</v>
      </c>
      <c r="D574" s="5" t="s">
        <v>2179</v>
      </c>
      <c r="E574" s="5" t="s">
        <v>2180</v>
      </c>
      <c r="F574" s="6" t="s">
        <v>5</v>
      </c>
      <c r="G574" s="2"/>
      <c r="H574" s="4"/>
      <c r="I574" s="5"/>
      <c r="J574" s="5"/>
      <c r="K574" s="5"/>
      <c r="L574" s="6"/>
      <c r="M574" s="2" t="s">
        <v>2183</v>
      </c>
      <c r="N574" s="3">
        <v>32004</v>
      </c>
      <c r="O574" s="3">
        <v>44501</v>
      </c>
      <c r="P574" s="3">
        <v>46326</v>
      </c>
    </row>
    <row r="575" spans="1:16" x14ac:dyDescent="0.15">
      <c r="A575" s="2" t="s">
        <v>49</v>
      </c>
      <c r="B575" s="2" t="s">
        <v>2185</v>
      </c>
      <c r="C575" s="4" t="s">
        <v>6</v>
      </c>
      <c r="D575" s="5" t="s">
        <v>2016</v>
      </c>
      <c r="E575" s="5" t="s">
        <v>2184</v>
      </c>
      <c r="F575" s="6" t="s">
        <v>5</v>
      </c>
      <c r="G575" s="2"/>
      <c r="H575" s="4"/>
      <c r="I575" s="5"/>
      <c r="J575" s="5"/>
      <c r="K575" s="5"/>
      <c r="L575" s="6"/>
      <c r="M575" s="2" t="s">
        <v>2186</v>
      </c>
      <c r="N575" s="3">
        <v>40848</v>
      </c>
      <c r="O575" s="3">
        <v>44501</v>
      </c>
      <c r="P575" s="3">
        <v>46326</v>
      </c>
    </row>
    <row r="576" spans="1:16" x14ac:dyDescent="0.15">
      <c r="A576" s="2" t="s">
        <v>49</v>
      </c>
      <c r="B576" s="2" t="s">
        <v>3710</v>
      </c>
      <c r="C576" s="4" t="s">
        <v>6</v>
      </c>
      <c r="D576" s="5" t="s">
        <v>3711</v>
      </c>
      <c r="E576" s="5" t="s">
        <v>3712</v>
      </c>
      <c r="F576" s="6" t="s">
        <v>5</v>
      </c>
      <c r="G576" s="2" t="s">
        <v>3708</v>
      </c>
      <c r="H576" s="4" t="s">
        <v>9</v>
      </c>
      <c r="I576" s="5" t="s">
        <v>6</v>
      </c>
      <c r="J576" s="5" t="s">
        <v>3709</v>
      </c>
      <c r="K576" s="5" t="s">
        <v>1571</v>
      </c>
      <c r="L576" s="6" t="s">
        <v>5</v>
      </c>
      <c r="M576" s="2" t="s">
        <v>3713</v>
      </c>
      <c r="N576" s="3">
        <v>40221</v>
      </c>
      <c r="O576" s="3">
        <v>44866</v>
      </c>
      <c r="P576" s="3">
        <v>47057</v>
      </c>
    </row>
    <row r="577" spans="1:16" x14ac:dyDescent="0.15">
      <c r="A577" s="2" t="s">
        <v>49</v>
      </c>
      <c r="B577" s="2" t="s">
        <v>3714</v>
      </c>
      <c r="C577" s="4" t="s">
        <v>6</v>
      </c>
      <c r="D577" s="5" t="s">
        <v>3711</v>
      </c>
      <c r="E577" s="5" t="s">
        <v>3712</v>
      </c>
      <c r="F577" s="6" t="s">
        <v>5</v>
      </c>
      <c r="G577" s="2" t="s">
        <v>3708</v>
      </c>
      <c r="H577" s="4" t="s">
        <v>9</v>
      </c>
      <c r="I577" s="5" t="s">
        <v>6</v>
      </c>
      <c r="J577" s="5" t="s">
        <v>3709</v>
      </c>
      <c r="K577" s="5" t="s">
        <v>1571</v>
      </c>
      <c r="L577" s="6" t="s">
        <v>5</v>
      </c>
      <c r="M577" s="2" t="s">
        <v>3715</v>
      </c>
      <c r="N577" s="3">
        <v>36657</v>
      </c>
      <c r="O577" s="3">
        <v>45231</v>
      </c>
      <c r="P577" s="3">
        <v>47422</v>
      </c>
    </row>
    <row r="578" spans="1:16" x14ac:dyDescent="0.15">
      <c r="A578" s="2" t="s">
        <v>49</v>
      </c>
      <c r="B578" s="2" t="s">
        <v>2196</v>
      </c>
      <c r="C578" s="4" t="s">
        <v>6</v>
      </c>
      <c r="D578" s="5" t="s">
        <v>2197</v>
      </c>
      <c r="E578" s="5" t="s">
        <v>5</v>
      </c>
      <c r="F578" s="6" t="s">
        <v>2198</v>
      </c>
      <c r="G578" s="2"/>
      <c r="H578" s="4"/>
      <c r="I578" s="5"/>
      <c r="J578" s="5"/>
      <c r="K578" s="5"/>
      <c r="L578" s="6"/>
      <c r="M578" s="2" t="s">
        <v>2199</v>
      </c>
      <c r="N578" s="3">
        <v>42357</v>
      </c>
      <c r="O578" s="3">
        <v>44470</v>
      </c>
      <c r="P578" s="3">
        <v>46295</v>
      </c>
    </row>
    <row r="579" spans="1:16" x14ac:dyDescent="0.15">
      <c r="A579" s="2" t="s">
        <v>49</v>
      </c>
      <c r="B579" s="2" t="s">
        <v>2201</v>
      </c>
      <c r="C579" s="4" t="s">
        <v>6</v>
      </c>
      <c r="D579" s="5" t="s">
        <v>2200</v>
      </c>
      <c r="E579" s="5" t="s">
        <v>5</v>
      </c>
      <c r="F579" s="6" t="s">
        <v>5</v>
      </c>
      <c r="G579" s="2"/>
      <c r="H579" s="4"/>
      <c r="I579" s="5"/>
      <c r="J579" s="5"/>
      <c r="K579" s="5"/>
      <c r="L579" s="6"/>
      <c r="M579" s="2" t="s">
        <v>2202</v>
      </c>
      <c r="N579" s="3">
        <v>36077</v>
      </c>
      <c r="O579" s="3">
        <v>44501</v>
      </c>
      <c r="P579" s="3">
        <v>46691</v>
      </c>
    </row>
    <row r="580" spans="1:16" x14ac:dyDescent="0.15">
      <c r="A580" s="2" t="s">
        <v>36</v>
      </c>
      <c r="B580" s="2" t="s">
        <v>2201</v>
      </c>
      <c r="C580" s="4" t="s">
        <v>6</v>
      </c>
      <c r="D580" s="5" t="s">
        <v>2200</v>
      </c>
      <c r="E580" s="5" t="s">
        <v>5</v>
      </c>
      <c r="F580" s="6" t="s">
        <v>5</v>
      </c>
      <c r="G580" s="2"/>
      <c r="H580" s="4"/>
      <c r="I580" s="5"/>
      <c r="J580" s="5"/>
      <c r="K580" s="5"/>
      <c r="L580" s="6"/>
      <c r="M580" s="2" t="s">
        <v>2203</v>
      </c>
      <c r="N580" s="3">
        <v>36077</v>
      </c>
      <c r="O580" s="3">
        <v>44501</v>
      </c>
      <c r="P580" s="3">
        <v>46691</v>
      </c>
    </row>
    <row r="581" spans="1:16" x14ac:dyDescent="0.15">
      <c r="A581" s="2" t="s">
        <v>49</v>
      </c>
      <c r="B581" s="2" t="s">
        <v>3730</v>
      </c>
      <c r="C581" s="4" t="s">
        <v>6</v>
      </c>
      <c r="D581" s="5" t="s">
        <v>1581</v>
      </c>
      <c r="E581" s="5" t="s">
        <v>1732</v>
      </c>
      <c r="F581" s="6" t="s">
        <v>3731</v>
      </c>
      <c r="G581" s="2" t="s">
        <v>3728</v>
      </c>
      <c r="H581" s="4" t="s">
        <v>9</v>
      </c>
      <c r="I581" s="5" t="s">
        <v>6</v>
      </c>
      <c r="J581" s="5" t="s">
        <v>348</v>
      </c>
      <c r="K581" s="5" t="s">
        <v>3729</v>
      </c>
      <c r="L581" s="6" t="s">
        <v>5</v>
      </c>
      <c r="M581" s="2" t="s">
        <v>3732</v>
      </c>
      <c r="N581" s="3">
        <v>44558</v>
      </c>
      <c r="O581" s="3">
        <v>44558</v>
      </c>
      <c r="P581" s="3">
        <v>46660</v>
      </c>
    </row>
    <row r="582" spans="1:16" x14ac:dyDescent="0.15">
      <c r="A582" s="2" t="s">
        <v>49</v>
      </c>
      <c r="B582" s="2" t="s">
        <v>2211</v>
      </c>
      <c r="C582" s="4" t="s">
        <v>6</v>
      </c>
      <c r="D582" s="5" t="s">
        <v>2212</v>
      </c>
      <c r="E582" s="5" t="s">
        <v>5</v>
      </c>
      <c r="F582" s="6" t="s">
        <v>2213</v>
      </c>
      <c r="G582" s="2"/>
      <c r="H582" s="4"/>
      <c r="I582" s="5"/>
      <c r="J582" s="5"/>
      <c r="K582" s="5"/>
      <c r="L582" s="6"/>
      <c r="M582" s="2" t="s">
        <v>2214</v>
      </c>
      <c r="N582" s="3">
        <v>44447</v>
      </c>
      <c r="O582" s="3">
        <v>44447</v>
      </c>
      <c r="P582" s="3">
        <v>46721</v>
      </c>
    </row>
    <row r="583" spans="1:16" x14ac:dyDescent="0.15">
      <c r="A583" s="2" t="s">
        <v>49</v>
      </c>
      <c r="B583" s="2" t="s">
        <v>2216</v>
      </c>
      <c r="C583" s="4" t="s">
        <v>6</v>
      </c>
      <c r="D583" s="5" t="s">
        <v>1810</v>
      </c>
      <c r="E583" s="5" t="s">
        <v>2215</v>
      </c>
      <c r="F583" s="6" t="s">
        <v>5</v>
      </c>
      <c r="G583" s="2"/>
      <c r="H583" s="4"/>
      <c r="I583" s="5"/>
      <c r="J583" s="5"/>
      <c r="K583" s="5"/>
      <c r="L583" s="6"/>
      <c r="M583" s="2" t="s">
        <v>2217</v>
      </c>
      <c r="N583" s="3">
        <v>36752</v>
      </c>
      <c r="O583" s="3">
        <v>44470</v>
      </c>
      <c r="P583" s="3">
        <v>46295</v>
      </c>
    </row>
    <row r="584" spans="1:16" x14ac:dyDescent="0.15">
      <c r="A584" s="2" t="s">
        <v>49</v>
      </c>
      <c r="B584" s="2" t="s">
        <v>2218</v>
      </c>
      <c r="C584" s="4" t="s">
        <v>6</v>
      </c>
      <c r="D584" s="5" t="s">
        <v>2219</v>
      </c>
      <c r="E584" s="5" t="s">
        <v>2220</v>
      </c>
      <c r="F584" s="6" t="s">
        <v>5</v>
      </c>
      <c r="G584" s="2"/>
      <c r="H584" s="4"/>
      <c r="I584" s="5"/>
      <c r="J584" s="5"/>
      <c r="K584" s="5"/>
      <c r="L584" s="6"/>
      <c r="M584" s="2" t="s">
        <v>2221</v>
      </c>
      <c r="N584" s="3">
        <v>38920</v>
      </c>
      <c r="O584" s="3">
        <v>44470</v>
      </c>
      <c r="P584" s="3">
        <v>46295</v>
      </c>
    </row>
    <row r="585" spans="1:16" x14ac:dyDescent="0.15">
      <c r="A585" s="2" t="s">
        <v>16</v>
      </c>
      <c r="B585" s="2" t="s">
        <v>2218</v>
      </c>
      <c r="C585" s="4" t="s">
        <v>6</v>
      </c>
      <c r="D585" s="5" t="s">
        <v>2219</v>
      </c>
      <c r="E585" s="5" t="s">
        <v>2220</v>
      </c>
      <c r="F585" s="6" t="s">
        <v>5</v>
      </c>
      <c r="G585" s="2"/>
      <c r="H585" s="4"/>
      <c r="I585" s="5"/>
      <c r="J585" s="5"/>
      <c r="K585" s="5"/>
      <c r="L585" s="6"/>
      <c r="M585" s="2" t="s">
        <v>2222</v>
      </c>
      <c r="N585" s="3">
        <v>44618</v>
      </c>
      <c r="O585" s="3">
        <v>44618</v>
      </c>
      <c r="P585" s="3">
        <v>46660</v>
      </c>
    </row>
    <row r="586" spans="1:16" x14ac:dyDescent="0.15">
      <c r="A586" s="2" t="s">
        <v>49</v>
      </c>
      <c r="B586" s="2" t="s">
        <v>2223</v>
      </c>
      <c r="C586" s="4" t="s">
        <v>6</v>
      </c>
      <c r="D586" s="5" t="s">
        <v>2224</v>
      </c>
      <c r="E586" s="5" t="s">
        <v>5</v>
      </c>
      <c r="F586" s="6" t="s">
        <v>5</v>
      </c>
      <c r="G586" s="2"/>
      <c r="H586" s="4"/>
      <c r="I586" s="5"/>
      <c r="J586" s="5"/>
      <c r="K586" s="5"/>
      <c r="L586" s="6"/>
      <c r="M586" s="2" t="s">
        <v>2225</v>
      </c>
      <c r="N586" s="3">
        <v>38779</v>
      </c>
      <c r="O586" s="3">
        <v>44470</v>
      </c>
      <c r="P586" s="3">
        <v>46295</v>
      </c>
    </row>
    <row r="587" spans="1:16" x14ac:dyDescent="0.15">
      <c r="A587" s="2" t="s">
        <v>36</v>
      </c>
      <c r="B587" s="2" t="s">
        <v>2228</v>
      </c>
      <c r="C587" s="4" t="s">
        <v>6</v>
      </c>
      <c r="D587" s="5" t="s">
        <v>2226</v>
      </c>
      <c r="E587" s="5" t="s">
        <v>2227</v>
      </c>
      <c r="F587" s="6" t="s">
        <v>5</v>
      </c>
      <c r="G587" s="2"/>
      <c r="H587" s="4"/>
      <c r="I587" s="5"/>
      <c r="J587" s="5"/>
      <c r="K587" s="5"/>
      <c r="L587" s="6"/>
      <c r="M587" s="2" t="s">
        <v>2229</v>
      </c>
      <c r="N587" s="3">
        <v>33941</v>
      </c>
      <c r="O587" s="3">
        <v>44470</v>
      </c>
      <c r="P587" s="3">
        <v>46295</v>
      </c>
    </row>
    <row r="588" spans="1:16" x14ac:dyDescent="0.15">
      <c r="A588" s="2" t="s">
        <v>49</v>
      </c>
      <c r="B588" s="2" t="s">
        <v>3740</v>
      </c>
      <c r="C588" s="4" t="s">
        <v>6</v>
      </c>
      <c r="D588" s="5" t="s">
        <v>3741</v>
      </c>
      <c r="E588" s="5" t="s">
        <v>3742</v>
      </c>
      <c r="F588" s="6" t="s">
        <v>5</v>
      </c>
      <c r="G588" s="2" t="s">
        <v>3737</v>
      </c>
      <c r="H588" s="4" t="s">
        <v>384</v>
      </c>
      <c r="I588" s="5" t="s">
        <v>441</v>
      </c>
      <c r="J588" s="5" t="s">
        <v>3738</v>
      </c>
      <c r="K588" s="5" t="s">
        <v>3739</v>
      </c>
      <c r="L588" s="6" t="s">
        <v>5</v>
      </c>
      <c r="M588" s="2" t="s">
        <v>3743</v>
      </c>
      <c r="N588" s="3">
        <v>45352</v>
      </c>
      <c r="O588" s="3">
        <v>45352</v>
      </c>
      <c r="P588" s="3">
        <v>47756</v>
      </c>
    </row>
    <row r="589" spans="1:16" x14ac:dyDescent="0.15">
      <c r="A589" s="2" t="s">
        <v>49</v>
      </c>
      <c r="B589" s="2" t="s">
        <v>3772</v>
      </c>
      <c r="C589" s="4" t="s">
        <v>6</v>
      </c>
      <c r="D589" s="5" t="s">
        <v>1027</v>
      </c>
      <c r="E589" s="5" t="s">
        <v>3773</v>
      </c>
      <c r="F589" s="6" t="s">
        <v>3774</v>
      </c>
      <c r="G589" s="2" t="s">
        <v>3770</v>
      </c>
      <c r="H589" s="4" t="s">
        <v>9</v>
      </c>
      <c r="I589" s="5" t="s">
        <v>6</v>
      </c>
      <c r="J589" s="5" t="s">
        <v>1027</v>
      </c>
      <c r="K589" s="5" t="s">
        <v>3771</v>
      </c>
      <c r="L589" s="6" t="s">
        <v>5</v>
      </c>
      <c r="M589" s="2" t="s">
        <v>3775</v>
      </c>
      <c r="N589" s="3">
        <v>44573</v>
      </c>
      <c r="O589" s="3">
        <v>44573</v>
      </c>
      <c r="P589" s="3">
        <v>46721</v>
      </c>
    </row>
    <row r="590" spans="1:16" x14ac:dyDescent="0.15">
      <c r="A590" s="2" t="s">
        <v>49</v>
      </c>
      <c r="B590" s="2" t="s">
        <v>3776</v>
      </c>
      <c r="C590" s="4" t="s">
        <v>6</v>
      </c>
      <c r="D590" s="5" t="s">
        <v>3777</v>
      </c>
      <c r="E590" s="5" t="s">
        <v>3778</v>
      </c>
      <c r="F590" s="6" t="s">
        <v>5</v>
      </c>
      <c r="G590" s="2" t="s">
        <v>3770</v>
      </c>
      <c r="H590" s="4" t="s">
        <v>9</v>
      </c>
      <c r="I590" s="5" t="s">
        <v>6</v>
      </c>
      <c r="J590" s="5" t="s">
        <v>1027</v>
      </c>
      <c r="K590" s="5" t="s">
        <v>3771</v>
      </c>
      <c r="L590" s="6" t="s">
        <v>5</v>
      </c>
      <c r="M590" s="2" t="s">
        <v>3779</v>
      </c>
      <c r="N590" s="3">
        <v>44808</v>
      </c>
      <c r="O590" s="3">
        <v>44808</v>
      </c>
      <c r="P590" s="3">
        <v>47238</v>
      </c>
    </row>
    <row r="591" spans="1:16" x14ac:dyDescent="0.15">
      <c r="A591" s="2" t="s">
        <v>49</v>
      </c>
      <c r="B591" s="2" t="s">
        <v>2244</v>
      </c>
      <c r="C591" s="4" t="s">
        <v>6</v>
      </c>
      <c r="D591" s="5" t="s">
        <v>1619</v>
      </c>
      <c r="E591" s="5" t="s">
        <v>1495</v>
      </c>
      <c r="F591" s="6" t="s">
        <v>2245</v>
      </c>
      <c r="G591" s="2"/>
      <c r="H591" s="4"/>
      <c r="I591" s="5"/>
      <c r="J591" s="5"/>
      <c r="K591" s="5"/>
      <c r="L591" s="6"/>
      <c r="M591" s="2" t="s">
        <v>2246</v>
      </c>
      <c r="N591" s="3">
        <v>33573</v>
      </c>
      <c r="O591" s="3">
        <v>44470</v>
      </c>
      <c r="P591" s="3">
        <v>46660</v>
      </c>
    </row>
    <row r="592" spans="1:16" x14ac:dyDescent="0.15">
      <c r="A592" s="2" t="s">
        <v>49</v>
      </c>
      <c r="B592" s="2" t="s">
        <v>3788</v>
      </c>
      <c r="C592" s="4" t="s">
        <v>6</v>
      </c>
      <c r="D592" s="5" t="s">
        <v>1241</v>
      </c>
      <c r="E592" s="5" t="s">
        <v>3789</v>
      </c>
      <c r="F592" s="6" t="s">
        <v>5</v>
      </c>
      <c r="G592" s="2" t="s">
        <v>3785</v>
      </c>
      <c r="H592" s="4" t="s">
        <v>29</v>
      </c>
      <c r="I592" s="5" t="s">
        <v>30</v>
      </c>
      <c r="J592" s="5" t="s">
        <v>3786</v>
      </c>
      <c r="K592" s="5" t="s">
        <v>3787</v>
      </c>
      <c r="L592" s="6" t="s">
        <v>5</v>
      </c>
      <c r="M592" s="2" t="s">
        <v>3790</v>
      </c>
      <c r="N592" s="3">
        <v>44586</v>
      </c>
      <c r="O592" s="3">
        <v>44586</v>
      </c>
      <c r="P592" s="3">
        <v>46873</v>
      </c>
    </row>
    <row r="593" spans="1:16" x14ac:dyDescent="0.15">
      <c r="A593" s="2" t="s">
        <v>49</v>
      </c>
      <c r="B593" s="2" t="s">
        <v>3815</v>
      </c>
      <c r="C593" s="4" t="s">
        <v>6</v>
      </c>
      <c r="D593" s="5" t="s">
        <v>3816</v>
      </c>
      <c r="E593" s="5" t="s">
        <v>3817</v>
      </c>
      <c r="F593" s="6" t="s">
        <v>5</v>
      </c>
      <c r="G593" s="2" t="s">
        <v>3813</v>
      </c>
      <c r="H593" s="4" t="s">
        <v>642</v>
      </c>
      <c r="I593" s="5" t="s">
        <v>643</v>
      </c>
      <c r="J593" s="5" t="s">
        <v>3814</v>
      </c>
      <c r="K593" s="5" t="s">
        <v>5</v>
      </c>
      <c r="L593" s="6" t="s">
        <v>5</v>
      </c>
      <c r="M593" s="2" t="s">
        <v>3818</v>
      </c>
      <c r="N593" s="3">
        <v>32322</v>
      </c>
      <c r="O593" s="3">
        <v>45017</v>
      </c>
      <c r="P593" s="3">
        <v>47208</v>
      </c>
    </row>
    <row r="594" spans="1:16" x14ac:dyDescent="0.15">
      <c r="A594" s="2" t="s">
        <v>49</v>
      </c>
      <c r="B594" s="2" t="s">
        <v>2256</v>
      </c>
      <c r="C594" s="4" t="s">
        <v>6</v>
      </c>
      <c r="D594" s="5" t="s">
        <v>247</v>
      </c>
      <c r="E594" s="5" t="s">
        <v>1540</v>
      </c>
      <c r="F594" s="6" t="s">
        <v>2257</v>
      </c>
      <c r="G594" s="2"/>
      <c r="H594" s="4"/>
      <c r="I594" s="5"/>
      <c r="J594" s="5"/>
      <c r="K594" s="5"/>
      <c r="L594" s="6"/>
      <c r="M594" s="2" t="s">
        <v>2258</v>
      </c>
      <c r="N594" s="3">
        <v>44449</v>
      </c>
      <c r="O594" s="3">
        <v>44449</v>
      </c>
      <c r="P594" s="3">
        <v>46904</v>
      </c>
    </row>
    <row r="595" spans="1:16" x14ac:dyDescent="0.15">
      <c r="A595" s="2" t="s">
        <v>49</v>
      </c>
      <c r="B595" s="2" t="s">
        <v>3819</v>
      </c>
      <c r="C595" s="4" t="s">
        <v>6</v>
      </c>
      <c r="D595" s="5" t="s">
        <v>834</v>
      </c>
      <c r="E595" s="5" t="s">
        <v>3820</v>
      </c>
      <c r="F595" s="6" t="s">
        <v>5</v>
      </c>
      <c r="G595" s="2" t="s">
        <v>3813</v>
      </c>
      <c r="H595" s="4" t="s">
        <v>642</v>
      </c>
      <c r="I595" s="5" t="s">
        <v>643</v>
      </c>
      <c r="J595" s="5" t="s">
        <v>3814</v>
      </c>
      <c r="K595" s="5" t="s">
        <v>5</v>
      </c>
      <c r="L595" s="6" t="s">
        <v>5</v>
      </c>
      <c r="M595" s="2" t="s">
        <v>3821</v>
      </c>
      <c r="N595" s="3">
        <v>32441</v>
      </c>
      <c r="O595" s="3">
        <v>45017</v>
      </c>
      <c r="P595" s="3">
        <v>47208</v>
      </c>
    </row>
    <row r="596" spans="1:16" x14ac:dyDescent="0.15">
      <c r="A596" s="2" t="s">
        <v>49</v>
      </c>
      <c r="B596" s="2" t="s">
        <v>2263</v>
      </c>
      <c r="C596" s="4" t="s">
        <v>6</v>
      </c>
      <c r="D596" s="5" t="s">
        <v>1394</v>
      </c>
      <c r="E596" s="5" t="s">
        <v>2262</v>
      </c>
      <c r="F596" s="6" t="s">
        <v>5</v>
      </c>
      <c r="G596" s="2"/>
      <c r="H596" s="4"/>
      <c r="I596" s="5"/>
      <c r="J596" s="5"/>
      <c r="K596" s="5"/>
      <c r="L596" s="6"/>
      <c r="M596" s="2" t="s">
        <v>2264</v>
      </c>
      <c r="N596" s="3">
        <v>40522</v>
      </c>
      <c r="O596" s="3">
        <v>44470</v>
      </c>
      <c r="P596" s="3">
        <v>46295</v>
      </c>
    </row>
    <row r="597" spans="1:16" x14ac:dyDescent="0.15">
      <c r="A597" s="2" t="s">
        <v>49</v>
      </c>
      <c r="B597" s="2" t="s">
        <v>2266</v>
      </c>
      <c r="C597" s="4" t="s">
        <v>6</v>
      </c>
      <c r="D597" s="5" t="s">
        <v>2265</v>
      </c>
      <c r="E597" s="5" t="s">
        <v>968</v>
      </c>
      <c r="F597" s="6" t="s">
        <v>5</v>
      </c>
      <c r="G597" s="2"/>
      <c r="H597" s="4"/>
      <c r="I597" s="5"/>
      <c r="J597" s="5"/>
      <c r="K597" s="5"/>
      <c r="L597" s="6"/>
      <c r="M597" s="2" t="s">
        <v>2267</v>
      </c>
      <c r="N597" s="3">
        <v>33995</v>
      </c>
      <c r="O597" s="3">
        <v>44470</v>
      </c>
      <c r="P597" s="3">
        <v>46295</v>
      </c>
    </row>
    <row r="598" spans="1:16" x14ac:dyDescent="0.15">
      <c r="A598" s="2" t="s">
        <v>49</v>
      </c>
      <c r="B598" s="2" t="s">
        <v>2268</v>
      </c>
      <c r="C598" s="4" t="s">
        <v>6</v>
      </c>
      <c r="D598" s="5" t="s">
        <v>911</v>
      </c>
      <c r="E598" s="5" t="s">
        <v>1703</v>
      </c>
      <c r="F598" s="6" t="s">
        <v>2269</v>
      </c>
      <c r="G598" s="2"/>
      <c r="H598" s="4"/>
      <c r="I598" s="5"/>
      <c r="J598" s="5"/>
      <c r="K598" s="5"/>
      <c r="L598" s="6"/>
      <c r="M598" s="2" t="s">
        <v>2270</v>
      </c>
      <c r="N598" s="3">
        <v>42074</v>
      </c>
      <c r="O598" s="3">
        <v>44470</v>
      </c>
      <c r="P598" s="3">
        <v>46660</v>
      </c>
    </row>
    <row r="599" spans="1:16" x14ac:dyDescent="0.15">
      <c r="A599" s="2" t="s">
        <v>49</v>
      </c>
      <c r="B599" s="2" t="s">
        <v>3824</v>
      </c>
      <c r="C599" s="4" t="s">
        <v>6</v>
      </c>
      <c r="D599" s="5" t="s">
        <v>2487</v>
      </c>
      <c r="E599" s="5" t="s">
        <v>3825</v>
      </c>
      <c r="F599" s="6" t="s">
        <v>5</v>
      </c>
      <c r="G599" s="2" t="s">
        <v>3822</v>
      </c>
      <c r="H599" s="4" t="s">
        <v>9</v>
      </c>
      <c r="I599" s="5" t="s">
        <v>6</v>
      </c>
      <c r="J599" s="5" t="s">
        <v>657</v>
      </c>
      <c r="K599" s="5" t="s">
        <v>3823</v>
      </c>
      <c r="L599" s="6" t="s">
        <v>5</v>
      </c>
      <c r="M599" s="2" t="s">
        <v>3826</v>
      </c>
      <c r="N599" s="3">
        <v>44652</v>
      </c>
      <c r="O599" s="3">
        <v>44652</v>
      </c>
      <c r="P599" s="3">
        <v>46843</v>
      </c>
    </row>
    <row r="600" spans="1:16" x14ac:dyDescent="0.15">
      <c r="A600" s="2" t="s">
        <v>16</v>
      </c>
      <c r="B600" s="2" t="s">
        <v>2276</v>
      </c>
      <c r="C600" s="4" t="s">
        <v>6</v>
      </c>
      <c r="D600" s="5" t="s">
        <v>2277</v>
      </c>
      <c r="E600" s="5" t="s">
        <v>2278</v>
      </c>
      <c r="F600" s="6" t="s">
        <v>5</v>
      </c>
      <c r="G600" s="2"/>
      <c r="H600" s="4"/>
      <c r="I600" s="5"/>
      <c r="J600" s="5"/>
      <c r="K600" s="5"/>
      <c r="L600" s="6"/>
      <c r="M600" s="2" t="s">
        <v>2279</v>
      </c>
      <c r="N600" s="3">
        <v>44450</v>
      </c>
      <c r="O600" s="3">
        <v>44450</v>
      </c>
      <c r="P600" s="3">
        <v>46721</v>
      </c>
    </row>
    <row r="601" spans="1:16" x14ac:dyDescent="0.15">
      <c r="A601" s="2" t="s">
        <v>49</v>
      </c>
      <c r="B601" s="2" t="s">
        <v>3827</v>
      </c>
      <c r="C601" s="4" t="s">
        <v>6</v>
      </c>
      <c r="D601" s="5" t="s">
        <v>3828</v>
      </c>
      <c r="E601" s="5" t="s">
        <v>3829</v>
      </c>
      <c r="F601" s="6" t="s">
        <v>3830</v>
      </c>
      <c r="G601" s="2" t="s">
        <v>3822</v>
      </c>
      <c r="H601" s="4" t="s">
        <v>9</v>
      </c>
      <c r="I601" s="5" t="s">
        <v>6</v>
      </c>
      <c r="J601" s="5" t="s">
        <v>657</v>
      </c>
      <c r="K601" s="5" t="s">
        <v>3823</v>
      </c>
      <c r="L601" s="6" t="s">
        <v>5</v>
      </c>
      <c r="M601" s="2" t="s">
        <v>3831</v>
      </c>
      <c r="N601" s="3">
        <v>38239</v>
      </c>
      <c r="O601" s="3">
        <v>45047</v>
      </c>
      <c r="P601" s="3">
        <v>47238</v>
      </c>
    </row>
    <row r="602" spans="1:16" x14ac:dyDescent="0.15">
      <c r="A602" s="2" t="s">
        <v>49</v>
      </c>
      <c r="B602" s="2" t="s">
        <v>3832</v>
      </c>
      <c r="C602" s="4" t="s">
        <v>6</v>
      </c>
      <c r="D602" s="5" t="s">
        <v>3833</v>
      </c>
      <c r="E602" s="5" t="s">
        <v>3834</v>
      </c>
      <c r="F602" s="6" t="s">
        <v>5</v>
      </c>
      <c r="G602" s="2" t="s">
        <v>3822</v>
      </c>
      <c r="H602" s="4" t="s">
        <v>9</v>
      </c>
      <c r="I602" s="5" t="s">
        <v>6</v>
      </c>
      <c r="J602" s="5" t="s">
        <v>657</v>
      </c>
      <c r="K602" s="5" t="s">
        <v>3823</v>
      </c>
      <c r="L602" s="6" t="s">
        <v>5</v>
      </c>
      <c r="M602" s="2" t="s">
        <v>3835</v>
      </c>
      <c r="N602" s="3">
        <v>42716</v>
      </c>
      <c r="O602" s="3">
        <v>45200</v>
      </c>
      <c r="P602" s="3">
        <v>47391</v>
      </c>
    </row>
    <row r="603" spans="1:16" x14ac:dyDescent="0.15">
      <c r="A603" s="2" t="s">
        <v>49</v>
      </c>
      <c r="B603" s="2" t="s">
        <v>3840</v>
      </c>
      <c r="C603" s="4" t="s">
        <v>6</v>
      </c>
      <c r="D603" s="5" t="s">
        <v>806</v>
      </c>
      <c r="E603" s="5" t="s">
        <v>1742</v>
      </c>
      <c r="F603" s="6" t="s">
        <v>5</v>
      </c>
      <c r="G603" s="2" t="s">
        <v>3839</v>
      </c>
      <c r="H603" s="4" t="s">
        <v>9</v>
      </c>
      <c r="I603" s="5" t="s">
        <v>6</v>
      </c>
      <c r="J603" s="5" t="s">
        <v>806</v>
      </c>
      <c r="K603" s="5" t="s">
        <v>1742</v>
      </c>
      <c r="L603" s="6" t="s">
        <v>5</v>
      </c>
      <c r="M603" s="2" t="s">
        <v>3841</v>
      </c>
      <c r="N603" s="3">
        <v>40844</v>
      </c>
      <c r="O603" s="3">
        <v>44652</v>
      </c>
      <c r="P603" s="3">
        <v>46477</v>
      </c>
    </row>
    <row r="604" spans="1:16" x14ac:dyDescent="0.15">
      <c r="A604" s="2" t="s">
        <v>49</v>
      </c>
      <c r="B604" s="2" t="s">
        <v>3852</v>
      </c>
      <c r="C604" s="4" t="s">
        <v>6</v>
      </c>
      <c r="D604" s="5" t="s">
        <v>174</v>
      </c>
      <c r="E604" s="5" t="s">
        <v>175</v>
      </c>
      <c r="F604" s="6" t="s">
        <v>3853</v>
      </c>
      <c r="G604" s="2" t="s">
        <v>3848</v>
      </c>
      <c r="H604" s="4" t="s">
        <v>29</v>
      </c>
      <c r="I604" s="5" t="s">
        <v>3849</v>
      </c>
      <c r="J604" s="5" t="s">
        <v>3850</v>
      </c>
      <c r="K604" s="5" t="s">
        <v>3851</v>
      </c>
      <c r="L604" s="6" t="s">
        <v>5</v>
      </c>
      <c r="M604" s="2" t="s">
        <v>3854</v>
      </c>
      <c r="N604" s="3">
        <v>44590</v>
      </c>
      <c r="O604" s="3">
        <v>44590</v>
      </c>
      <c r="P604" s="3">
        <v>47238</v>
      </c>
    </row>
    <row r="605" spans="1:16" x14ac:dyDescent="0.15">
      <c r="A605" s="2" t="s">
        <v>49</v>
      </c>
      <c r="B605" s="2" t="s">
        <v>3862</v>
      </c>
      <c r="C605" s="4" t="s">
        <v>6</v>
      </c>
      <c r="D605" s="5" t="s">
        <v>1152</v>
      </c>
      <c r="E605" s="5" t="s">
        <v>3863</v>
      </c>
      <c r="F605" s="6" t="s">
        <v>3864</v>
      </c>
      <c r="G605" s="2" t="s">
        <v>3858</v>
      </c>
      <c r="H605" s="4" t="s">
        <v>9</v>
      </c>
      <c r="I605" s="5" t="s">
        <v>3859</v>
      </c>
      <c r="J605" s="5" t="s">
        <v>3860</v>
      </c>
      <c r="K605" s="5" t="s">
        <v>3861</v>
      </c>
      <c r="L605" s="6" t="s">
        <v>5</v>
      </c>
      <c r="M605" s="2" t="s">
        <v>3865</v>
      </c>
      <c r="N605" s="3">
        <v>44593</v>
      </c>
      <c r="O605" s="3">
        <v>44593</v>
      </c>
      <c r="P605" s="3">
        <v>47087</v>
      </c>
    </row>
    <row r="606" spans="1:16" x14ac:dyDescent="0.15">
      <c r="A606" s="2" t="s">
        <v>49</v>
      </c>
      <c r="B606" s="2" t="s">
        <v>3866</v>
      </c>
      <c r="C606" s="4" t="s">
        <v>6</v>
      </c>
      <c r="D606" s="5" t="s">
        <v>270</v>
      </c>
      <c r="E606" s="5" t="s">
        <v>3867</v>
      </c>
      <c r="F606" s="6" t="s">
        <v>5</v>
      </c>
      <c r="G606" s="2" t="s">
        <v>3858</v>
      </c>
      <c r="H606" s="4" t="s">
        <v>9</v>
      </c>
      <c r="I606" s="5" t="s">
        <v>3859</v>
      </c>
      <c r="J606" s="5" t="s">
        <v>3860</v>
      </c>
      <c r="K606" s="5" t="s">
        <v>3861</v>
      </c>
      <c r="L606" s="6" t="s">
        <v>5</v>
      </c>
      <c r="M606" s="2" t="s">
        <v>3868</v>
      </c>
      <c r="N606" s="3">
        <v>44854</v>
      </c>
      <c r="O606" s="3">
        <v>44854</v>
      </c>
      <c r="P606" s="3">
        <v>47208</v>
      </c>
    </row>
    <row r="607" spans="1:16" x14ac:dyDescent="0.15">
      <c r="A607" s="2" t="s">
        <v>49</v>
      </c>
      <c r="B607" s="2" t="s">
        <v>3869</v>
      </c>
      <c r="C607" s="4" t="s">
        <v>6</v>
      </c>
      <c r="D607" s="5" t="s">
        <v>3870</v>
      </c>
      <c r="E607" s="5" t="s">
        <v>3871</v>
      </c>
      <c r="F607" s="6" t="s">
        <v>5</v>
      </c>
      <c r="G607" s="2" t="s">
        <v>3858</v>
      </c>
      <c r="H607" s="4" t="s">
        <v>9</v>
      </c>
      <c r="I607" s="5" t="s">
        <v>3859</v>
      </c>
      <c r="J607" s="5" t="s">
        <v>3860</v>
      </c>
      <c r="K607" s="5" t="s">
        <v>3861</v>
      </c>
      <c r="L607" s="6" t="s">
        <v>5</v>
      </c>
      <c r="M607" s="2" t="s">
        <v>3872</v>
      </c>
      <c r="N607" s="3">
        <v>40373</v>
      </c>
      <c r="O607" s="3">
        <v>45047</v>
      </c>
      <c r="P607" s="3">
        <v>47238</v>
      </c>
    </row>
    <row r="608" spans="1:16" x14ac:dyDescent="0.15">
      <c r="A608" s="2" t="s">
        <v>49</v>
      </c>
      <c r="B608" s="2" t="s">
        <v>3889</v>
      </c>
      <c r="C608" s="4" t="s">
        <v>6</v>
      </c>
      <c r="D608" s="5" t="s">
        <v>3887</v>
      </c>
      <c r="E608" s="5" t="s">
        <v>3888</v>
      </c>
      <c r="F608" s="6" t="s">
        <v>5</v>
      </c>
      <c r="G608" s="2" t="s">
        <v>3886</v>
      </c>
      <c r="H608" s="4" t="s">
        <v>9</v>
      </c>
      <c r="I608" s="5" t="s">
        <v>6</v>
      </c>
      <c r="J608" s="5" t="s">
        <v>3887</v>
      </c>
      <c r="K608" s="5" t="s">
        <v>3888</v>
      </c>
      <c r="L608" s="6" t="s">
        <v>5</v>
      </c>
      <c r="M608" s="2" t="s">
        <v>3890</v>
      </c>
      <c r="N608" s="3">
        <v>35576</v>
      </c>
      <c r="O608" s="3">
        <v>44652</v>
      </c>
      <c r="P608" s="3">
        <v>46477</v>
      </c>
    </row>
    <row r="609" spans="1:16" x14ac:dyDescent="0.15">
      <c r="A609" s="2" t="s">
        <v>49</v>
      </c>
      <c r="B609" s="2" t="s">
        <v>3898</v>
      </c>
      <c r="C609" s="4" t="s">
        <v>6</v>
      </c>
      <c r="D609" s="5" t="s">
        <v>848</v>
      </c>
      <c r="E609" s="5" t="s">
        <v>1187</v>
      </c>
      <c r="F609" s="6" t="s">
        <v>5</v>
      </c>
      <c r="G609" s="2" t="s">
        <v>3895</v>
      </c>
      <c r="H609" s="4" t="s">
        <v>9</v>
      </c>
      <c r="I609" s="5" t="s">
        <v>6</v>
      </c>
      <c r="J609" s="5" t="s">
        <v>3896</v>
      </c>
      <c r="K609" s="5" t="s">
        <v>3897</v>
      </c>
      <c r="L609" s="6" t="s">
        <v>5</v>
      </c>
      <c r="M609" s="2" t="s">
        <v>3899</v>
      </c>
      <c r="N609" s="3">
        <v>44868</v>
      </c>
      <c r="O609" s="3">
        <v>44868</v>
      </c>
      <c r="P609" s="3">
        <v>47269</v>
      </c>
    </row>
    <row r="610" spans="1:16" x14ac:dyDescent="0.15">
      <c r="A610" s="2" t="s">
        <v>16</v>
      </c>
      <c r="B610" s="2" t="s">
        <v>2314</v>
      </c>
      <c r="C610" s="4" t="s">
        <v>6</v>
      </c>
      <c r="D610" s="5" t="s">
        <v>2312</v>
      </c>
      <c r="E610" s="5" t="s">
        <v>2313</v>
      </c>
      <c r="F610" s="6" t="s">
        <v>5</v>
      </c>
      <c r="G610" s="2"/>
      <c r="H610" s="4"/>
      <c r="I610" s="5"/>
      <c r="J610" s="5"/>
      <c r="K610" s="5"/>
      <c r="L610" s="6"/>
      <c r="M610" s="2" t="s">
        <v>2315</v>
      </c>
      <c r="N610" s="3">
        <v>33849</v>
      </c>
      <c r="O610" s="3">
        <v>44501</v>
      </c>
      <c r="P610" s="3">
        <v>46691</v>
      </c>
    </row>
    <row r="611" spans="1:16" x14ac:dyDescent="0.15">
      <c r="A611" s="2" t="s">
        <v>49</v>
      </c>
      <c r="B611" s="2" t="s">
        <v>3903</v>
      </c>
      <c r="C611" s="4" t="s">
        <v>6</v>
      </c>
      <c r="D611" s="5" t="s">
        <v>3904</v>
      </c>
      <c r="E611" s="5" t="s">
        <v>3905</v>
      </c>
      <c r="F611" s="6" t="s">
        <v>5</v>
      </c>
      <c r="G611" s="2" t="s">
        <v>3900</v>
      </c>
      <c r="H611" s="4" t="s">
        <v>384</v>
      </c>
      <c r="I611" s="5" t="s">
        <v>441</v>
      </c>
      <c r="J611" s="5" t="s">
        <v>3901</v>
      </c>
      <c r="K611" s="5" t="s">
        <v>3902</v>
      </c>
      <c r="L611" s="6" t="s">
        <v>5</v>
      </c>
      <c r="M611" s="2" t="s">
        <v>3906</v>
      </c>
      <c r="N611" s="3">
        <v>36725</v>
      </c>
      <c r="O611" s="3">
        <v>44652</v>
      </c>
      <c r="P611" s="3">
        <v>46477</v>
      </c>
    </row>
    <row r="612" spans="1:16" x14ac:dyDescent="0.15">
      <c r="A612" s="2" t="s">
        <v>49</v>
      </c>
      <c r="B612" s="2" t="s">
        <v>2276</v>
      </c>
      <c r="C612" s="4" t="s">
        <v>6</v>
      </c>
      <c r="D612" s="5" t="s">
        <v>2277</v>
      </c>
      <c r="E612" s="5" t="s">
        <v>2278</v>
      </c>
      <c r="F612" s="6" t="s">
        <v>5</v>
      </c>
      <c r="G612" s="2"/>
      <c r="H612" s="4"/>
      <c r="I612" s="5"/>
      <c r="J612" s="5"/>
      <c r="K612" s="5"/>
      <c r="L612" s="6"/>
      <c r="M612" s="2" t="s">
        <v>2320</v>
      </c>
      <c r="N612" s="3">
        <v>44453</v>
      </c>
      <c r="O612" s="3">
        <v>44453</v>
      </c>
      <c r="P612" s="3">
        <v>46721</v>
      </c>
    </row>
    <row r="613" spans="1:16" x14ac:dyDescent="0.15">
      <c r="A613" s="2" t="s">
        <v>49</v>
      </c>
      <c r="B613" s="2" t="s">
        <v>2323</v>
      </c>
      <c r="C613" s="4" t="s">
        <v>6</v>
      </c>
      <c r="D613" s="5" t="s">
        <v>79</v>
      </c>
      <c r="E613" s="5" t="s">
        <v>2322</v>
      </c>
      <c r="F613" s="6" t="s">
        <v>5</v>
      </c>
      <c r="G613" s="2" t="s">
        <v>2321</v>
      </c>
      <c r="H613" s="4" t="s">
        <v>9</v>
      </c>
      <c r="I613" s="5" t="s">
        <v>6</v>
      </c>
      <c r="J613" s="5" t="s">
        <v>79</v>
      </c>
      <c r="K613" s="5" t="s">
        <v>2322</v>
      </c>
      <c r="L613" s="6" t="s">
        <v>5</v>
      </c>
      <c r="M613" s="2" t="s">
        <v>2325</v>
      </c>
      <c r="N613" s="3">
        <v>41950</v>
      </c>
      <c r="O613" s="3">
        <v>44501</v>
      </c>
      <c r="P613" s="3">
        <v>46691</v>
      </c>
    </row>
    <row r="614" spans="1:16" x14ac:dyDescent="0.15">
      <c r="A614" s="2" t="s">
        <v>16</v>
      </c>
      <c r="B614" s="2" t="s">
        <v>2323</v>
      </c>
      <c r="C614" s="4" t="s">
        <v>6</v>
      </c>
      <c r="D614" s="5" t="s">
        <v>79</v>
      </c>
      <c r="E614" s="5" t="s">
        <v>2322</v>
      </c>
      <c r="F614" s="6" t="s">
        <v>5</v>
      </c>
      <c r="G614" s="2" t="s">
        <v>2321</v>
      </c>
      <c r="H614" s="4" t="s">
        <v>9</v>
      </c>
      <c r="I614" s="5" t="s">
        <v>6</v>
      </c>
      <c r="J614" s="5" t="s">
        <v>79</v>
      </c>
      <c r="K614" s="5" t="s">
        <v>2322</v>
      </c>
      <c r="L614" s="6" t="s">
        <v>5</v>
      </c>
      <c r="M614" s="2" t="s">
        <v>2326</v>
      </c>
      <c r="N614" s="3">
        <v>40638</v>
      </c>
      <c r="O614" s="3">
        <v>45231</v>
      </c>
      <c r="P614" s="3">
        <v>47422</v>
      </c>
    </row>
    <row r="615" spans="1:16" x14ac:dyDescent="0.15">
      <c r="A615" s="2" t="s">
        <v>49</v>
      </c>
      <c r="B615" s="2" t="s">
        <v>2327</v>
      </c>
      <c r="C615" s="4" t="s">
        <v>6</v>
      </c>
      <c r="D615" s="5" t="s">
        <v>2328</v>
      </c>
      <c r="E615" s="5" t="s">
        <v>2329</v>
      </c>
      <c r="F615" s="6" t="s">
        <v>5</v>
      </c>
      <c r="G615" s="2" t="s">
        <v>2321</v>
      </c>
      <c r="H615" s="4" t="s">
        <v>9</v>
      </c>
      <c r="I615" s="5" t="s">
        <v>6</v>
      </c>
      <c r="J615" s="5" t="s">
        <v>79</v>
      </c>
      <c r="K615" s="5" t="s">
        <v>2322</v>
      </c>
      <c r="L615" s="6" t="s">
        <v>5</v>
      </c>
      <c r="M615" s="2" t="s">
        <v>2330</v>
      </c>
      <c r="N615" s="3">
        <v>41954</v>
      </c>
      <c r="O615" s="3">
        <v>44501</v>
      </c>
      <c r="P615" s="3">
        <v>46691</v>
      </c>
    </row>
    <row r="616" spans="1:16" x14ac:dyDescent="0.15">
      <c r="A616" s="2" t="s">
        <v>49</v>
      </c>
      <c r="B616" s="2" t="s">
        <v>2331</v>
      </c>
      <c r="C616" s="4" t="s">
        <v>6</v>
      </c>
      <c r="D616" s="5" t="s">
        <v>79</v>
      </c>
      <c r="E616" s="5" t="s">
        <v>2322</v>
      </c>
      <c r="F616" s="6" t="s">
        <v>5</v>
      </c>
      <c r="G616" s="2" t="s">
        <v>2321</v>
      </c>
      <c r="H616" s="4" t="s">
        <v>9</v>
      </c>
      <c r="I616" s="5" t="s">
        <v>6</v>
      </c>
      <c r="J616" s="5" t="s">
        <v>79</v>
      </c>
      <c r="K616" s="5" t="s">
        <v>2322</v>
      </c>
      <c r="L616" s="6" t="s">
        <v>5</v>
      </c>
      <c r="M616" s="2" t="s">
        <v>2332</v>
      </c>
      <c r="N616" s="3">
        <v>41722</v>
      </c>
      <c r="O616" s="3">
        <v>44501</v>
      </c>
      <c r="P616" s="3">
        <v>47057</v>
      </c>
    </row>
    <row r="617" spans="1:16" x14ac:dyDescent="0.15">
      <c r="A617" s="2" t="s">
        <v>49</v>
      </c>
      <c r="B617" s="2" t="s">
        <v>2333</v>
      </c>
      <c r="C617" s="4" t="s">
        <v>6</v>
      </c>
      <c r="D617" s="5" t="s">
        <v>79</v>
      </c>
      <c r="E617" s="5" t="s">
        <v>2322</v>
      </c>
      <c r="F617" s="6" t="s">
        <v>5</v>
      </c>
      <c r="G617" s="2" t="s">
        <v>2321</v>
      </c>
      <c r="H617" s="4" t="s">
        <v>9</v>
      </c>
      <c r="I617" s="5" t="s">
        <v>6</v>
      </c>
      <c r="J617" s="5" t="s">
        <v>79</v>
      </c>
      <c r="K617" s="5" t="s">
        <v>2322</v>
      </c>
      <c r="L617" s="6" t="s">
        <v>5</v>
      </c>
      <c r="M617" s="2" t="s">
        <v>2334</v>
      </c>
      <c r="N617" s="3">
        <v>38626</v>
      </c>
      <c r="O617" s="3">
        <v>44866</v>
      </c>
      <c r="P617" s="3">
        <v>47057</v>
      </c>
    </row>
    <row r="618" spans="1:16" x14ac:dyDescent="0.15">
      <c r="A618" s="2" t="s">
        <v>16</v>
      </c>
      <c r="B618" s="2" t="s">
        <v>2333</v>
      </c>
      <c r="C618" s="4" t="s">
        <v>6</v>
      </c>
      <c r="D618" s="5" t="s">
        <v>79</v>
      </c>
      <c r="E618" s="5" t="s">
        <v>2322</v>
      </c>
      <c r="F618" s="6" t="s">
        <v>5</v>
      </c>
      <c r="G618" s="2" t="s">
        <v>2321</v>
      </c>
      <c r="H618" s="4" t="s">
        <v>9</v>
      </c>
      <c r="I618" s="5" t="s">
        <v>6</v>
      </c>
      <c r="J618" s="5" t="s">
        <v>79</v>
      </c>
      <c r="K618" s="5" t="s">
        <v>2322</v>
      </c>
      <c r="L618" s="6" t="s">
        <v>5</v>
      </c>
      <c r="M618" s="2" t="s">
        <v>2335</v>
      </c>
      <c r="N618" s="3">
        <v>38626</v>
      </c>
      <c r="O618" s="3">
        <v>44866</v>
      </c>
      <c r="P618" s="3">
        <v>47057</v>
      </c>
    </row>
    <row r="619" spans="1:16" x14ac:dyDescent="0.15">
      <c r="A619" s="2" t="s">
        <v>16</v>
      </c>
      <c r="B619" s="2" t="s">
        <v>2336</v>
      </c>
      <c r="C619" s="4" t="s">
        <v>6</v>
      </c>
      <c r="D619" s="5" t="s">
        <v>2328</v>
      </c>
      <c r="E619" s="5" t="s">
        <v>2329</v>
      </c>
      <c r="F619" s="6" t="s">
        <v>5</v>
      </c>
      <c r="G619" s="2" t="s">
        <v>2321</v>
      </c>
      <c r="H619" s="4" t="s">
        <v>9</v>
      </c>
      <c r="I619" s="5" t="s">
        <v>6</v>
      </c>
      <c r="J619" s="5" t="s">
        <v>79</v>
      </c>
      <c r="K619" s="5" t="s">
        <v>2322</v>
      </c>
      <c r="L619" s="6" t="s">
        <v>5</v>
      </c>
      <c r="M619" s="2" t="s">
        <v>2337</v>
      </c>
      <c r="N619" s="3">
        <v>38831</v>
      </c>
      <c r="O619" s="3">
        <v>45231</v>
      </c>
      <c r="P619" s="3">
        <v>47422</v>
      </c>
    </row>
    <row r="620" spans="1:16" x14ac:dyDescent="0.15">
      <c r="A620" s="2" t="s">
        <v>49</v>
      </c>
      <c r="B620" s="2" t="s">
        <v>2340</v>
      </c>
      <c r="C620" s="4" t="s">
        <v>6</v>
      </c>
      <c r="D620" s="5" t="s">
        <v>2338</v>
      </c>
      <c r="E620" s="5" t="s">
        <v>2339</v>
      </c>
      <c r="F620" s="6" t="s">
        <v>5</v>
      </c>
      <c r="G620" s="2"/>
      <c r="H620" s="4"/>
      <c r="I620" s="5"/>
      <c r="J620" s="5"/>
      <c r="K620" s="5"/>
      <c r="L620" s="6"/>
      <c r="M620" s="2" t="s">
        <v>2341</v>
      </c>
      <c r="N620" s="3">
        <v>44456</v>
      </c>
      <c r="O620" s="3">
        <v>44456</v>
      </c>
      <c r="P620" s="3">
        <v>47299</v>
      </c>
    </row>
    <row r="621" spans="1:16" x14ac:dyDescent="0.15">
      <c r="A621" s="2" t="s">
        <v>16</v>
      </c>
      <c r="B621" s="2" t="s">
        <v>2340</v>
      </c>
      <c r="C621" s="4" t="s">
        <v>6</v>
      </c>
      <c r="D621" s="5" t="s">
        <v>2338</v>
      </c>
      <c r="E621" s="5" t="s">
        <v>2339</v>
      </c>
      <c r="F621" s="6" t="s">
        <v>5</v>
      </c>
      <c r="G621" s="2"/>
      <c r="H621" s="4"/>
      <c r="I621" s="5"/>
      <c r="J621" s="5"/>
      <c r="K621" s="5"/>
      <c r="L621" s="6"/>
      <c r="M621" s="2" t="s">
        <v>2342</v>
      </c>
      <c r="N621" s="3">
        <v>40655</v>
      </c>
      <c r="O621" s="3">
        <v>45108</v>
      </c>
      <c r="P621" s="3">
        <v>47299</v>
      </c>
    </row>
    <row r="622" spans="1:16" x14ac:dyDescent="0.15">
      <c r="A622" s="2" t="s">
        <v>49</v>
      </c>
      <c r="B622" s="2" t="s">
        <v>3908</v>
      </c>
      <c r="C622" s="4" t="s">
        <v>6</v>
      </c>
      <c r="D622" s="5" t="s">
        <v>2626</v>
      </c>
      <c r="E622" s="5" t="s">
        <v>1723</v>
      </c>
      <c r="F622" s="6" t="s">
        <v>3909</v>
      </c>
      <c r="G622" s="2" t="s">
        <v>3907</v>
      </c>
      <c r="H622" s="4" t="s">
        <v>9</v>
      </c>
      <c r="I622" s="5" t="s">
        <v>6</v>
      </c>
      <c r="J622" s="5" t="s">
        <v>2626</v>
      </c>
      <c r="K622" s="5" t="s">
        <v>1723</v>
      </c>
      <c r="L622" s="6" t="s">
        <v>5</v>
      </c>
      <c r="M622" s="2" t="s">
        <v>3910</v>
      </c>
      <c r="N622" s="3">
        <v>44593</v>
      </c>
      <c r="O622" s="3">
        <v>44593</v>
      </c>
      <c r="P622" s="3">
        <v>47026</v>
      </c>
    </row>
    <row r="623" spans="1:16" x14ac:dyDescent="0.15">
      <c r="A623" s="2" t="s">
        <v>49</v>
      </c>
      <c r="B623" s="2" t="s">
        <v>3911</v>
      </c>
      <c r="C623" s="4" t="s">
        <v>6</v>
      </c>
      <c r="D623" s="5" t="s">
        <v>2626</v>
      </c>
      <c r="E623" s="5" t="s">
        <v>1723</v>
      </c>
      <c r="F623" s="6" t="s">
        <v>1609</v>
      </c>
      <c r="G623" s="2" t="s">
        <v>3907</v>
      </c>
      <c r="H623" s="4" t="s">
        <v>9</v>
      </c>
      <c r="I623" s="5" t="s">
        <v>6</v>
      </c>
      <c r="J623" s="5" t="s">
        <v>2626</v>
      </c>
      <c r="K623" s="5" t="s">
        <v>1723</v>
      </c>
      <c r="L623" s="6" t="s">
        <v>5</v>
      </c>
      <c r="M623" s="2" t="s">
        <v>3912</v>
      </c>
      <c r="N623" s="3">
        <v>44593</v>
      </c>
      <c r="O623" s="3">
        <v>44593</v>
      </c>
      <c r="P623" s="3">
        <v>47026</v>
      </c>
    </row>
    <row r="624" spans="1:16" x14ac:dyDescent="0.15">
      <c r="A624" s="2" t="s">
        <v>49</v>
      </c>
      <c r="B624" s="2" t="s">
        <v>3916</v>
      </c>
      <c r="C624" s="4" t="s">
        <v>6</v>
      </c>
      <c r="D624" s="5" t="s">
        <v>174</v>
      </c>
      <c r="E624" s="5" t="s">
        <v>3917</v>
      </c>
      <c r="F624" s="6" t="s">
        <v>238</v>
      </c>
      <c r="G624" s="2" t="s">
        <v>3914</v>
      </c>
      <c r="H624" s="4" t="s">
        <v>9</v>
      </c>
      <c r="I624" s="5" t="s">
        <v>6</v>
      </c>
      <c r="J624" s="5" t="s">
        <v>3915</v>
      </c>
      <c r="K624" s="5" t="s">
        <v>5</v>
      </c>
      <c r="L624" s="6" t="s">
        <v>5</v>
      </c>
      <c r="M624" s="2" t="s">
        <v>3918</v>
      </c>
      <c r="N624" s="3">
        <v>44630</v>
      </c>
      <c r="O624" s="3">
        <v>44630</v>
      </c>
      <c r="P624" s="3">
        <v>47026</v>
      </c>
    </row>
    <row r="625" spans="1:16" x14ac:dyDescent="0.15">
      <c r="A625" s="2" t="s">
        <v>49</v>
      </c>
      <c r="B625" s="2" t="s">
        <v>2357</v>
      </c>
      <c r="C625" s="4" t="s">
        <v>6</v>
      </c>
      <c r="D625" s="5" t="s">
        <v>936</v>
      </c>
      <c r="E625" s="5" t="s">
        <v>2358</v>
      </c>
      <c r="F625" s="6" t="s">
        <v>5</v>
      </c>
      <c r="G625" s="2"/>
      <c r="H625" s="4"/>
      <c r="I625" s="5"/>
      <c r="J625" s="5"/>
      <c r="K625" s="5"/>
      <c r="L625" s="6"/>
      <c r="M625" s="2" t="s">
        <v>2359</v>
      </c>
      <c r="N625" s="3">
        <v>44827</v>
      </c>
      <c r="O625" s="3">
        <v>44827</v>
      </c>
      <c r="P625" s="3">
        <v>47208</v>
      </c>
    </row>
    <row r="626" spans="1:16" x14ac:dyDescent="0.15">
      <c r="A626" s="2" t="s">
        <v>49</v>
      </c>
      <c r="B626" s="2" t="s">
        <v>2361</v>
      </c>
      <c r="C626" s="4" t="s">
        <v>6</v>
      </c>
      <c r="D626" s="5" t="s">
        <v>2362</v>
      </c>
      <c r="E626" s="5" t="s">
        <v>2363</v>
      </c>
      <c r="F626" s="6" t="s">
        <v>5</v>
      </c>
      <c r="G626" s="2"/>
      <c r="H626" s="4"/>
      <c r="I626" s="5"/>
      <c r="J626" s="5"/>
      <c r="K626" s="5"/>
      <c r="L626" s="6"/>
      <c r="M626" s="2" t="s">
        <v>2364</v>
      </c>
      <c r="N626" s="3">
        <v>40835</v>
      </c>
      <c r="O626" s="3">
        <v>44501</v>
      </c>
      <c r="P626" s="3">
        <v>46326</v>
      </c>
    </row>
    <row r="627" spans="1:16" x14ac:dyDescent="0.15">
      <c r="A627" s="2" t="s">
        <v>49</v>
      </c>
      <c r="B627" s="2" t="s">
        <v>2365</v>
      </c>
      <c r="C627" s="4" t="s">
        <v>6</v>
      </c>
      <c r="D627" s="5" t="s">
        <v>2366</v>
      </c>
      <c r="E627" s="5" t="s">
        <v>2367</v>
      </c>
      <c r="F627" s="6" t="s">
        <v>2368</v>
      </c>
      <c r="G627" s="2"/>
      <c r="H627" s="4"/>
      <c r="I627" s="5"/>
      <c r="J627" s="5"/>
      <c r="K627" s="5"/>
      <c r="L627" s="6"/>
      <c r="M627" s="2" t="s">
        <v>2369</v>
      </c>
      <c r="N627" s="3">
        <v>44454</v>
      </c>
      <c r="O627" s="3">
        <v>44454</v>
      </c>
      <c r="P627" s="3">
        <v>46507</v>
      </c>
    </row>
    <row r="628" spans="1:16" x14ac:dyDescent="0.15">
      <c r="A628" s="2" t="s">
        <v>49</v>
      </c>
      <c r="B628" s="2" t="s">
        <v>3921</v>
      </c>
      <c r="C628" s="4" t="s">
        <v>6</v>
      </c>
      <c r="D628" s="5" t="s">
        <v>3753</v>
      </c>
      <c r="E628" s="5" t="s">
        <v>3922</v>
      </c>
      <c r="F628" s="6" t="s">
        <v>5</v>
      </c>
      <c r="G628" s="2" t="s">
        <v>2913</v>
      </c>
      <c r="H628" s="4" t="s">
        <v>9</v>
      </c>
      <c r="I628" s="5" t="s">
        <v>6</v>
      </c>
      <c r="J628" s="5" t="s">
        <v>290</v>
      </c>
      <c r="K628" s="5" t="s">
        <v>3920</v>
      </c>
      <c r="L628" s="6" t="s">
        <v>5</v>
      </c>
      <c r="M628" s="2" t="s">
        <v>3923</v>
      </c>
      <c r="N628" s="3">
        <v>42310</v>
      </c>
      <c r="O628" s="3">
        <v>44652</v>
      </c>
      <c r="P628" s="3">
        <v>46843</v>
      </c>
    </row>
    <row r="629" spans="1:16" x14ac:dyDescent="0.15">
      <c r="A629" s="2" t="s">
        <v>49</v>
      </c>
      <c r="B629" s="2" t="s">
        <v>3938</v>
      </c>
      <c r="C629" s="4" t="s">
        <v>6</v>
      </c>
      <c r="D629" s="5" t="s">
        <v>2833</v>
      </c>
      <c r="E629" s="5" t="s">
        <v>3671</v>
      </c>
      <c r="F629" s="6" t="s">
        <v>5</v>
      </c>
      <c r="G629" s="2" t="s">
        <v>3937</v>
      </c>
      <c r="H629" s="4" t="s">
        <v>9</v>
      </c>
      <c r="I629" s="5" t="s">
        <v>6</v>
      </c>
      <c r="J629" s="5" t="s">
        <v>2833</v>
      </c>
      <c r="K629" s="5" t="s">
        <v>3671</v>
      </c>
      <c r="L629" s="6" t="s">
        <v>5</v>
      </c>
      <c r="M629" s="2" t="s">
        <v>3939</v>
      </c>
      <c r="N629" s="3">
        <v>37819</v>
      </c>
      <c r="O629" s="3">
        <v>44652</v>
      </c>
      <c r="P629" s="3">
        <v>46843</v>
      </c>
    </row>
    <row r="630" spans="1:16" x14ac:dyDescent="0.15">
      <c r="A630" s="2" t="s">
        <v>49</v>
      </c>
      <c r="B630" s="2" t="s">
        <v>3942</v>
      </c>
      <c r="C630" s="4" t="s">
        <v>6</v>
      </c>
      <c r="D630" s="5" t="s">
        <v>1148</v>
      </c>
      <c r="E630" s="5" t="s">
        <v>3941</v>
      </c>
      <c r="F630" s="6" t="s">
        <v>5</v>
      </c>
      <c r="G630" s="2" t="s">
        <v>3940</v>
      </c>
      <c r="H630" s="4" t="s">
        <v>9</v>
      </c>
      <c r="I630" s="5" t="s">
        <v>6</v>
      </c>
      <c r="J630" s="5" t="s">
        <v>1148</v>
      </c>
      <c r="K630" s="5" t="s">
        <v>3941</v>
      </c>
      <c r="L630" s="6" t="s">
        <v>5</v>
      </c>
      <c r="M630" s="2" t="s">
        <v>3943</v>
      </c>
      <c r="N630" s="3">
        <v>42224</v>
      </c>
      <c r="O630" s="3">
        <v>44652</v>
      </c>
      <c r="P630" s="3">
        <v>46843</v>
      </c>
    </row>
    <row r="631" spans="1:16" x14ac:dyDescent="0.15">
      <c r="A631" s="2" t="s">
        <v>49</v>
      </c>
      <c r="B631" s="2" t="s">
        <v>1500</v>
      </c>
      <c r="C631" s="4" t="s">
        <v>6</v>
      </c>
      <c r="D631" s="5" t="s">
        <v>1501</v>
      </c>
      <c r="E631" s="5" t="s">
        <v>2378</v>
      </c>
      <c r="F631" s="6" t="s">
        <v>5</v>
      </c>
      <c r="G631" s="2"/>
      <c r="H631" s="4"/>
      <c r="I631" s="5"/>
      <c r="J631" s="5"/>
      <c r="K631" s="5"/>
      <c r="L631" s="6"/>
      <c r="M631" s="2" t="s">
        <v>2379</v>
      </c>
      <c r="N631" s="3">
        <v>44614</v>
      </c>
      <c r="O631" s="3">
        <v>44614</v>
      </c>
      <c r="P631" s="3">
        <v>46873</v>
      </c>
    </row>
    <row r="632" spans="1:16" x14ac:dyDescent="0.15">
      <c r="A632" s="2" t="s">
        <v>49</v>
      </c>
      <c r="B632" s="2" t="s">
        <v>2380</v>
      </c>
      <c r="C632" s="4" t="s">
        <v>6</v>
      </c>
      <c r="D632" s="5" t="s">
        <v>2381</v>
      </c>
      <c r="E632" s="5" t="s">
        <v>1004</v>
      </c>
      <c r="F632" s="6" t="s">
        <v>5</v>
      </c>
      <c r="G632" s="2"/>
      <c r="H632" s="4"/>
      <c r="I632" s="5"/>
      <c r="J632" s="5"/>
      <c r="K632" s="5"/>
      <c r="L632" s="6"/>
      <c r="M632" s="2" t="s">
        <v>2382</v>
      </c>
      <c r="N632" s="3">
        <v>39899</v>
      </c>
      <c r="O632" s="3">
        <v>44470</v>
      </c>
      <c r="P632" s="3">
        <v>46660</v>
      </c>
    </row>
    <row r="633" spans="1:16" x14ac:dyDescent="0.15">
      <c r="A633" s="2" t="s">
        <v>49</v>
      </c>
      <c r="B633" s="2" t="s">
        <v>2386</v>
      </c>
      <c r="C633" s="4" t="s">
        <v>6</v>
      </c>
      <c r="D633" s="5" t="s">
        <v>434</v>
      </c>
      <c r="E633" s="5" t="s">
        <v>2387</v>
      </c>
      <c r="F633" s="6" t="s">
        <v>5</v>
      </c>
      <c r="G633" s="2" t="s">
        <v>2383</v>
      </c>
      <c r="H633" s="4" t="s">
        <v>9</v>
      </c>
      <c r="I633" s="5" t="s">
        <v>6</v>
      </c>
      <c r="J633" s="5" t="s">
        <v>2384</v>
      </c>
      <c r="K633" s="5" t="s">
        <v>2385</v>
      </c>
      <c r="L633" s="6" t="s">
        <v>5</v>
      </c>
      <c r="M633" s="2" t="s">
        <v>2388</v>
      </c>
      <c r="N633" s="3">
        <v>38680</v>
      </c>
      <c r="O633" s="3">
        <v>44501</v>
      </c>
      <c r="P633" s="3">
        <v>46326</v>
      </c>
    </row>
    <row r="634" spans="1:16" x14ac:dyDescent="0.15">
      <c r="A634" s="2" t="s">
        <v>49</v>
      </c>
      <c r="B634" s="2" t="s">
        <v>3948</v>
      </c>
      <c r="C634" s="4" t="s">
        <v>6</v>
      </c>
      <c r="D634" s="5" t="s">
        <v>3949</v>
      </c>
      <c r="E634" s="5" t="s">
        <v>1265</v>
      </c>
      <c r="F634" s="6" t="s">
        <v>5</v>
      </c>
      <c r="G634" s="2" t="s">
        <v>3944</v>
      </c>
      <c r="H634" s="4" t="s">
        <v>184</v>
      </c>
      <c r="I634" s="5" t="s">
        <v>3945</v>
      </c>
      <c r="J634" s="5" t="s">
        <v>3946</v>
      </c>
      <c r="K634" s="5" t="s">
        <v>3947</v>
      </c>
      <c r="L634" s="6" t="s">
        <v>5</v>
      </c>
      <c r="M634" s="2" t="s">
        <v>3950</v>
      </c>
      <c r="N634" s="3">
        <v>38282</v>
      </c>
      <c r="O634" s="3">
        <v>44652</v>
      </c>
      <c r="P634" s="3">
        <v>46843</v>
      </c>
    </row>
    <row r="635" spans="1:16" x14ac:dyDescent="0.15">
      <c r="A635" s="2" t="s">
        <v>49</v>
      </c>
      <c r="B635" s="2" t="s">
        <v>3965</v>
      </c>
      <c r="C635" s="4" t="s">
        <v>6</v>
      </c>
      <c r="D635" s="5" t="s">
        <v>936</v>
      </c>
      <c r="E635" s="5" t="s">
        <v>3964</v>
      </c>
      <c r="F635" s="6" t="s">
        <v>5</v>
      </c>
      <c r="G635" s="2" t="s">
        <v>3963</v>
      </c>
      <c r="H635" s="4" t="s">
        <v>9</v>
      </c>
      <c r="I635" s="5" t="s">
        <v>6</v>
      </c>
      <c r="J635" s="5" t="s">
        <v>936</v>
      </c>
      <c r="K635" s="5" t="s">
        <v>3964</v>
      </c>
      <c r="L635" s="6" t="s">
        <v>5</v>
      </c>
      <c r="M635" s="2" t="s">
        <v>3966</v>
      </c>
      <c r="N635" s="3">
        <v>38709</v>
      </c>
      <c r="O635" s="3">
        <v>44652</v>
      </c>
      <c r="P635" s="3">
        <v>46843</v>
      </c>
    </row>
    <row r="636" spans="1:16" x14ac:dyDescent="0.15">
      <c r="A636" s="2" t="s">
        <v>49</v>
      </c>
      <c r="B636" s="2" t="s">
        <v>3972</v>
      </c>
      <c r="C636" s="4" t="s">
        <v>6</v>
      </c>
      <c r="D636" s="5" t="s">
        <v>3973</v>
      </c>
      <c r="E636" s="5" t="s">
        <v>3974</v>
      </c>
      <c r="F636" s="6" t="s">
        <v>5</v>
      </c>
      <c r="G636" s="2" t="s">
        <v>3970</v>
      </c>
      <c r="H636" s="4" t="s">
        <v>9</v>
      </c>
      <c r="I636" s="5" t="s">
        <v>6</v>
      </c>
      <c r="J636" s="5" t="s">
        <v>3971</v>
      </c>
      <c r="K636" s="5" t="s">
        <v>5</v>
      </c>
      <c r="L636" s="6" t="s">
        <v>5</v>
      </c>
      <c r="M636" s="2" t="s">
        <v>3975</v>
      </c>
      <c r="N636" s="3">
        <v>40134</v>
      </c>
      <c r="O636" s="3">
        <v>44652</v>
      </c>
      <c r="P636" s="3">
        <v>46843</v>
      </c>
    </row>
    <row r="637" spans="1:16" x14ac:dyDescent="0.15">
      <c r="A637" s="2" t="s">
        <v>49</v>
      </c>
      <c r="B637" s="2" t="s">
        <v>3979</v>
      </c>
      <c r="C637" s="4" t="s">
        <v>6</v>
      </c>
      <c r="D637" s="5" t="s">
        <v>1360</v>
      </c>
      <c r="E637" s="5" t="s">
        <v>3980</v>
      </c>
      <c r="F637" s="6" t="s">
        <v>5</v>
      </c>
      <c r="G637" s="2" t="s">
        <v>3976</v>
      </c>
      <c r="H637" s="4" t="s">
        <v>29</v>
      </c>
      <c r="I637" s="5" t="s">
        <v>165</v>
      </c>
      <c r="J637" s="5" t="s">
        <v>3977</v>
      </c>
      <c r="K637" s="5" t="s">
        <v>3978</v>
      </c>
      <c r="L637" s="6" t="s">
        <v>5</v>
      </c>
      <c r="M637" s="2" t="s">
        <v>3981</v>
      </c>
      <c r="N637" s="3">
        <v>42301</v>
      </c>
      <c r="O637" s="3">
        <v>44652</v>
      </c>
      <c r="P637" s="3">
        <v>46843</v>
      </c>
    </row>
    <row r="638" spans="1:16" x14ac:dyDescent="0.15">
      <c r="A638" s="2" t="s">
        <v>49</v>
      </c>
      <c r="B638" s="2" t="s">
        <v>3988</v>
      </c>
      <c r="C638" s="4" t="s">
        <v>6</v>
      </c>
      <c r="D638" s="5" t="s">
        <v>3986</v>
      </c>
      <c r="E638" s="5" t="s">
        <v>3987</v>
      </c>
      <c r="F638" s="6" t="s">
        <v>5</v>
      </c>
      <c r="G638" s="2" t="s">
        <v>3985</v>
      </c>
      <c r="H638" s="4" t="s">
        <v>9</v>
      </c>
      <c r="I638" s="5" t="s">
        <v>6</v>
      </c>
      <c r="J638" s="5" t="s">
        <v>3986</v>
      </c>
      <c r="K638" s="5" t="s">
        <v>3987</v>
      </c>
      <c r="L638" s="6" t="s">
        <v>5</v>
      </c>
      <c r="M638" s="2" t="s">
        <v>3989</v>
      </c>
      <c r="N638" s="3">
        <v>40244</v>
      </c>
      <c r="O638" s="3">
        <v>44652</v>
      </c>
      <c r="P638" s="3">
        <v>46843</v>
      </c>
    </row>
    <row r="639" spans="1:16" x14ac:dyDescent="0.15">
      <c r="A639" s="2" t="s">
        <v>49</v>
      </c>
      <c r="B639" s="2" t="s">
        <v>3996</v>
      </c>
      <c r="C639" s="4" t="s">
        <v>6</v>
      </c>
      <c r="D639" s="5" t="s">
        <v>1478</v>
      </c>
      <c r="E639" s="5" t="s">
        <v>690</v>
      </c>
      <c r="F639" s="6" t="s">
        <v>3997</v>
      </c>
      <c r="G639" s="2" t="s">
        <v>3995</v>
      </c>
      <c r="H639" s="4" t="s">
        <v>9</v>
      </c>
      <c r="I639" s="5" t="s">
        <v>6</v>
      </c>
      <c r="J639" s="5" t="s">
        <v>1478</v>
      </c>
      <c r="K639" s="5" t="s">
        <v>690</v>
      </c>
      <c r="L639" s="6" t="s">
        <v>5</v>
      </c>
      <c r="M639" s="2" t="s">
        <v>3998</v>
      </c>
      <c r="N639" s="3">
        <v>44601</v>
      </c>
      <c r="O639" s="3">
        <v>44601</v>
      </c>
      <c r="P639" s="3">
        <v>47026</v>
      </c>
    </row>
    <row r="640" spans="1:16" x14ac:dyDescent="0.15">
      <c r="A640" s="2" t="s">
        <v>49</v>
      </c>
      <c r="B640" s="2" t="s">
        <v>2414</v>
      </c>
      <c r="C640" s="4" t="s">
        <v>6</v>
      </c>
      <c r="D640" s="5" t="s">
        <v>2415</v>
      </c>
      <c r="E640" s="5" t="s">
        <v>5</v>
      </c>
      <c r="F640" s="6" t="s">
        <v>5</v>
      </c>
      <c r="G640" s="2"/>
      <c r="H640" s="4"/>
      <c r="I640" s="5"/>
      <c r="J640" s="5"/>
      <c r="K640" s="5"/>
      <c r="L640" s="6"/>
      <c r="M640" s="2" t="s">
        <v>2416</v>
      </c>
      <c r="N640" s="3">
        <v>39753</v>
      </c>
      <c r="O640" s="3">
        <v>44470</v>
      </c>
      <c r="P640" s="3">
        <v>46660</v>
      </c>
    </row>
    <row r="641" spans="1:16" x14ac:dyDescent="0.15">
      <c r="A641" s="2" t="s">
        <v>49</v>
      </c>
      <c r="B641" s="2" t="s">
        <v>4001</v>
      </c>
      <c r="C641" s="4" t="s">
        <v>6</v>
      </c>
      <c r="D641" s="5" t="s">
        <v>270</v>
      </c>
      <c r="E641" s="5" t="s">
        <v>4000</v>
      </c>
      <c r="F641" s="6" t="s">
        <v>5</v>
      </c>
      <c r="G641" s="2" t="s">
        <v>3999</v>
      </c>
      <c r="H641" s="4" t="s">
        <v>9</v>
      </c>
      <c r="I641" s="5" t="s">
        <v>6</v>
      </c>
      <c r="J641" s="5" t="s">
        <v>270</v>
      </c>
      <c r="K641" s="5" t="s">
        <v>4000</v>
      </c>
      <c r="L641" s="6" t="s">
        <v>5</v>
      </c>
      <c r="M641" s="2" t="s">
        <v>4002</v>
      </c>
      <c r="N641" s="3">
        <v>36447</v>
      </c>
      <c r="O641" s="3">
        <v>44652</v>
      </c>
      <c r="P641" s="3">
        <v>46843</v>
      </c>
    </row>
    <row r="642" spans="1:16" x14ac:dyDescent="0.15">
      <c r="A642" s="2" t="s">
        <v>49</v>
      </c>
      <c r="B642" s="2" t="s">
        <v>2421</v>
      </c>
      <c r="C642" s="4" t="s">
        <v>6</v>
      </c>
      <c r="D642" s="5" t="s">
        <v>247</v>
      </c>
      <c r="E642" s="5" t="s">
        <v>2422</v>
      </c>
      <c r="F642" s="6" t="s">
        <v>2423</v>
      </c>
      <c r="G642" s="2"/>
      <c r="H642" s="4"/>
      <c r="I642" s="5"/>
      <c r="J642" s="5"/>
      <c r="K642" s="5"/>
      <c r="L642" s="6"/>
      <c r="M642" s="2" t="s">
        <v>2424</v>
      </c>
      <c r="N642" s="3">
        <v>44456</v>
      </c>
      <c r="O642" s="3">
        <v>44456</v>
      </c>
      <c r="P642" s="3">
        <v>46538</v>
      </c>
    </row>
    <row r="643" spans="1:16" x14ac:dyDescent="0.15">
      <c r="A643" s="2" t="s">
        <v>49</v>
      </c>
      <c r="B643" s="2" t="s">
        <v>2426</v>
      </c>
      <c r="C643" s="4" t="s">
        <v>6</v>
      </c>
      <c r="D643" s="5" t="s">
        <v>608</v>
      </c>
      <c r="E643" s="5" t="s">
        <v>465</v>
      </c>
      <c r="F643" s="6" t="s">
        <v>2427</v>
      </c>
      <c r="G643" s="2"/>
      <c r="H643" s="4"/>
      <c r="I643" s="5"/>
      <c r="J643" s="5"/>
      <c r="K643" s="5"/>
      <c r="L643" s="6"/>
      <c r="M643" s="2" t="s">
        <v>2428</v>
      </c>
      <c r="N643" s="3">
        <v>44456</v>
      </c>
      <c r="O643" s="3">
        <v>44456</v>
      </c>
      <c r="P643" s="3">
        <v>46356</v>
      </c>
    </row>
    <row r="644" spans="1:16" x14ac:dyDescent="0.15">
      <c r="A644" s="2" t="s">
        <v>49</v>
      </c>
      <c r="B644" s="2" t="s">
        <v>2430</v>
      </c>
      <c r="C644" s="4" t="s">
        <v>6</v>
      </c>
      <c r="D644" s="5" t="s">
        <v>2429</v>
      </c>
      <c r="E644" s="5" t="s">
        <v>2431</v>
      </c>
      <c r="F644" s="6" t="s">
        <v>5</v>
      </c>
      <c r="G644" s="2"/>
      <c r="H644" s="4"/>
      <c r="I644" s="5"/>
      <c r="J644" s="5"/>
      <c r="K644" s="5"/>
      <c r="L644" s="6"/>
      <c r="M644" s="2" t="s">
        <v>2432</v>
      </c>
      <c r="N644" s="3">
        <v>42034</v>
      </c>
      <c r="O644" s="3">
        <v>44501</v>
      </c>
      <c r="P644" s="3">
        <v>46691</v>
      </c>
    </row>
    <row r="645" spans="1:16" x14ac:dyDescent="0.15">
      <c r="A645" s="2" t="s">
        <v>49</v>
      </c>
      <c r="B645" s="2" t="s">
        <v>2434</v>
      </c>
      <c r="C645" s="4" t="s">
        <v>6</v>
      </c>
      <c r="D645" s="5" t="s">
        <v>79</v>
      </c>
      <c r="E645" s="5" t="s">
        <v>2433</v>
      </c>
      <c r="F645" s="6" t="s">
        <v>5</v>
      </c>
      <c r="G645" s="2"/>
      <c r="H645" s="4"/>
      <c r="I645" s="5"/>
      <c r="J645" s="5"/>
      <c r="K645" s="5"/>
      <c r="L645" s="6"/>
      <c r="M645" s="2" t="s">
        <v>2435</v>
      </c>
      <c r="N645" s="3">
        <v>35229</v>
      </c>
      <c r="O645" s="3">
        <v>44501</v>
      </c>
      <c r="P645" s="3">
        <v>46691</v>
      </c>
    </row>
    <row r="646" spans="1:16" x14ac:dyDescent="0.15">
      <c r="A646" s="2" t="s">
        <v>49</v>
      </c>
      <c r="B646" s="2" t="s">
        <v>4024</v>
      </c>
      <c r="C646" s="4" t="s">
        <v>6</v>
      </c>
      <c r="D646" s="5" t="s">
        <v>755</v>
      </c>
      <c r="E646" s="5" t="s">
        <v>4025</v>
      </c>
      <c r="F646" s="6" t="s">
        <v>5</v>
      </c>
      <c r="G646" s="2" t="s">
        <v>4022</v>
      </c>
      <c r="H646" s="4" t="s">
        <v>9</v>
      </c>
      <c r="I646" s="5" t="s">
        <v>6</v>
      </c>
      <c r="J646" s="5" t="s">
        <v>755</v>
      </c>
      <c r="K646" s="5" t="s">
        <v>4023</v>
      </c>
      <c r="L646" s="6" t="s">
        <v>5</v>
      </c>
      <c r="M646" s="2" t="s">
        <v>4026</v>
      </c>
      <c r="N646" s="3">
        <v>44683</v>
      </c>
      <c r="O646" s="3">
        <v>44683</v>
      </c>
      <c r="P646" s="3">
        <v>47208</v>
      </c>
    </row>
    <row r="647" spans="1:16" x14ac:dyDescent="0.15">
      <c r="A647" s="2" t="s">
        <v>49</v>
      </c>
      <c r="B647" s="2" t="s">
        <v>2442</v>
      </c>
      <c r="C647" s="4" t="s">
        <v>6</v>
      </c>
      <c r="D647" s="5" t="s">
        <v>140</v>
      </c>
      <c r="E647" s="5" t="s">
        <v>2443</v>
      </c>
      <c r="F647" s="6" t="s">
        <v>5</v>
      </c>
      <c r="G647" s="2"/>
      <c r="H647" s="4"/>
      <c r="I647" s="5"/>
      <c r="J647" s="5"/>
      <c r="K647" s="5"/>
      <c r="L647" s="6"/>
      <c r="M647" s="2" t="s">
        <v>2444</v>
      </c>
      <c r="N647" s="3">
        <v>42249</v>
      </c>
      <c r="O647" s="3">
        <v>44470</v>
      </c>
      <c r="P647" s="3">
        <v>46660</v>
      </c>
    </row>
    <row r="648" spans="1:16" x14ac:dyDescent="0.15">
      <c r="A648" s="2" t="s">
        <v>49</v>
      </c>
      <c r="B648" s="2" t="s">
        <v>4030</v>
      </c>
      <c r="C648" s="4" t="s">
        <v>6</v>
      </c>
      <c r="D648" s="5" t="s">
        <v>608</v>
      </c>
      <c r="E648" s="5" t="s">
        <v>4031</v>
      </c>
      <c r="F648" s="6" t="s">
        <v>4032</v>
      </c>
      <c r="G648" s="2" t="s">
        <v>4028</v>
      </c>
      <c r="H648" s="4" t="s">
        <v>9</v>
      </c>
      <c r="I648" s="5" t="s">
        <v>6</v>
      </c>
      <c r="J648" s="5" t="s">
        <v>608</v>
      </c>
      <c r="K648" s="5" t="s">
        <v>4029</v>
      </c>
      <c r="L648" s="6" t="s">
        <v>5</v>
      </c>
      <c r="M648" s="2" t="s">
        <v>4033</v>
      </c>
      <c r="N648" s="3">
        <v>44602</v>
      </c>
      <c r="O648" s="3">
        <v>44602</v>
      </c>
      <c r="P648" s="3">
        <v>47087</v>
      </c>
    </row>
    <row r="649" spans="1:16" x14ac:dyDescent="0.15">
      <c r="A649" s="2" t="s">
        <v>49</v>
      </c>
      <c r="B649" s="2" t="s">
        <v>4039</v>
      </c>
      <c r="C649" s="4" t="s">
        <v>6</v>
      </c>
      <c r="D649" s="5" t="s">
        <v>218</v>
      </c>
      <c r="E649" s="5" t="s">
        <v>532</v>
      </c>
      <c r="F649" s="6" t="s">
        <v>4040</v>
      </c>
      <c r="G649" s="2" t="s">
        <v>4038</v>
      </c>
      <c r="H649" s="4" t="s">
        <v>9</v>
      </c>
      <c r="I649" s="5" t="s">
        <v>6</v>
      </c>
      <c r="J649" s="5" t="s">
        <v>522</v>
      </c>
      <c r="K649" s="5" t="s">
        <v>816</v>
      </c>
      <c r="L649" s="6" t="s">
        <v>5</v>
      </c>
      <c r="M649" s="2" t="s">
        <v>4041</v>
      </c>
      <c r="N649" s="3">
        <v>32072</v>
      </c>
      <c r="O649" s="3">
        <v>44652</v>
      </c>
      <c r="P649" s="3">
        <v>46843</v>
      </c>
    </row>
    <row r="650" spans="1:16" x14ac:dyDescent="0.15">
      <c r="A650" s="2" t="s">
        <v>49</v>
      </c>
      <c r="B650" s="2" t="s">
        <v>2450</v>
      </c>
      <c r="C650" s="4" t="s">
        <v>6</v>
      </c>
      <c r="D650" s="5" t="s">
        <v>2451</v>
      </c>
      <c r="E650" s="5" t="s">
        <v>5</v>
      </c>
      <c r="F650" s="6" t="s">
        <v>5</v>
      </c>
      <c r="G650" s="2"/>
      <c r="H650" s="4"/>
      <c r="I650" s="5"/>
      <c r="J650" s="5"/>
      <c r="K650" s="5"/>
      <c r="L650" s="6"/>
      <c r="M650" s="2" t="s">
        <v>2452</v>
      </c>
      <c r="N650" s="3">
        <v>43363</v>
      </c>
      <c r="O650" s="3">
        <v>43363</v>
      </c>
      <c r="P650" s="3">
        <v>45565</v>
      </c>
    </row>
    <row r="651" spans="1:16" x14ac:dyDescent="0.15">
      <c r="A651" s="2" t="s">
        <v>49</v>
      </c>
      <c r="B651" s="2" t="s">
        <v>2453</v>
      </c>
      <c r="C651" s="4" t="s">
        <v>6</v>
      </c>
      <c r="D651" s="5" t="s">
        <v>2454</v>
      </c>
      <c r="E651" s="5" t="s">
        <v>2455</v>
      </c>
      <c r="F651" s="6" t="s">
        <v>5</v>
      </c>
      <c r="G651" s="2"/>
      <c r="H651" s="4"/>
      <c r="I651" s="5"/>
      <c r="J651" s="5"/>
      <c r="K651" s="5"/>
      <c r="L651" s="6"/>
      <c r="M651" s="2" t="s">
        <v>2456</v>
      </c>
      <c r="N651" s="3">
        <v>43845</v>
      </c>
      <c r="O651" s="3">
        <v>43845</v>
      </c>
      <c r="P651" s="3">
        <v>46203</v>
      </c>
    </row>
    <row r="652" spans="1:16" x14ac:dyDescent="0.15">
      <c r="A652" s="2" t="s">
        <v>49</v>
      </c>
      <c r="B652" s="2" t="s">
        <v>4043</v>
      </c>
      <c r="C652" s="4" t="s">
        <v>6</v>
      </c>
      <c r="D652" s="5" t="s">
        <v>179</v>
      </c>
      <c r="E652" s="5" t="s">
        <v>646</v>
      </c>
      <c r="F652" s="6" t="s">
        <v>5</v>
      </c>
      <c r="G652" s="2" t="s">
        <v>4038</v>
      </c>
      <c r="H652" s="4" t="s">
        <v>9</v>
      </c>
      <c r="I652" s="5" t="s">
        <v>6</v>
      </c>
      <c r="J652" s="5" t="s">
        <v>522</v>
      </c>
      <c r="K652" s="5" t="s">
        <v>816</v>
      </c>
      <c r="L652" s="6" t="s">
        <v>5</v>
      </c>
      <c r="M652" s="2" t="s">
        <v>4044</v>
      </c>
      <c r="N652" s="3">
        <v>38463</v>
      </c>
      <c r="O652" s="3">
        <v>44835</v>
      </c>
      <c r="P652" s="3">
        <v>47026</v>
      </c>
    </row>
    <row r="653" spans="1:16" x14ac:dyDescent="0.15">
      <c r="A653" s="2" t="s">
        <v>49</v>
      </c>
      <c r="B653" s="2" t="s">
        <v>4059</v>
      </c>
      <c r="C653" s="4" t="s">
        <v>6</v>
      </c>
      <c r="D653" s="5" t="s">
        <v>500</v>
      </c>
      <c r="E653" s="5" t="s">
        <v>4060</v>
      </c>
      <c r="F653" s="6" t="s">
        <v>5</v>
      </c>
      <c r="G653" s="2" t="s">
        <v>4057</v>
      </c>
      <c r="H653" s="4" t="s">
        <v>29</v>
      </c>
      <c r="I653" s="5" t="s">
        <v>1423</v>
      </c>
      <c r="J653" s="5" t="s">
        <v>4058</v>
      </c>
      <c r="K653" s="5" t="s">
        <v>5</v>
      </c>
      <c r="L653" s="6" t="s">
        <v>5</v>
      </c>
      <c r="M653" s="2" t="s">
        <v>4061</v>
      </c>
      <c r="N653" s="3">
        <v>43217</v>
      </c>
      <c r="O653" s="3">
        <v>45444</v>
      </c>
      <c r="P653" s="3">
        <v>47634</v>
      </c>
    </row>
    <row r="654" spans="1:16" x14ac:dyDescent="0.15">
      <c r="A654" s="2" t="s">
        <v>49</v>
      </c>
      <c r="B654" s="2" t="s">
        <v>2467</v>
      </c>
      <c r="C654" s="4" t="s">
        <v>6</v>
      </c>
      <c r="D654" s="5" t="s">
        <v>79</v>
      </c>
      <c r="E654" s="5" t="s">
        <v>2466</v>
      </c>
      <c r="F654" s="6" t="s">
        <v>5</v>
      </c>
      <c r="G654" s="2"/>
      <c r="H654" s="4"/>
      <c r="I654" s="5"/>
      <c r="J654" s="5"/>
      <c r="K654" s="5"/>
      <c r="L654" s="6"/>
      <c r="M654" s="2" t="s">
        <v>2468</v>
      </c>
      <c r="N654" s="3">
        <v>32481</v>
      </c>
      <c r="O654" s="3">
        <v>44501</v>
      </c>
      <c r="P654" s="3">
        <v>46326</v>
      </c>
    </row>
    <row r="655" spans="1:16" x14ac:dyDescent="0.15">
      <c r="A655" s="2" t="s">
        <v>49</v>
      </c>
      <c r="B655" s="2" t="s">
        <v>2469</v>
      </c>
      <c r="C655" s="4" t="s">
        <v>6</v>
      </c>
      <c r="D655" s="5" t="s">
        <v>2470</v>
      </c>
      <c r="E655" s="5" t="s">
        <v>2471</v>
      </c>
      <c r="F655" s="6" t="s">
        <v>5</v>
      </c>
      <c r="G655" s="2"/>
      <c r="H655" s="4"/>
      <c r="I655" s="5"/>
      <c r="J655" s="5"/>
      <c r="K655" s="5"/>
      <c r="L655" s="6"/>
      <c r="M655" s="2" t="s">
        <v>2472</v>
      </c>
      <c r="N655" s="3">
        <v>42612</v>
      </c>
      <c r="O655" s="3">
        <v>44501</v>
      </c>
      <c r="P655" s="3">
        <v>46326</v>
      </c>
    </row>
    <row r="656" spans="1:16" x14ac:dyDescent="0.15">
      <c r="A656" s="2" t="s">
        <v>49</v>
      </c>
      <c r="B656" s="2" t="s">
        <v>2473</v>
      </c>
      <c r="C656" s="4" t="s">
        <v>6</v>
      </c>
      <c r="D656" s="5" t="s">
        <v>2474</v>
      </c>
      <c r="E656" s="5" t="s">
        <v>2475</v>
      </c>
      <c r="F656" s="6" t="s">
        <v>5</v>
      </c>
      <c r="G656" s="2"/>
      <c r="H656" s="4"/>
      <c r="I656" s="5"/>
      <c r="J656" s="5"/>
      <c r="K656" s="5"/>
      <c r="L656" s="6"/>
      <c r="M656" s="2" t="s">
        <v>2476</v>
      </c>
      <c r="N656" s="3">
        <v>44461</v>
      </c>
      <c r="O656" s="3">
        <v>44461</v>
      </c>
      <c r="P656" s="3">
        <v>46568</v>
      </c>
    </row>
    <row r="657" spans="1:16" x14ac:dyDescent="0.15">
      <c r="A657" s="2" t="s">
        <v>49</v>
      </c>
      <c r="B657" s="2" t="s">
        <v>2478</v>
      </c>
      <c r="C657" s="4" t="s">
        <v>6</v>
      </c>
      <c r="D657" s="5" t="s">
        <v>247</v>
      </c>
      <c r="E657" s="5" t="s">
        <v>2479</v>
      </c>
      <c r="F657" s="6" t="s">
        <v>2480</v>
      </c>
      <c r="G657" s="2"/>
      <c r="H657" s="4"/>
      <c r="I657" s="5"/>
      <c r="J657" s="5"/>
      <c r="K657" s="5"/>
      <c r="L657" s="6"/>
      <c r="M657" s="2" t="s">
        <v>2481</v>
      </c>
      <c r="N657" s="3">
        <v>44461</v>
      </c>
      <c r="O657" s="3">
        <v>44461</v>
      </c>
      <c r="P657" s="3">
        <v>46538</v>
      </c>
    </row>
    <row r="658" spans="1:16" x14ac:dyDescent="0.15">
      <c r="A658" s="2" t="s">
        <v>49</v>
      </c>
      <c r="B658" s="2" t="s">
        <v>4072</v>
      </c>
      <c r="C658" s="4" t="s">
        <v>6</v>
      </c>
      <c r="D658" s="5" t="s">
        <v>1461</v>
      </c>
      <c r="E658" s="5" t="s">
        <v>4071</v>
      </c>
      <c r="F658" s="6" t="s">
        <v>5</v>
      </c>
      <c r="G658" s="2" t="s">
        <v>4070</v>
      </c>
      <c r="H658" s="4" t="s">
        <v>9</v>
      </c>
      <c r="I658" s="5" t="s">
        <v>6</v>
      </c>
      <c r="J658" s="5" t="s">
        <v>1461</v>
      </c>
      <c r="K658" s="5" t="s">
        <v>4071</v>
      </c>
      <c r="L658" s="6" t="s">
        <v>5</v>
      </c>
      <c r="M658" s="2" t="s">
        <v>4073</v>
      </c>
      <c r="N658" s="3">
        <v>44621</v>
      </c>
      <c r="O658" s="3">
        <v>44621</v>
      </c>
      <c r="P658" s="3">
        <v>46873</v>
      </c>
    </row>
    <row r="659" spans="1:16" x14ac:dyDescent="0.15">
      <c r="A659" s="2" t="s">
        <v>49</v>
      </c>
      <c r="B659" s="2" t="s">
        <v>2486</v>
      </c>
      <c r="C659" s="4" t="s">
        <v>6</v>
      </c>
      <c r="D659" s="5" t="s">
        <v>2487</v>
      </c>
      <c r="E659" s="5" t="s">
        <v>2488</v>
      </c>
      <c r="F659" s="6" t="s">
        <v>5</v>
      </c>
      <c r="G659" s="2"/>
      <c r="H659" s="4"/>
      <c r="I659" s="5"/>
      <c r="J659" s="5"/>
      <c r="K659" s="5"/>
      <c r="L659" s="6"/>
      <c r="M659" s="2" t="s">
        <v>2489</v>
      </c>
      <c r="N659" s="3">
        <v>44461</v>
      </c>
      <c r="O659" s="3">
        <v>44461</v>
      </c>
      <c r="P659" s="3">
        <v>46843</v>
      </c>
    </row>
    <row r="660" spans="1:16" x14ac:dyDescent="0.15">
      <c r="A660" s="2" t="s">
        <v>16</v>
      </c>
      <c r="B660" s="2" t="s">
        <v>2491</v>
      </c>
      <c r="C660" s="4" t="s">
        <v>6</v>
      </c>
      <c r="D660" s="5" t="s">
        <v>2093</v>
      </c>
      <c r="E660" s="5" t="s">
        <v>2490</v>
      </c>
      <c r="F660" s="6" t="s">
        <v>5</v>
      </c>
      <c r="G660" s="2"/>
      <c r="H660" s="4"/>
      <c r="I660" s="5"/>
      <c r="J660" s="5"/>
      <c r="K660" s="5"/>
      <c r="L660" s="6"/>
      <c r="M660" s="2" t="s">
        <v>2492</v>
      </c>
      <c r="N660" s="3">
        <v>33555</v>
      </c>
      <c r="O660" s="3">
        <v>44470</v>
      </c>
      <c r="P660" s="3">
        <v>46660</v>
      </c>
    </row>
    <row r="661" spans="1:16" x14ac:dyDescent="0.15">
      <c r="A661" s="2" t="s">
        <v>16</v>
      </c>
      <c r="B661" s="2" t="s">
        <v>2493</v>
      </c>
      <c r="C661" s="4" t="s">
        <v>6</v>
      </c>
      <c r="D661" s="5" t="s">
        <v>1478</v>
      </c>
      <c r="E661" s="5" t="s">
        <v>1479</v>
      </c>
      <c r="F661" s="6" t="s">
        <v>2494</v>
      </c>
      <c r="G661" s="2"/>
      <c r="H661" s="4"/>
      <c r="I661" s="5"/>
      <c r="J661" s="5"/>
      <c r="K661" s="5"/>
      <c r="L661" s="6"/>
      <c r="M661" s="2" t="s">
        <v>2495</v>
      </c>
      <c r="N661" s="3">
        <v>44462</v>
      </c>
      <c r="O661" s="3">
        <v>44462</v>
      </c>
      <c r="P661" s="3">
        <v>46660</v>
      </c>
    </row>
    <row r="662" spans="1:16" x14ac:dyDescent="0.15">
      <c r="A662" s="2" t="s">
        <v>49</v>
      </c>
      <c r="B662" s="2" t="s">
        <v>4077</v>
      </c>
      <c r="C662" s="4" t="s">
        <v>6</v>
      </c>
      <c r="D662" s="5" t="s">
        <v>4078</v>
      </c>
      <c r="E662" s="5" t="s">
        <v>5</v>
      </c>
      <c r="F662" s="6" t="s">
        <v>5</v>
      </c>
      <c r="G662" s="2" t="s">
        <v>4074</v>
      </c>
      <c r="H662" s="4" t="s">
        <v>9</v>
      </c>
      <c r="I662" s="5" t="s">
        <v>6</v>
      </c>
      <c r="J662" s="5" t="s">
        <v>4075</v>
      </c>
      <c r="K662" s="5" t="s">
        <v>4076</v>
      </c>
      <c r="L662" s="6" t="s">
        <v>5</v>
      </c>
      <c r="M662" s="2" t="s">
        <v>4079</v>
      </c>
      <c r="N662" s="3">
        <v>42542</v>
      </c>
      <c r="O662" s="3">
        <v>44652</v>
      </c>
      <c r="P662" s="3">
        <v>46477</v>
      </c>
    </row>
    <row r="663" spans="1:16" x14ac:dyDescent="0.15">
      <c r="A663" s="2" t="s">
        <v>49</v>
      </c>
      <c r="B663" s="2" t="s">
        <v>4080</v>
      </c>
      <c r="C663" s="4" t="s">
        <v>6</v>
      </c>
      <c r="D663" s="5" t="s">
        <v>762</v>
      </c>
      <c r="E663" s="5" t="s">
        <v>4081</v>
      </c>
      <c r="F663" s="6" t="s">
        <v>5</v>
      </c>
      <c r="G663" s="2" t="s">
        <v>4074</v>
      </c>
      <c r="H663" s="4" t="s">
        <v>9</v>
      </c>
      <c r="I663" s="5" t="s">
        <v>6</v>
      </c>
      <c r="J663" s="5" t="s">
        <v>4075</v>
      </c>
      <c r="K663" s="5" t="s">
        <v>4076</v>
      </c>
      <c r="L663" s="6" t="s">
        <v>5</v>
      </c>
      <c r="M663" s="2" t="s">
        <v>4082</v>
      </c>
      <c r="N663" s="3">
        <v>42475</v>
      </c>
      <c r="O663" s="3">
        <v>44743</v>
      </c>
      <c r="P663" s="3">
        <v>46934</v>
      </c>
    </row>
    <row r="664" spans="1:16" x14ac:dyDescent="0.15">
      <c r="A664" s="2" t="s">
        <v>49</v>
      </c>
      <c r="B664" s="2" t="s">
        <v>4083</v>
      </c>
      <c r="C664" s="4" t="s">
        <v>6</v>
      </c>
      <c r="D664" s="5" t="s">
        <v>689</v>
      </c>
      <c r="E664" s="5" t="s">
        <v>2408</v>
      </c>
      <c r="F664" s="6" t="s">
        <v>5</v>
      </c>
      <c r="G664" s="2" t="s">
        <v>4074</v>
      </c>
      <c r="H664" s="4" t="s">
        <v>9</v>
      </c>
      <c r="I664" s="5" t="s">
        <v>6</v>
      </c>
      <c r="J664" s="5" t="s">
        <v>4075</v>
      </c>
      <c r="K664" s="5" t="s">
        <v>4076</v>
      </c>
      <c r="L664" s="6" t="s">
        <v>5</v>
      </c>
      <c r="M664" s="2" t="s">
        <v>4084</v>
      </c>
      <c r="N664" s="3">
        <v>45437</v>
      </c>
      <c r="O664" s="3">
        <v>45437</v>
      </c>
      <c r="P664" s="3">
        <v>47968</v>
      </c>
    </row>
    <row r="665" spans="1:16" x14ac:dyDescent="0.15">
      <c r="A665" s="2" t="s">
        <v>49</v>
      </c>
      <c r="B665" s="2" t="s">
        <v>4088</v>
      </c>
      <c r="C665" s="4" t="s">
        <v>6</v>
      </c>
      <c r="D665" s="5" t="s">
        <v>1089</v>
      </c>
      <c r="E665" s="5" t="s">
        <v>4089</v>
      </c>
      <c r="F665" s="6" t="s">
        <v>5</v>
      </c>
      <c r="G665" s="2" t="s">
        <v>4085</v>
      </c>
      <c r="H665" s="4" t="s">
        <v>29</v>
      </c>
      <c r="I665" s="5" t="s">
        <v>30</v>
      </c>
      <c r="J665" s="5" t="s">
        <v>4086</v>
      </c>
      <c r="K665" s="5" t="s">
        <v>4087</v>
      </c>
      <c r="L665" s="6" t="s">
        <v>5</v>
      </c>
      <c r="M665" s="2" t="s">
        <v>4090</v>
      </c>
      <c r="N665" s="3">
        <v>38626</v>
      </c>
      <c r="O665" s="3">
        <v>44652</v>
      </c>
      <c r="P665" s="3">
        <v>46843</v>
      </c>
    </row>
    <row r="666" spans="1:16" x14ac:dyDescent="0.15">
      <c r="A666" s="2" t="s">
        <v>49</v>
      </c>
      <c r="B666" s="2" t="s">
        <v>2510</v>
      </c>
      <c r="C666" s="4" t="s">
        <v>6</v>
      </c>
      <c r="D666" s="5" t="s">
        <v>434</v>
      </c>
      <c r="E666" s="5" t="s">
        <v>2511</v>
      </c>
      <c r="F666" s="6" t="s">
        <v>5</v>
      </c>
      <c r="G666" s="2"/>
      <c r="H666" s="4"/>
      <c r="I666" s="5"/>
      <c r="J666" s="5"/>
      <c r="K666" s="5"/>
      <c r="L666" s="6"/>
      <c r="M666" s="2" t="s">
        <v>2512</v>
      </c>
      <c r="N666" s="3">
        <v>40843</v>
      </c>
      <c r="O666" s="3">
        <v>44501</v>
      </c>
      <c r="P666" s="3">
        <v>46326</v>
      </c>
    </row>
    <row r="667" spans="1:16" x14ac:dyDescent="0.15">
      <c r="A667" s="2" t="s">
        <v>49</v>
      </c>
      <c r="B667" s="2" t="s">
        <v>2513</v>
      </c>
      <c r="C667" s="4" t="s">
        <v>6</v>
      </c>
      <c r="D667" s="5" t="s">
        <v>608</v>
      </c>
      <c r="E667" s="5" t="s">
        <v>1265</v>
      </c>
      <c r="F667" s="6" t="s">
        <v>2514</v>
      </c>
      <c r="G667" s="2"/>
      <c r="H667" s="4"/>
      <c r="I667" s="5"/>
      <c r="J667" s="5"/>
      <c r="K667" s="5"/>
      <c r="L667" s="6"/>
      <c r="M667" s="2" t="s">
        <v>2515</v>
      </c>
      <c r="N667" s="3">
        <v>40429</v>
      </c>
      <c r="O667" s="3">
        <v>44531</v>
      </c>
      <c r="P667" s="3">
        <v>46721</v>
      </c>
    </row>
    <row r="668" spans="1:16" x14ac:dyDescent="0.15">
      <c r="A668" s="2" t="s">
        <v>49</v>
      </c>
      <c r="B668" s="2" t="s">
        <v>4093</v>
      </c>
      <c r="C668" s="4" t="s">
        <v>6</v>
      </c>
      <c r="D668" s="5" t="s">
        <v>174</v>
      </c>
      <c r="E668" s="5" t="s">
        <v>579</v>
      </c>
      <c r="F668" s="6" t="s">
        <v>4094</v>
      </c>
      <c r="G668" s="2" t="s">
        <v>4091</v>
      </c>
      <c r="H668" s="4" t="s">
        <v>9</v>
      </c>
      <c r="I668" s="5" t="s">
        <v>6</v>
      </c>
      <c r="J668" s="5" t="s">
        <v>842</v>
      </c>
      <c r="K668" s="5" t="s">
        <v>4092</v>
      </c>
      <c r="L668" s="6" t="s">
        <v>5</v>
      </c>
      <c r="M668" s="2" t="s">
        <v>4095</v>
      </c>
      <c r="N668" s="3">
        <v>44615</v>
      </c>
      <c r="O668" s="3">
        <v>44615</v>
      </c>
      <c r="P668" s="3">
        <v>47026</v>
      </c>
    </row>
    <row r="669" spans="1:16" x14ac:dyDescent="0.15">
      <c r="A669" s="2" t="s">
        <v>49</v>
      </c>
      <c r="B669" s="2" t="s">
        <v>4098</v>
      </c>
      <c r="C669" s="4" t="s">
        <v>6</v>
      </c>
      <c r="D669" s="5" t="s">
        <v>500</v>
      </c>
      <c r="E669" s="5" t="s">
        <v>4099</v>
      </c>
      <c r="F669" s="6" t="s">
        <v>4100</v>
      </c>
      <c r="G669" s="2" t="s">
        <v>4096</v>
      </c>
      <c r="H669" s="4" t="s">
        <v>9</v>
      </c>
      <c r="I669" s="5" t="s">
        <v>6</v>
      </c>
      <c r="J669" s="5" t="s">
        <v>247</v>
      </c>
      <c r="K669" s="5" t="s">
        <v>4097</v>
      </c>
      <c r="L669" s="6" t="s">
        <v>5</v>
      </c>
      <c r="M669" s="2" t="s">
        <v>4101</v>
      </c>
      <c r="N669" s="3">
        <v>44610</v>
      </c>
      <c r="O669" s="3">
        <v>44610</v>
      </c>
      <c r="P669" s="3">
        <v>46904</v>
      </c>
    </row>
    <row r="670" spans="1:16" x14ac:dyDescent="0.15">
      <c r="A670" s="2" t="s">
        <v>49</v>
      </c>
      <c r="B670" s="2" t="s">
        <v>4117</v>
      </c>
      <c r="C670" s="4" t="s">
        <v>6</v>
      </c>
      <c r="D670" s="5" t="s">
        <v>842</v>
      </c>
      <c r="E670" s="5" t="s">
        <v>4118</v>
      </c>
      <c r="F670" s="6" t="s">
        <v>5</v>
      </c>
      <c r="G670" s="2" t="s">
        <v>4115</v>
      </c>
      <c r="H670" s="4" t="s">
        <v>9</v>
      </c>
      <c r="I670" s="5" t="s">
        <v>6</v>
      </c>
      <c r="J670" s="5" t="s">
        <v>842</v>
      </c>
      <c r="K670" s="5" t="s">
        <v>4116</v>
      </c>
      <c r="L670" s="6" t="s">
        <v>5</v>
      </c>
      <c r="M670" s="2" t="s">
        <v>4119</v>
      </c>
      <c r="N670" s="3">
        <v>30594</v>
      </c>
      <c r="O670" s="3">
        <v>44652</v>
      </c>
      <c r="P670" s="3">
        <v>46843</v>
      </c>
    </row>
    <row r="671" spans="1:16" x14ac:dyDescent="0.15">
      <c r="A671" s="2" t="s">
        <v>49</v>
      </c>
      <c r="B671" s="2" t="s">
        <v>4147</v>
      </c>
      <c r="C671" s="4" t="s">
        <v>6</v>
      </c>
      <c r="D671" s="5" t="s">
        <v>174</v>
      </c>
      <c r="E671" s="5" t="s">
        <v>4148</v>
      </c>
      <c r="F671" s="6" t="s">
        <v>4149</v>
      </c>
      <c r="G671" s="2" t="s">
        <v>4144</v>
      </c>
      <c r="H671" s="4" t="s">
        <v>9</v>
      </c>
      <c r="I671" s="5" t="s">
        <v>6</v>
      </c>
      <c r="J671" s="5" t="s">
        <v>4145</v>
      </c>
      <c r="K671" s="5" t="s">
        <v>4146</v>
      </c>
      <c r="L671" s="6" t="s">
        <v>5</v>
      </c>
      <c r="M671" s="2" t="s">
        <v>4150</v>
      </c>
      <c r="N671" s="3">
        <v>44621</v>
      </c>
      <c r="O671" s="3">
        <v>44621</v>
      </c>
      <c r="P671" s="3">
        <v>47026</v>
      </c>
    </row>
    <row r="672" spans="1:16" x14ac:dyDescent="0.15">
      <c r="A672" s="2" t="s">
        <v>49</v>
      </c>
      <c r="B672" s="2" t="s">
        <v>2541</v>
      </c>
      <c r="C672" s="4" t="s">
        <v>6</v>
      </c>
      <c r="D672" s="5" t="s">
        <v>79</v>
      </c>
      <c r="E672" s="5" t="s">
        <v>2540</v>
      </c>
      <c r="F672" s="6" t="s">
        <v>5</v>
      </c>
      <c r="G672" s="2" t="s">
        <v>2539</v>
      </c>
      <c r="H672" s="4" t="s">
        <v>9</v>
      </c>
      <c r="I672" s="5" t="s">
        <v>6</v>
      </c>
      <c r="J672" s="5" t="s">
        <v>79</v>
      </c>
      <c r="K672" s="5" t="s">
        <v>2540</v>
      </c>
      <c r="L672" s="6" t="s">
        <v>5</v>
      </c>
      <c r="M672" s="2" t="s">
        <v>2542</v>
      </c>
      <c r="N672" s="3">
        <v>35527</v>
      </c>
      <c r="O672" s="3">
        <v>44501</v>
      </c>
      <c r="P672" s="3">
        <v>46326</v>
      </c>
    </row>
    <row r="673" spans="1:16" x14ac:dyDescent="0.15">
      <c r="A673" s="2" t="s">
        <v>16</v>
      </c>
      <c r="B673" s="2" t="s">
        <v>2541</v>
      </c>
      <c r="C673" s="4" t="s">
        <v>6</v>
      </c>
      <c r="D673" s="5" t="s">
        <v>79</v>
      </c>
      <c r="E673" s="5" t="s">
        <v>2540</v>
      </c>
      <c r="F673" s="6" t="s">
        <v>5</v>
      </c>
      <c r="G673" s="2" t="s">
        <v>2539</v>
      </c>
      <c r="H673" s="4" t="s">
        <v>9</v>
      </c>
      <c r="I673" s="5" t="s">
        <v>6</v>
      </c>
      <c r="J673" s="5" t="s">
        <v>79</v>
      </c>
      <c r="K673" s="5" t="s">
        <v>2540</v>
      </c>
      <c r="L673" s="6" t="s">
        <v>5</v>
      </c>
      <c r="M673" s="2" t="s">
        <v>2543</v>
      </c>
      <c r="N673" s="3">
        <v>35527</v>
      </c>
      <c r="O673" s="3">
        <v>44501</v>
      </c>
      <c r="P673" s="3">
        <v>46326</v>
      </c>
    </row>
    <row r="674" spans="1:16" x14ac:dyDescent="0.15">
      <c r="A674" s="2" t="s">
        <v>49</v>
      </c>
      <c r="B674" s="2" t="s">
        <v>2545</v>
      </c>
      <c r="C674" s="4" t="s">
        <v>6</v>
      </c>
      <c r="D674" s="5" t="s">
        <v>654</v>
      </c>
      <c r="E674" s="5" t="s">
        <v>2544</v>
      </c>
      <c r="F674" s="6" t="s">
        <v>5</v>
      </c>
      <c r="G674" s="2"/>
      <c r="H674" s="4"/>
      <c r="I674" s="5"/>
      <c r="J674" s="5"/>
      <c r="K674" s="5"/>
      <c r="L674" s="6"/>
      <c r="M674" s="2" t="s">
        <v>2546</v>
      </c>
      <c r="N674" s="3">
        <v>30856</v>
      </c>
      <c r="O674" s="3">
        <v>44531</v>
      </c>
      <c r="P674" s="3">
        <v>46721</v>
      </c>
    </row>
    <row r="675" spans="1:16" x14ac:dyDescent="0.15">
      <c r="A675" s="2" t="s">
        <v>49</v>
      </c>
      <c r="B675" s="2" t="s">
        <v>2547</v>
      </c>
      <c r="C675" s="4" t="s">
        <v>6</v>
      </c>
      <c r="D675" s="5" t="s">
        <v>2548</v>
      </c>
      <c r="E675" s="5" t="s">
        <v>2549</v>
      </c>
      <c r="F675" s="6" t="s">
        <v>5</v>
      </c>
      <c r="G675" s="2"/>
      <c r="H675" s="4"/>
      <c r="I675" s="5"/>
      <c r="J675" s="5"/>
      <c r="K675" s="5"/>
      <c r="L675" s="6"/>
      <c r="M675" s="2" t="s">
        <v>2550</v>
      </c>
      <c r="N675" s="3">
        <v>45398</v>
      </c>
      <c r="O675" s="3">
        <v>45398</v>
      </c>
      <c r="P675" s="3">
        <v>47817</v>
      </c>
    </row>
    <row r="676" spans="1:16" x14ac:dyDescent="0.15">
      <c r="A676" s="2" t="s">
        <v>36</v>
      </c>
      <c r="B676" s="2" t="s">
        <v>2547</v>
      </c>
      <c r="C676" s="4" t="s">
        <v>6</v>
      </c>
      <c r="D676" s="5" t="s">
        <v>2548</v>
      </c>
      <c r="E676" s="5" t="s">
        <v>2549</v>
      </c>
      <c r="F676" s="6" t="s">
        <v>5</v>
      </c>
      <c r="G676" s="2"/>
      <c r="H676" s="4"/>
      <c r="I676" s="5"/>
      <c r="J676" s="5"/>
      <c r="K676" s="5"/>
      <c r="L676" s="6"/>
      <c r="M676" s="2" t="s">
        <v>2551</v>
      </c>
      <c r="N676" s="3">
        <v>45398</v>
      </c>
      <c r="O676" s="3">
        <v>45398</v>
      </c>
      <c r="P676" s="3">
        <v>47817</v>
      </c>
    </row>
    <row r="677" spans="1:16" x14ac:dyDescent="0.15">
      <c r="A677" s="2" t="s">
        <v>49</v>
      </c>
      <c r="B677" s="2" t="s">
        <v>2553</v>
      </c>
      <c r="C677" s="4" t="s">
        <v>6</v>
      </c>
      <c r="D677" s="5" t="s">
        <v>2552</v>
      </c>
      <c r="E677" s="5" t="s">
        <v>5</v>
      </c>
      <c r="F677" s="6" t="s">
        <v>5</v>
      </c>
      <c r="G677" s="2"/>
      <c r="H677" s="4"/>
      <c r="I677" s="5"/>
      <c r="J677" s="5"/>
      <c r="K677" s="5"/>
      <c r="L677" s="6"/>
      <c r="M677" s="2" t="s">
        <v>2554</v>
      </c>
      <c r="N677" s="3">
        <v>40830</v>
      </c>
      <c r="O677" s="3">
        <v>44501</v>
      </c>
      <c r="P677" s="3">
        <v>46326</v>
      </c>
    </row>
    <row r="678" spans="1:16" x14ac:dyDescent="0.15">
      <c r="A678" s="2" t="s">
        <v>49</v>
      </c>
      <c r="B678" s="2" t="s">
        <v>2556</v>
      </c>
      <c r="C678" s="4" t="s">
        <v>6</v>
      </c>
      <c r="D678" s="5" t="s">
        <v>2555</v>
      </c>
      <c r="E678" s="5" t="s">
        <v>2557</v>
      </c>
      <c r="F678" s="6" t="s">
        <v>5</v>
      </c>
      <c r="G678" s="2"/>
      <c r="H678" s="4"/>
      <c r="I678" s="5"/>
      <c r="J678" s="5"/>
      <c r="K678" s="5"/>
      <c r="L678" s="6"/>
      <c r="M678" s="2" t="s">
        <v>2558</v>
      </c>
      <c r="N678" s="3">
        <v>34141</v>
      </c>
      <c r="O678" s="3">
        <v>44531</v>
      </c>
      <c r="P678" s="3">
        <v>46356</v>
      </c>
    </row>
    <row r="679" spans="1:16" x14ac:dyDescent="0.15">
      <c r="A679" s="2" t="s">
        <v>49</v>
      </c>
      <c r="B679" s="2" t="s">
        <v>2559</v>
      </c>
      <c r="C679" s="4" t="s">
        <v>6</v>
      </c>
      <c r="D679" s="5" t="s">
        <v>608</v>
      </c>
      <c r="E679" s="5" t="s">
        <v>1569</v>
      </c>
      <c r="F679" s="6" t="s">
        <v>2560</v>
      </c>
      <c r="G679" s="2"/>
      <c r="H679" s="4"/>
      <c r="I679" s="5"/>
      <c r="J679" s="5"/>
      <c r="K679" s="5"/>
      <c r="L679" s="6"/>
      <c r="M679" s="2" t="s">
        <v>2561</v>
      </c>
      <c r="N679" s="3">
        <v>36570</v>
      </c>
      <c r="O679" s="3">
        <v>44531</v>
      </c>
      <c r="P679" s="3">
        <v>46356</v>
      </c>
    </row>
    <row r="680" spans="1:16" x14ac:dyDescent="0.15">
      <c r="A680" s="2" t="s">
        <v>49</v>
      </c>
      <c r="B680" s="2" t="s">
        <v>2562</v>
      </c>
      <c r="C680" s="4" t="s">
        <v>6</v>
      </c>
      <c r="D680" s="5" t="s">
        <v>1027</v>
      </c>
      <c r="E680" s="5" t="s">
        <v>1597</v>
      </c>
      <c r="F680" s="6" t="s">
        <v>2563</v>
      </c>
      <c r="G680" s="2"/>
      <c r="H680" s="4"/>
      <c r="I680" s="5"/>
      <c r="J680" s="5"/>
      <c r="K680" s="5"/>
      <c r="L680" s="6"/>
      <c r="M680" s="2" t="s">
        <v>2564</v>
      </c>
      <c r="N680" s="3">
        <v>40533</v>
      </c>
      <c r="O680" s="3">
        <v>44531</v>
      </c>
      <c r="P680" s="3">
        <v>46356</v>
      </c>
    </row>
    <row r="681" spans="1:16" x14ac:dyDescent="0.15">
      <c r="A681" s="2" t="s">
        <v>49</v>
      </c>
      <c r="B681" s="2" t="s">
        <v>2565</v>
      </c>
      <c r="C681" s="4" t="s">
        <v>6</v>
      </c>
      <c r="D681" s="5" t="s">
        <v>2089</v>
      </c>
      <c r="E681" s="5" t="s">
        <v>2566</v>
      </c>
      <c r="F681" s="6" t="s">
        <v>5</v>
      </c>
      <c r="G681" s="2"/>
      <c r="H681" s="4"/>
      <c r="I681" s="5"/>
      <c r="J681" s="5"/>
      <c r="K681" s="5"/>
      <c r="L681" s="6"/>
      <c r="M681" s="2" t="s">
        <v>2567</v>
      </c>
      <c r="N681" s="3">
        <v>44492</v>
      </c>
      <c r="O681" s="3">
        <v>44492</v>
      </c>
      <c r="P681" s="3">
        <v>46356</v>
      </c>
    </row>
    <row r="682" spans="1:16" x14ac:dyDescent="0.15">
      <c r="A682" s="2" t="s">
        <v>16</v>
      </c>
      <c r="B682" s="2" t="s">
        <v>2569</v>
      </c>
      <c r="C682" s="4" t="s">
        <v>6</v>
      </c>
      <c r="D682" s="5" t="s">
        <v>2570</v>
      </c>
      <c r="E682" s="5" t="s">
        <v>2571</v>
      </c>
      <c r="F682" s="6" t="s">
        <v>2572</v>
      </c>
      <c r="G682" s="2"/>
      <c r="H682" s="4"/>
      <c r="I682" s="5"/>
      <c r="J682" s="5"/>
      <c r="K682" s="5"/>
      <c r="L682" s="6"/>
      <c r="M682" s="2" t="s">
        <v>2573</v>
      </c>
      <c r="N682" s="3">
        <v>44470</v>
      </c>
      <c r="O682" s="3">
        <v>45200</v>
      </c>
      <c r="P682" s="3">
        <v>45565</v>
      </c>
    </row>
    <row r="683" spans="1:16" x14ac:dyDescent="0.15">
      <c r="A683" s="2" t="s">
        <v>49</v>
      </c>
      <c r="B683" s="2" t="s">
        <v>2575</v>
      </c>
      <c r="C683" s="4" t="s">
        <v>6</v>
      </c>
      <c r="D683" s="5" t="s">
        <v>608</v>
      </c>
      <c r="E683" s="5" t="s">
        <v>2576</v>
      </c>
      <c r="F683" s="6" t="s">
        <v>2577</v>
      </c>
      <c r="G683" s="2"/>
      <c r="H683" s="4"/>
      <c r="I683" s="5"/>
      <c r="J683" s="5"/>
      <c r="K683" s="5"/>
      <c r="L683" s="6"/>
      <c r="M683" s="2" t="s">
        <v>2578</v>
      </c>
      <c r="N683" s="3">
        <v>38692</v>
      </c>
      <c r="O683" s="3">
        <v>44531</v>
      </c>
      <c r="P683" s="3">
        <v>46356</v>
      </c>
    </row>
    <row r="684" spans="1:16" x14ac:dyDescent="0.15">
      <c r="A684" s="2" t="s">
        <v>49</v>
      </c>
      <c r="B684" s="2" t="s">
        <v>4151</v>
      </c>
      <c r="C684" s="4" t="s">
        <v>6</v>
      </c>
      <c r="D684" s="5" t="s">
        <v>174</v>
      </c>
      <c r="E684" s="5" t="s">
        <v>4152</v>
      </c>
      <c r="F684" s="6" t="s">
        <v>5</v>
      </c>
      <c r="G684" s="2" t="s">
        <v>4144</v>
      </c>
      <c r="H684" s="4" t="s">
        <v>9</v>
      </c>
      <c r="I684" s="5" t="s">
        <v>6</v>
      </c>
      <c r="J684" s="5" t="s">
        <v>4145</v>
      </c>
      <c r="K684" s="5" t="s">
        <v>4146</v>
      </c>
      <c r="L684" s="6" t="s">
        <v>5</v>
      </c>
      <c r="M684" s="2" t="s">
        <v>4153</v>
      </c>
      <c r="N684" s="3">
        <v>43941</v>
      </c>
      <c r="O684" s="3">
        <v>43941</v>
      </c>
      <c r="P684" s="3">
        <v>46295</v>
      </c>
    </row>
    <row r="685" spans="1:16" x14ac:dyDescent="0.15">
      <c r="A685" s="2" t="s">
        <v>49</v>
      </c>
      <c r="B685" s="2" t="s">
        <v>2583</v>
      </c>
      <c r="C685" s="4" t="s">
        <v>6</v>
      </c>
      <c r="D685" s="5" t="s">
        <v>1027</v>
      </c>
      <c r="E685" s="5" t="s">
        <v>1536</v>
      </c>
      <c r="F685" s="6" t="s">
        <v>2584</v>
      </c>
      <c r="G685" s="2"/>
      <c r="H685" s="4"/>
      <c r="I685" s="5"/>
      <c r="J685" s="5"/>
      <c r="K685" s="5"/>
      <c r="L685" s="6"/>
      <c r="M685" s="2" t="s">
        <v>2585</v>
      </c>
      <c r="N685" s="3">
        <v>36647</v>
      </c>
      <c r="O685" s="3">
        <v>44531</v>
      </c>
      <c r="P685" s="3">
        <v>46356</v>
      </c>
    </row>
    <row r="686" spans="1:16" x14ac:dyDescent="0.15">
      <c r="A686" s="2" t="s">
        <v>49</v>
      </c>
      <c r="B686" s="2" t="s">
        <v>4154</v>
      </c>
      <c r="C686" s="4" t="s">
        <v>6</v>
      </c>
      <c r="D686" s="5" t="s">
        <v>2570</v>
      </c>
      <c r="E686" s="5" t="s">
        <v>4155</v>
      </c>
      <c r="F686" s="6" t="s">
        <v>5</v>
      </c>
      <c r="G686" s="2" t="s">
        <v>4144</v>
      </c>
      <c r="H686" s="4" t="s">
        <v>9</v>
      </c>
      <c r="I686" s="5" t="s">
        <v>6</v>
      </c>
      <c r="J686" s="5" t="s">
        <v>4145</v>
      </c>
      <c r="K686" s="5" t="s">
        <v>4146</v>
      </c>
      <c r="L686" s="6" t="s">
        <v>5</v>
      </c>
      <c r="M686" s="2" t="s">
        <v>4156</v>
      </c>
      <c r="N686" s="3">
        <v>40675</v>
      </c>
      <c r="O686" s="3">
        <v>45383</v>
      </c>
      <c r="P686" s="3">
        <v>47573</v>
      </c>
    </row>
    <row r="687" spans="1:16" x14ac:dyDescent="0.15">
      <c r="A687" s="2" t="s">
        <v>49</v>
      </c>
      <c r="B687" s="2" t="s">
        <v>2594</v>
      </c>
      <c r="C687" s="4" t="s">
        <v>6</v>
      </c>
      <c r="D687" s="5" t="s">
        <v>79</v>
      </c>
      <c r="E687" s="5" t="s">
        <v>2593</v>
      </c>
      <c r="F687" s="6" t="s">
        <v>5</v>
      </c>
      <c r="G687" s="2"/>
      <c r="H687" s="4"/>
      <c r="I687" s="5"/>
      <c r="J687" s="5"/>
      <c r="K687" s="5"/>
      <c r="L687" s="6"/>
      <c r="M687" s="2" t="s">
        <v>2595</v>
      </c>
      <c r="N687" s="3">
        <v>42439</v>
      </c>
      <c r="O687" s="3">
        <v>44501</v>
      </c>
      <c r="P687" s="3">
        <v>46326</v>
      </c>
    </row>
    <row r="688" spans="1:16" x14ac:dyDescent="0.15">
      <c r="A688" s="2" t="s">
        <v>16</v>
      </c>
      <c r="B688" s="2" t="s">
        <v>2594</v>
      </c>
      <c r="C688" s="4" t="s">
        <v>6</v>
      </c>
      <c r="D688" s="5" t="s">
        <v>79</v>
      </c>
      <c r="E688" s="5" t="s">
        <v>2593</v>
      </c>
      <c r="F688" s="6" t="s">
        <v>5</v>
      </c>
      <c r="G688" s="2"/>
      <c r="H688" s="4"/>
      <c r="I688" s="5"/>
      <c r="J688" s="5"/>
      <c r="K688" s="5"/>
      <c r="L688" s="6"/>
      <c r="M688" s="2" t="s">
        <v>2596</v>
      </c>
      <c r="N688" s="3">
        <v>42998</v>
      </c>
      <c r="O688" s="3">
        <v>44501</v>
      </c>
      <c r="P688" s="3">
        <v>46326</v>
      </c>
    </row>
    <row r="689" spans="1:16" x14ac:dyDescent="0.15">
      <c r="A689" s="2" t="s">
        <v>49</v>
      </c>
      <c r="B689" s="2" t="s">
        <v>4164</v>
      </c>
      <c r="C689" s="4" t="s">
        <v>6</v>
      </c>
      <c r="D689" s="5" t="s">
        <v>3137</v>
      </c>
      <c r="E689" s="5" t="s">
        <v>4163</v>
      </c>
      <c r="F689" s="6" t="s">
        <v>5</v>
      </c>
      <c r="G689" s="2" t="s">
        <v>4162</v>
      </c>
      <c r="H689" s="4" t="s">
        <v>9</v>
      </c>
      <c r="I689" s="5" t="s">
        <v>6</v>
      </c>
      <c r="J689" s="5" t="s">
        <v>3137</v>
      </c>
      <c r="K689" s="5" t="s">
        <v>4163</v>
      </c>
      <c r="L689" s="6" t="s">
        <v>5</v>
      </c>
      <c r="M689" s="2" t="s">
        <v>4165</v>
      </c>
      <c r="N689" s="3">
        <v>31087</v>
      </c>
      <c r="O689" s="3">
        <v>44652</v>
      </c>
      <c r="P689" s="3">
        <v>46843</v>
      </c>
    </row>
    <row r="690" spans="1:16" x14ac:dyDescent="0.15">
      <c r="A690" s="2" t="s">
        <v>49</v>
      </c>
      <c r="B690" s="2" t="s">
        <v>2599</v>
      </c>
      <c r="C690" s="4" t="s">
        <v>6</v>
      </c>
      <c r="D690" s="5" t="s">
        <v>2600</v>
      </c>
      <c r="E690" s="5" t="s">
        <v>5</v>
      </c>
      <c r="F690" s="6" t="s">
        <v>2601</v>
      </c>
      <c r="G690" s="2"/>
      <c r="H690" s="4"/>
      <c r="I690" s="5"/>
      <c r="J690" s="5"/>
      <c r="K690" s="5"/>
      <c r="L690" s="6"/>
      <c r="M690" s="2" t="s">
        <v>2602</v>
      </c>
      <c r="N690" s="3">
        <v>44469</v>
      </c>
      <c r="O690" s="3">
        <v>44469</v>
      </c>
      <c r="P690" s="3">
        <v>46660</v>
      </c>
    </row>
    <row r="691" spans="1:16" x14ac:dyDescent="0.15">
      <c r="A691" s="2" t="s">
        <v>16</v>
      </c>
      <c r="B691" s="2" t="s">
        <v>2603</v>
      </c>
      <c r="C691" s="4" t="s">
        <v>6</v>
      </c>
      <c r="D691" s="5" t="s">
        <v>1814</v>
      </c>
      <c r="E691" s="5" t="s">
        <v>2604</v>
      </c>
      <c r="F691" s="6" t="s">
        <v>5</v>
      </c>
      <c r="G691" s="2"/>
      <c r="H691" s="4"/>
      <c r="I691" s="5"/>
      <c r="J691" s="5"/>
      <c r="K691" s="5"/>
      <c r="L691" s="6"/>
      <c r="M691" s="2" t="s">
        <v>2605</v>
      </c>
      <c r="N691" s="3">
        <v>44477</v>
      </c>
      <c r="O691" s="3">
        <v>44477</v>
      </c>
      <c r="P691" s="3">
        <v>46477</v>
      </c>
    </row>
    <row r="692" spans="1:16" x14ac:dyDescent="0.15">
      <c r="A692" s="2" t="s">
        <v>49</v>
      </c>
      <c r="B692" s="2" t="s">
        <v>4167</v>
      </c>
      <c r="C692" s="4" t="s">
        <v>6</v>
      </c>
      <c r="D692" s="5" t="s">
        <v>169</v>
      </c>
      <c r="E692" s="5" t="s">
        <v>4168</v>
      </c>
      <c r="F692" s="6" t="s">
        <v>5</v>
      </c>
      <c r="G692" s="2" t="s">
        <v>4166</v>
      </c>
      <c r="H692" s="4" t="s">
        <v>384</v>
      </c>
      <c r="I692" s="5" t="s">
        <v>1058</v>
      </c>
      <c r="J692" s="5" t="s">
        <v>3361</v>
      </c>
      <c r="K692" s="5" t="s">
        <v>2121</v>
      </c>
      <c r="L692" s="6" t="s">
        <v>5</v>
      </c>
      <c r="M692" s="2" t="s">
        <v>4169</v>
      </c>
      <c r="N692" s="3">
        <v>40869</v>
      </c>
      <c r="O692" s="3">
        <v>44652</v>
      </c>
      <c r="P692" s="3">
        <v>46843</v>
      </c>
    </row>
    <row r="693" spans="1:16" x14ac:dyDescent="0.15">
      <c r="A693" s="2" t="s">
        <v>49</v>
      </c>
      <c r="B693" s="2" t="s">
        <v>4170</v>
      </c>
      <c r="C693" s="4" t="s">
        <v>6</v>
      </c>
      <c r="D693" s="5" t="s">
        <v>627</v>
      </c>
      <c r="E693" s="5" t="s">
        <v>4171</v>
      </c>
      <c r="F693" s="6" t="s">
        <v>5</v>
      </c>
      <c r="G693" s="2" t="s">
        <v>4166</v>
      </c>
      <c r="H693" s="4" t="s">
        <v>384</v>
      </c>
      <c r="I693" s="5" t="s">
        <v>1058</v>
      </c>
      <c r="J693" s="5" t="s">
        <v>3361</v>
      </c>
      <c r="K693" s="5" t="s">
        <v>2121</v>
      </c>
      <c r="L693" s="6" t="s">
        <v>5</v>
      </c>
      <c r="M693" s="2" t="s">
        <v>4172</v>
      </c>
      <c r="N693" s="3">
        <v>44740</v>
      </c>
      <c r="O693" s="3">
        <v>44740</v>
      </c>
      <c r="P693" s="3">
        <v>47208</v>
      </c>
    </row>
    <row r="694" spans="1:16" x14ac:dyDescent="0.15">
      <c r="A694" s="2" t="s">
        <v>49</v>
      </c>
      <c r="B694" s="2" t="s">
        <v>2614</v>
      </c>
      <c r="C694" s="4" t="s">
        <v>6</v>
      </c>
      <c r="D694" s="5" t="s">
        <v>911</v>
      </c>
      <c r="E694" s="5" t="s">
        <v>2615</v>
      </c>
      <c r="F694" s="6" t="s">
        <v>5</v>
      </c>
      <c r="G694" s="2"/>
      <c r="H694" s="4"/>
      <c r="I694" s="5"/>
      <c r="J694" s="5"/>
      <c r="K694" s="5"/>
      <c r="L694" s="6"/>
      <c r="M694" s="2" t="s">
        <v>2616</v>
      </c>
      <c r="N694" s="3">
        <v>44469</v>
      </c>
      <c r="O694" s="3">
        <v>44469</v>
      </c>
      <c r="P694" s="3">
        <v>46295</v>
      </c>
    </row>
    <row r="695" spans="1:16" x14ac:dyDescent="0.15">
      <c r="A695" s="2" t="s">
        <v>36</v>
      </c>
      <c r="B695" s="2" t="s">
        <v>2619</v>
      </c>
      <c r="C695" s="4" t="s">
        <v>6</v>
      </c>
      <c r="D695" s="5" t="s">
        <v>2617</v>
      </c>
      <c r="E695" s="5" t="s">
        <v>2618</v>
      </c>
      <c r="F695" s="6" t="s">
        <v>5</v>
      </c>
      <c r="G695" s="2"/>
      <c r="H695" s="4"/>
      <c r="I695" s="5"/>
      <c r="J695" s="5"/>
      <c r="K695" s="5"/>
      <c r="L695" s="6"/>
      <c r="M695" s="2" t="s">
        <v>2620</v>
      </c>
      <c r="N695" s="3">
        <v>34255</v>
      </c>
      <c r="O695" s="3">
        <v>44501</v>
      </c>
      <c r="P695" s="3">
        <v>46691</v>
      </c>
    </row>
    <row r="696" spans="1:16" x14ac:dyDescent="0.15">
      <c r="A696" s="2" t="s">
        <v>16</v>
      </c>
      <c r="B696" s="2" t="s">
        <v>2621</v>
      </c>
      <c r="C696" s="4" t="s">
        <v>6</v>
      </c>
      <c r="D696" s="5" t="s">
        <v>2622</v>
      </c>
      <c r="E696" s="5" t="s">
        <v>2623</v>
      </c>
      <c r="F696" s="6" t="s">
        <v>5</v>
      </c>
      <c r="G696" s="2"/>
      <c r="H696" s="4"/>
      <c r="I696" s="5"/>
      <c r="J696" s="5"/>
      <c r="K696" s="5"/>
      <c r="L696" s="6"/>
      <c r="M696" s="2" t="s">
        <v>2624</v>
      </c>
      <c r="N696" s="3">
        <v>44469</v>
      </c>
      <c r="O696" s="3">
        <v>44469</v>
      </c>
      <c r="P696" s="3">
        <v>46660</v>
      </c>
    </row>
    <row r="697" spans="1:16" x14ac:dyDescent="0.15">
      <c r="A697" s="2" t="s">
        <v>49</v>
      </c>
      <c r="B697" s="2" t="s">
        <v>4176</v>
      </c>
      <c r="C697" s="4" t="s">
        <v>6</v>
      </c>
      <c r="D697" s="5" t="s">
        <v>1250</v>
      </c>
      <c r="E697" s="5" t="s">
        <v>4177</v>
      </c>
      <c r="F697" s="6" t="s">
        <v>5</v>
      </c>
      <c r="G697" s="2" t="s">
        <v>4176</v>
      </c>
      <c r="H697" s="4" t="s">
        <v>9</v>
      </c>
      <c r="I697" s="5" t="s">
        <v>6</v>
      </c>
      <c r="J697" s="5" t="s">
        <v>1250</v>
      </c>
      <c r="K697" s="5" t="s">
        <v>4177</v>
      </c>
      <c r="L697" s="6" t="s">
        <v>5</v>
      </c>
      <c r="M697" s="2" t="s">
        <v>4178</v>
      </c>
      <c r="N697" s="3">
        <v>41000</v>
      </c>
      <c r="O697" s="3">
        <v>44652</v>
      </c>
      <c r="P697" s="3">
        <v>46477</v>
      </c>
    </row>
    <row r="698" spans="1:16" x14ac:dyDescent="0.15">
      <c r="A698" s="2" t="s">
        <v>49</v>
      </c>
      <c r="B698" s="2" t="s">
        <v>4197</v>
      </c>
      <c r="C698" s="4" t="s">
        <v>6</v>
      </c>
      <c r="D698" s="5" t="s">
        <v>348</v>
      </c>
      <c r="E698" s="5" t="s">
        <v>28</v>
      </c>
      <c r="F698" s="6" t="s">
        <v>4198</v>
      </c>
      <c r="G698" s="2" t="s">
        <v>4195</v>
      </c>
      <c r="H698" s="4" t="s">
        <v>29</v>
      </c>
      <c r="I698" s="5" t="s">
        <v>1423</v>
      </c>
      <c r="J698" s="5" t="s">
        <v>4196</v>
      </c>
      <c r="K698" s="5" t="s">
        <v>1989</v>
      </c>
      <c r="L698" s="6" t="s">
        <v>5</v>
      </c>
      <c r="M698" s="2" t="s">
        <v>4199</v>
      </c>
      <c r="N698" s="3">
        <v>42826</v>
      </c>
      <c r="O698" s="3">
        <v>45017</v>
      </c>
      <c r="P698" s="3">
        <v>47208</v>
      </c>
    </row>
    <row r="699" spans="1:16" x14ac:dyDescent="0.15">
      <c r="A699" s="2" t="s">
        <v>49</v>
      </c>
      <c r="B699" s="2" t="s">
        <v>4202</v>
      </c>
      <c r="C699" s="4" t="s">
        <v>6</v>
      </c>
      <c r="D699" s="5" t="s">
        <v>348</v>
      </c>
      <c r="E699" s="5" t="s">
        <v>4203</v>
      </c>
      <c r="F699" s="6" t="s">
        <v>5</v>
      </c>
      <c r="G699" s="2" t="s">
        <v>4200</v>
      </c>
      <c r="H699" s="4" t="s">
        <v>195</v>
      </c>
      <c r="I699" s="5" t="s">
        <v>196</v>
      </c>
      <c r="J699" s="5" t="s">
        <v>4201</v>
      </c>
      <c r="K699" s="5" t="s">
        <v>933</v>
      </c>
      <c r="L699" s="6" t="s">
        <v>5</v>
      </c>
      <c r="M699" s="2" t="s">
        <v>4204</v>
      </c>
      <c r="N699" s="3">
        <v>38251</v>
      </c>
      <c r="O699" s="3">
        <v>44652</v>
      </c>
      <c r="P699" s="3">
        <v>46843</v>
      </c>
    </row>
    <row r="700" spans="1:16" x14ac:dyDescent="0.15">
      <c r="A700" s="2" t="s">
        <v>49</v>
      </c>
      <c r="B700" s="2" t="s">
        <v>4205</v>
      </c>
      <c r="C700" s="4" t="s">
        <v>6</v>
      </c>
      <c r="D700" s="5" t="s">
        <v>200</v>
      </c>
      <c r="E700" s="5" t="s">
        <v>201</v>
      </c>
      <c r="F700" s="6" t="s">
        <v>5</v>
      </c>
      <c r="G700" s="2" t="s">
        <v>4200</v>
      </c>
      <c r="H700" s="4" t="s">
        <v>195</v>
      </c>
      <c r="I700" s="5" t="s">
        <v>196</v>
      </c>
      <c r="J700" s="5" t="s">
        <v>4201</v>
      </c>
      <c r="K700" s="5" t="s">
        <v>933</v>
      </c>
      <c r="L700" s="6" t="s">
        <v>5</v>
      </c>
      <c r="M700" s="2" t="s">
        <v>4206</v>
      </c>
      <c r="N700" s="3">
        <v>40010</v>
      </c>
      <c r="O700" s="3">
        <v>44652</v>
      </c>
      <c r="P700" s="3">
        <v>46843</v>
      </c>
    </row>
    <row r="701" spans="1:16" x14ac:dyDescent="0.15">
      <c r="A701" s="2" t="s">
        <v>49</v>
      </c>
      <c r="B701" s="2" t="s">
        <v>4209</v>
      </c>
      <c r="C701" s="4" t="s">
        <v>6</v>
      </c>
      <c r="D701" s="5" t="s">
        <v>1168</v>
      </c>
      <c r="E701" s="5" t="s">
        <v>1169</v>
      </c>
      <c r="F701" s="6" t="s">
        <v>5</v>
      </c>
      <c r="G701" s="2" t="s">
        <v>4207</v>
      </c>
      <c r="H701" s="4" t="s">
        <v>9</v>
      </c>
      <c r="I701" s="5" t="s">
        <v>6</v>
      </c>
      <c r="J701" s="5" t="s">
        <v>1168</v>
      </c>
      <c r="K701" s="5" t="s">
        <v>4208</v>
      </c>
      <c r="L701" s="6" t="s">
        <v>5</v>
      </c>
      <c r="M701" s="2" t="s">
        <v>4210</v>
      </c>
      <c r="N701" s="3">
        <v>45260</v>
      </c>
      <c r="O701" s="3">
        <v>45260</v>
      </c>
      <c r="P701" s="3">
        <v>47756</v>
      </c>
    </row>
    <row r="702" spans="1:16" x14ac:dyDescent="0.15">
      <c r="A702" s="2" t="s">
        <v>49</v>
      </c>
      <c r="B702" s="2" t="s">
        <v>4227</v>
      </c>
      <c r="C702" s="4" t="s">
        <v>6</v>
      </c>
      <c r="D702" s="5" t="s">
        <v>3870</v>
      </c>
      <c r="E702" s="5" t="s">
        <v>4228</v>
      </c>
      <c r="F702" s="6" t="s">
        <v>5</v>
      </c>
      <c r="G702" s="2" t="s">
        <v>3813</v>
      </c>
      <c r="H702" s="4" t="s">
        <v>642</v>
      </c>
      <c r="I702" s="5" t="s">
        <v>643</v>
      </c>
      <c r="J702" s="5" t="s">
        <v>759</v>
      </c>
      <c r="K702" s="5" t="s">
        <v>4226</v>
      </c>
      <c r="L702" s="6" t="s">
        <v>5</v>
      </c>
      <c r="M702" s="2" t="s">
        <v>4229</v>
      </c>
      <c r="N702" s="3">
        <v>44631</v>
      </c>
      <c r="O702" s="3">
        <v>44631</v>
      </c>
      <c r="P702" s="3">
        <v>46873</v>
      </c>
    </row>
    <row r="703" spans="1:16" x14ac:dyDescent="0.15">
      <c r="A703" s="2" t="s">
        <v>49</v>
      </c>
      <c r="B703" s="2" t="s">
        <v>4234</v>
      </c>
      <c r="C703" s="4" t="s">
        <v>6</v>
      </c>
      <c r="D703" s="5" t="s">
        <v>253</v>
      </c>
      <c r="E703" s="5" t="s">
        <v>492</v>
      </c>
      <c r="F703" s="6" t="s">
        <v>4235</v>
      </c>
      <c r="G703" s="2" t="s">
        <v>4233</v>
      </c>
      <c r="H703" s="4" t="s">
        <v>9</v>
      </c>
      <c r="I703" s="5" t="s">
        <v>6</v>
      </c>
      <c r="J703" s="5" t="s">
        <v>2956</v>
      </c>
      <c r="K703" s="5" t="s">
        <v>3081</v>
      </c>
      <c r="L703" s="6" t="s">
        <v>5</v>
      </c>
      <c r="M703" s="2" t="s">
        <v>4236</v>
      </c>
      <c r="N703" s="3">
        <v>43035</v>
      </c>
      <c r="O703" s="3">
        <v>45444</v>
      </c>
      <c r="P703" s="3">
        <v>47634</v>
      </c>
    </row>
    <row r="704" spans="1:16" x14ac:dyDescent="0.15">
      <c r="A704" s="2" t="s">
        <v>49</v>
      </c>
      <c r="B704" s="2" t="s">
        <v>4243</v>
      </c>
      <c r="C704" s="4" t="s">
        <v>6</v>
      </c>
      <c r="D704" s="5" t="s">
        <v>4244</v>
      </c>
      <c r="E704" s="5" t="s">
        <v>4245</v>
      </c>
      <c r="F704" s="6" t="s">
        <v>5</v>
      </c>
      <c r="G704" s="2" t="s">
        <v>4239</v>
      </c>
      <c r="H704" s="4" t="s">
        <v>184</v>
      </c>
      <c r="I704" s="5" t="s">
        <v>4240</v>
      </c>
      <c r="J704" s="5" t="s">
        <v>4241</v>
      </c>
      <c r="K704" s="5" t="s">
        <v>4242</v>
      </c>
      <c r="L704" s="6" t="s">
        <v>5</v>
      </c>
      <c r="M704" s="2" t="s">
        <v>4246</v>
      </c>
      <c r="N704" s="3">
        <v>44697</v>
      </c>
      <c r="O704" s="3">
        <v>44697</v>
      </c>
      <c r="P704" s="3">
        <v>46934</v>
      </c>
    </row>
    <row r="705" spans="1:16" x14ac:dyDescent="0.15">
      <c r="A705" s="2" t="s">
        <v>49</v>
      </c>
      <c r="B705" s="2" t="s">
        <v>4267</v>
      </c>
      <c r="C705" s="4" t="s">
        <v>6</v>
      </c>
      <c r="D705" s="5" t="s">
        <v>4268</v>
      </c>
      <c r="E705" s="5" t="s">
        <v>5</v>
      </c>
      <c r="F705" s="6" t="s">
        <v>5</v>
      </c>
      <c r="G705" s="2" t="s">
        <v>4085</v>
      </c>
      <c r="H705" s="4" t="s">
        <v>29</v>
      </c>
      <c r="I705" s="5" t="s">
        <v>30</v>
      </c>
      <c r="J705" s="5" t="s">
        <v>4266</v>
      </c>
      <c r="K705" s="5" t="s">
        <v>5</v>
      </c>
      <c r="L705" s="6" t="s">
        <v>5</v>
      </c>
      <c r="M705" s="2" t="s">
        <v>4269</v>
      </c>
      <c r="N705" s="3">
        <v>42461</v>
      </c>
      <c r="O705" s="3">
        <v>44652</v>
      </c>
      <c r="P705" s="3">
        <v>46843</v>
      </c>
    </row>
    <row r="706" spans="1:16" x14ac:dyDescent="0.15">
      <c r="A706" s="2" t="s">
        <v>49</v>
      </c>
      <c r="B706" s="2" t="s">
        <v>4274</v>
      </c>
      <c r="C706" s="4" t="s">
        <v>6</v>
      </c>
      <c r="D706" s="5" t="s">
        <v>3891</v>
      </c>
      <c r="E706" s="5" t="s">
        <v>4273</v>
      </c>
      <c r="F706" s="6" t="s">
        <v>5</v>
      </c>
      <c r="G706" s="2" t="s">
        <v>4272</v>
      </c>
      <c r="H706" s="4" t="s">
        <v>9</v>
      </c>
      <c r="I706" s="5" t="s">
        <v>6</v>
      </c>
      <c r="J706" s="5" t="s">
        <v>3891</v>
      </c>
      <c r="K706" s="5" t="s">
        <v>4273</v>
      </c>
      <c r="L706" s="6" t="s">
        <v>5</v>
      </c>
      <c r="M706" s="2" t="s">
        <v>4275</v>
      </c>
      <c r="N706" s="3">
        <v>36315</v>
      </c>
      <c r="O706" s="3">
        <v>44652</v>
      </c>
      <c r="P706" s="3">
        <v>46843</v>
      </c>
    </row>
    <row r="707" spans="1:16" x14ac:dyDescent="0.15">
      <c r="A707" s="2" t="s">
        <v>49</v>
      </c>
      <c r="B707" s="2" t="s">
        <v>4283</v>
      </c>
      <c r="C707" s="4" t="s">
        <v>6</v>
      </c>
      <c r="D707" s="5" t="s">
        <v>4284</v>
      </c>
      <c r="E707" s="5" t="s">
        <v>4285</v>
      </c>
      <c r="F707" s="6" t="s">
        <v>5</v>
      </c>
      <c r="G707" s="2" t="s">
        <v>4280</v>
      </c>
      <c r="H707" s="4" t="s">
        <v>9</v>
      </c>
      <c r="I707" s="5" t="s">
        <v>1182</v>
      </c>
      <c r="J707" s="5" t="s">
        <v>4281</v>
      </c>
      <c r="K707" s="5" t="s">
        <v>4282</v>
      </c>
      <c r="L707" s="6" t="s">
        <v>5</v>
      </c>
      <c r="M707" s="2" t="s">
        <v>4286</v>
      </c>
      <c r="N707" s="3">
        <v>37960</v>
      </c>
      <c r="O707" s="3">
        <v>44652</v>
      </c>
      <c r="P707" s="3">
        <v>46843</v>
      </c>
    </row>
    <row r="708" spans="1:16" x14ac:dyDescent="0.15">
      <c r="A708" s="2" t="s">
        <v>49</v>
      </c>
      <c r="B708" s="2" t="s">
        <v>4287</v>
      </c>
      <c r="C708" s="4" t="s">
        <v>6</v>
      </c>
      <c r="D708" s="5" t="s">
        <v>75</v>
      </c>
      <c r="E708" s="5" t="s">
        <v>4288</v>
      </c>
      <c r="F708" s="6" t="s">
        <v>5</v>
      </c>
      <c r="G708" s="2" t="s">
        <v>4280</v>
      </c>
      <c r="H708" s="4" t="s">
        <v>9</v>
      </c>
      <c r="I708" s="5" t="s">
        <v>1182</v>
      </c>
      <c r="J708" s="5" t="s">
        <v>4281</v>
      </c>
      <c r="K708" s="5" t="s">
        <v>4282</v>
      </c>
      <c r="L708" s="6" t="s">
        <v>5</v>
      </c>
      <c r="M708" s="2" t="s">
        <v>4289</v>
      </c>
      <c r="N708" s="3">
        <v>44678</v>
      </c>
      <c r="O708" s="3">
        <v>44678</v>
      </c>
      <c r="P708" s="3">
        <v>46934</v>
      </c>
    </row>
    <row r="709" spans="1:16" x14ac:dyDescent="0.15">
      <c r="A709" s="2" t="s">
        <v>49</v>
      </c>
      <c r="B709" s="2" t="s">
        <v>4300</v>
      </c>
      <c r="C709" s="4" t="s">
        <v>6</v>
      </c>
      <c r="D709" s="5" t="s">
        <v>45</v>
      </c>
      <c r="E709" s="5" t="s">
        <v>4301</v>
      </c>
      <c r="F709" s="6" t="s">
        <v>4302</v>
      </c>
      <c r="G709" s="2" t="s">
        <v>4298</v>
      </c>
      <c r="H709" s="4" t="s">
        <v>9</v>
      </c>
      <c r="I709" s="5" t="s">
        <v>6</v>
      </c>
      <c r="J709" s="5" t="s">
        <v>45</v>
      </c>
      <c r="K709" s="5" t="s">
        <v>4299</v>
      </c>
      <c r="L709" s="6" t="s">
        <v>5</v>
      </c>
      <c r="M709" s="2" t="s">
        <v>4303</v>
      </c>
      <c r="N709" s="3">
        <v>44622</v>
      </c>
      <c r="O709" s="3">
        <v>44622</v>
      </c>
      <c r="P709" s="3">
        <v>47087</v>
      </c>
    </row>
    <row r="710" spans="1:16" x14ac:dyDescent="0.15">
      <c r="A710" s="2" t="s">
        <v>49</v>
      </c>
      <c r="B710" s="2" t="s">
        <v>4304</v>
      </c>
      <c r="C710" s="4" t="s">
        <v>6</v>
      </c>
      <c r="D710" s="5" t="s">
        <v>608</v>
      </c>
      <c r="E710" s="5" t="s">
        <v>4306</v>
      </c>
      <c r="F710" s="6" t="s">
        <v>4307</v>
      </c>
      <c r="G710" s="2" t="s">
        <v>4298</v>
      </c>
      <c r="H710" s="4" t="s">
        <v>9</v>
      </c>
      <c r="I710" s="5" t="s">
        <v>6</v>
      </c>
      <c r="J710" s="5" t="s">
        <v>45</v>
      </c>
      <c r="K710" s="5" t="s">
        <v>4299</v>
      </c>
      <c r="L710" s="6" t="s">
        <v>5</v>
      </c>
      <c r="M710" s="2" t="s">
        <v>4308</v>
      </c>
      <c r="N710" s="3">
        <v>44896</v>
      </c>
      <c r="O710" s="3">
        <v>44896</v>
      </c>
      <c r="P710" s="3">
        <v>46721</v>
      </c>
    </row>
    <row r="711" spans="1:16" x14ac:dyDescent="0.15">
      <c r="A711" s="2" t="s">
        <v>49</v>
      </c>
      <c r="B711" s="2" t="s">
        <v>4309</v>
      </c>
      <c r="C711" s="4" t="s">
        <v>6</v>
      </c>
      <c r="D711" s="5" t="s">
        <v>45</v>
      </c>
      <c r="E711" s="5" t="s">
        <v>4310</v>
      </c>
      <c r="F711" s="6" t="s">
        <v>4311</v>
      </c>
      <c r="G711" s="2" t="s">
        <v>4298</v>
      </c>
      <c r="H711" s="4" t="s">
        <v>9</v>
      </c>
      <c r="I711" s="5" t="s">
        <v>6</v>
      </c>
      <c r="J711" s="5" t="s">
        <v>45</v>
      </c>
      <c r="K711" s="5" t="s">
        <v>4299</v>
      </c>
      <c r="L711" s="6" t="s">
        <v>5</v>
      </c>
      <c r="M711" s="2" t="s">
        <v>4312</v>
      </c>
      <c r="N711" s="3">
        <v>45413</v>
      </c>
      <c r="O711" s="3">
        <v>45413</v>
      </c>
      <c r="P711" s="3">
        <v>47817</v>
      </c>
    </row>
    <row r="712" spans="1:16" x14ac:dyDescent="0.15">
      <c r="A712" s="2" t="s">
        <v>49</v>
      </c>
      <c r="B712" s="2" t="s">
        <v>4316</v>
      </c>
      <c r="C712" s="4" t="s">
        <v>6</v>
      </c>
      <c r="D712" s="5" t="s">
        <v>174</v>
      </c>
      <c r="E712" s="5" t="s">
        <v>175</v>
      </c>
      <c r="F712" s="6" t="s">
        <v>4317</v>
      </c>
      <c r="G712" s="2" t="s">
        <v>4313</v>
      </c>
      <c r="H712" s="4" t="s">
        <v>29</v>
      </c>
      <c r="I712" s="5" t="s">
        <v>1887</v>
      </c>
      <c r="J712" s="5" t="s">
        <v>4314</v>
      </c>
      <c r="K712" s="5" t="s">
        <v>4315</v>
      </c>
      <c r="L712" s="6" t="s">
        <v>5</v>
      </c>
      <c r="M712" s="2" t="s">
        <v>4318</v>
      </c>
      <c r="N712" s="3">
        <v>44630</v>
      </c>
      <c r="O712" s="3">
        <v>44630</v>
      </c>
      <c r="P712" s="3">
        <v>47026</v>
      </c>
    </row>
    <row r="713" spans="1:16" x14ac:dyDescent="0.15">
      <c r="A713" s="2" t="s">
        <v>49</v>
      </c>
      <c r="B713" s="2" t="s">
        <v>4345</v>
      </c>
      <c r="C713" s="4" t="s">
        <v>6</v>
      </c>
      <c r="D713" s="5" t="s">
        <v>174</v>
      </c>
      <c r="E713" s="5" t="s">
        <v>579</v>
      </c>
      <c r="F713" s="6" t="s">
        <v>4346</v>
      </c>
      <c r="G713" s="2" t="s">
        <v>4343</v>
      </c>
      <c r="H713" s="4" t="s">
        <v>9</v>
      </c>
      <c r="I713" s="5" t="s">
        <v>6</v>
      </c>
      <c r="J713" s="5" t="s">
        <v>4344</v>
      </c>
      <c r="K713" s="5" t="s">
        <v>2941</v>
      </c>
      <c r="L713" s="6" t="s">
        <v>5</v>
      </c>
      <c r="M713" s="2" t="s">
        <v>4347</v>
      </c>
      <c r="N713" s="3">
        <v>44630</v>
      </c>
      <c r="O713" s="3">
        <v>44630</v>
      </c>
      <c r="P713" s="3">
        <v>47026</v>
      </c>
    </row>
    <row r="714" spans="1:16" x14ac:dyDescent="0.15">
      <c r="A714" s="2" t="s">
        <v>49</v>
      </c>
      <c r="B714" s="2" t="s">
        <v>4358</v>
      </c>
      <c r="C714" s="4" t="s">
        <v>6</v>
      </c>
      <c r="D714" s="5" t="s">
        <v>200</v>
      </c>
      <c r="E714" s="5" t="s">
        <v>4359</v>
      </c>
      <c r="F714" s="6" t="s">
        <v>5</v>
      </c>
      <c r="G714" s="2" t="s">
        <v>4356</v>
      </c>
      <c r="H714" s="4" t="s">
        <v>9</v>
      </c>
      <c r="I714" s="5" t="s">
        <v>663</v>
      </c>
      <c r="J714" s="5" t="s">
        <v>4357</v>
      </c>
      <c r="K714" s="5" t="s">
        <v>770</v>
      </c>
      <c r="L714" s="6" t="s">
        <v>5</v>
      </c>
      <c r="M714" s="2" t="s">
        <v>4360</v>
      </c>
      <c r="N714" s="3">
        <v>42546</v>
      </c>
      <c r="O714" s="3">
        <v>44652</v>
      </c>
      <c r="P714" s="3">
        <v>46477</v>
      </c>
    </row>
    <row r="715" spans="1:16" x14ac:dyDescent="0.15">
      <c r="A715" s="2" t="s">
        <v>49</v>
      </c>
      <c r="B715" s="2" t="s">
        <v>2706</v>
      </c>
      <c r="C715" s="4" t="s">
        <v>6</v>
      </c>
      <c r="D715" s="5" t="s">
        <v>2705</v>
      </c>
      <c r="E715" s="5" t="s">
        <v>285</v>
      </c>
      <c r="F715" s="6" t="s">
        <v>5</v>
      </c>
      <c r="G715" s="2"/>
      <c r="H715" s="4"/>
      <c r="I715" s="5"/>
      <c r="J715" s="5"/>
      <c r="K715" s="5"/>
      <c r="L715" s="6"/>
      <c r="M715" s="2" t="s">
        <v>2707</v>
      </c>
      <c r="N715" s="3">
        <v>33966</v>
      </c>
      <c r="O715" s="3">
        <v>44501</v>
      </c>
      <c r="P715" s="3">
        <v>46326</v>
      </c>
    </row>
    <row r="716" spans="1:16" x14ac:dyDescent="0.15">
      <c r="A716" s="2" t="s">
        <v>49</v>
      </c>
      <c r="B716" s="2" t="s">
        <v>4386</v>
      </c>
      <c r="C716" s="4" t="s">
        <v>6</v>
      </c>
      <c r="D716" s="5" t="s">
        <v>4388</v>
      </c>
      <c r="E716" s="5" t="s">
        <v>5</v>
      </c>
      <c r="F716" s="6" t="s">
        <v>5</v>
      </c>
      <c r="G716" s="2" t="s">
        <v>4386</v>
      </c>
      <c r="H716" s="4" t="s">
        <v>9</v>
      </c>
      <c r="I716" s="5" t="s">
        <v>6</v>
      </c>
      <c r="J716" s="5" t="s">
        <v>4387</v>
      </c>
      <c r="K716" s="5" t="s">
        <v>5</v>
      </c>
      <c r="L716" s="6" t="s">
        <v>5</v>
      </c>
      <c r="M716" s="2" t="s">
        <v>4389</v>
      </c>
      <c r="N716" s="3">
        <v>42452</v>
      </c>
      <c r="O716" s="3">
        <v>44652</v>
      </c>
      <c r="P716" s="3">
        <v>46843</v>
      </c>
    </row>
    <row r="717" spans="1:16" x14ac:dyDescent="0.15">
      <c r="A717" s="2" t="s">
        <v>49</v>
      </c>
      <c r="B717" s="2" t="s">
        <v>4410</v>
      </c>
      <c r="C717" s="4" t="s">
        <v>6</v>
      </c>
      <c r="D717" s="5" t="s">
        <v>4408</v>
      </c>
      <c r="E717" s="5" t="s">
        <v>4409</v>
      </c>
      <c r="F717" s="6" t="s">
        <v>4411</v>
      </c>
      <c r="G717" s="2" t="s">
        <v>4407</v>
      </c>
      <c r="H717" s="4" t="s">
        <v>9</v>
      </c>
      <c r="I717" s="5" t="s">
        <v>6</v>
      </c>
      <c r="J717" s="5" t="s">
        <v>4408</v>
      </c>
      <c r="K717" s="5" t="s">
        <v>4409</v>
      </c>
      <c r="L717" s="6" t="s">
        <v>5</v>
      </c>
      <c r="M717" s="2" t="s">
        <v>4412</v>
      </c>
      <c r="N717" s="3">
        <v>42376</v>
      </c>
      <c r="O717" s="3">
        <v>44652</v>
      </c>
      <c r="P717" s="3">
        <v>46843</v>
      </c>
    </row>
    <row r="718" spans="1:16" x14ac:dyDescent="0.15">
      <c r="A718" s="2" t="s">
        <v>49</v>
      </c>
      <c r="B718" s="2" t="s">
        <v>2718</v>
      </c>
      <c r="C718" s="4" t="s">
        <v>6</v>
      </c>
      <c r="D718" s="5" t="s">
        <v>111</v>
      </c>
      <c r="E718" s="5" t="s">
        <v>2719</v>
      </c>
      <c r="F718" s="6" t="s">
        <v>2720</v>
      </c>
      <c r="G718" s="2"/>
      <c r="H718" s="4"/>
      <c r="I718" s="5"/>
      <c r="J718" s="5"/>
      <c r="K718" s="5"/>
      <c r="L718" s="6"/>
      <c r="M718" s="2" t="s">
        <v>2721</v>
      </c>
      <c r="N718" s="3">
        <v>40452</v>
      </c>
      <c r="O718" s="3">
        <v>44501</v>
      </c>
      <c r="P718" s="3">
        <v>46326</v>
      </c>
    </row>
    <row r="719" spans="1:16" x14ac:dyDescent="0.15">
      <c r="A719" s="2" t="s">
        <v>49</v>
      </c>
      <c r="B719" s="2" t="s">
        <v>4415</v>
      </c>
      <c r="C719" s="4" t="s">
        <v>6</v>
      </c>
      <c r="D719" s="5" t="s">
        <v>91</v>
      </c>
      <c r="E719" s="5" t="s">
        <v>4414</v>
      </c>
      <c r="F719" s="6" t="s">
        <v>5</v>
      </c>
      <c r="G719" s="2" t="s">
        <v>4413</v>
      </c>
      <c r="H719" s="4" t="s">
        <v>9</v>
      </c>
      <c r="I719" s="5" t="s">
        <v>6</v>
      </c>
      <c r="J719" s="5" t="s">
        <v>91</v>
      </c>
      <c r="K719" s="5" t="s">
        <v>4414</v>
      </c>
      <c r="L719" s="6" t="s">
        <v>5</v>
      </c>
      <c r="M719" s="2" t="s">
        <v>4416</v>
      </c>
      <c r="N719" s="3">
        <v>38145</v>
      </c>
      <c r="O719" s="3">
        <v>44652</v>
      </c>
      <c r="P719" s="3">
        <v>46843</v>
      </c>
    </row>
    <row r="720" spans="1:16" x14ac:dyDescent="0.15">
      <c r="A720" s="2" t="s">
        <v>16</v>
      </c>
      <c r="B720" s="2" t="s">
        <v>2731</v>
      </c>
      <c r="C720" s="4" t="s">
        <v>6</v>
      </c>
      <c r="D720" s="5" t="s">
        <v>2729</v>
      </c>
      <c r="E720" s="5" t="s">
        <v>2730</v>
      </c>
      <c r="F720" s="6" t="s">
        <v>5</v>
      </c>
      <c r="G720" s="2"/>
      <c r="H720" s="4"/>
      <c r="I720" s="5"/>
      <c r="J720" s="5"/>
      <c r="K720" s="5"/>
      <c r="L720" s="6"/>
      <c r="M720" s="2" t="s">
        <v>2732</v>
      </c>
      <c r="N720" s="3">
        <v>44479</v>
      </c>
      <c r="O720" s="3">
        <v>44479</v>
      </c>
      <c r="P720" s="3">
        <v>46477</v>
      </c>
    </row>
    <row r="721" spans="1:16" x14ac:dyDescent="0.15">
      <c r="A721" s="2" t="s">
        <v>49</v>
      </c>
      <c r="B721" s="2" t="s">
        <v>2733</v>
      </c>
      <c r="C721" s="4" t="s">
        <v>6</v>
      </c>
      <c r="D721" s="5" t="s">
        <v>2734</v>
      </c>
      <c r="E721" s="5" t="s">
        <v>2735</v>
      </c>
      <c r="F721" s="6" t="s">
        <v>2736</v>
      </c>
      <c r="G721" s="2"/>
      <c r="H721" s="4"/>
      <c r="I721" s="5"/>
      <c r="J721" s="5"/>
      <c r="K721" s="5"/>
      <c r="L721" s="6"/>
      <c r="M721" s="2" t="s">
        <v>2737</v>
      </c>
      <c r="N721" s="3">
        <v>40641</v>
      </c>
      <c r="O721" s="3">
        <v>44501</v>
      </c>
      <c r="P721" s="3">
        <v>46326</v>
      </c>
    </row>
    <row r="722" spans="1:16" x14ac:dyDescent="0.15">
      <c r="A722" s="2" t="s">
        <v>49</v>
      </c>
      <c r="B722" s="2" t="s">
        <v>2739</v>
      </c>
      <c r="C722" s="4" t="s">
        <v>6</v>
      </c>
      <c r="D722" s="5" t="s">
        <v>1649</v>
      </c>
      <c r="E722" s="5" t="s">
        <v>2738</v>
      </c>
      <c r="F722" s="6" t="s">
        <v>5</v>
      </c>
      <c r="G722" s="2"/>
      <c r="H722" s="4"/>
      <c r="I722" s="5"/>
      <c r="J722" s="5"/>
      <c r="K722" s="5"/>
      <c r="L722" s="6"/>
      <c r="M722" s="2" t="s">
        <v>2740</v>
      </c>
      <c r="N722" s="3">
        <v>29845</v>
      </c>
      <c r="O722" s="3">
        <v>44501</v>
      </c>
      <c r="P722" s="3">
        <v>46326</v>
      </c>
    </row>
    <row r="723" spans="1:16" x14ac:dyDescent="0.15">
      <c r="A723" s="2" t="s">
        <v>49</v>
      </c>
      <c r="B723" s="2" t="s">
        <v>2741</v>
      </c>
      <c r="C723" s="4" t="s">
        <v>6</v>
      </c>
      <c r="D723" s="5" t="s">
        <v>2742</v>
      </c>
      <c r="E723" s="5" t="s">
        <v>2743</v>
      </c>
      <c r="F723" s="6" t="s">
        <v>5</v>
      </c>
      <c r="G723" s="2"/>
      <c r="H723" s="4"/>
      <c r="I723" s="5"/>
      <c r="J723" s="5"/>
      <c r="K723" s="5"/>
      <c r="L723" s="6"/>
      <c r="M723" s="2" t="s">
        <v>2744</v>
      </c>
      <c r="N723" s="3">
        <v>42241</v>
      </c>
      <c r="O723" s="3">
        <v>44501</v>
      </c>
      <c r="P723" s="3">
        <v>46691</v>
      </c>
    </row>
    <row r="724" spans="1:16" x14ac:dyDescent="0.15">
      <c r="A724" s="2" t="s">
        <v>49</v>
      </c>
      <c r="B724" s="2" t="s">
        <v>4428</v>
      </c>
      <c r="C724" s="4" t="s">
        <v>6</v>
      </c>
      <c r="D724" s="5" t="s">
        <v>2568</v>
      </c>
      <c r="E724" s="5" t="s">
        <v>4427</v>
      </c>
      <c r="F724" s="6" t="s">
        <v>5</v>
      </c>
      <c r="G724" s="2" t="s">
        <v>4426</v>
      </c>
      <c r="H724" s="4" t="s">
        <v>9</v>
      </c>
      <c r="I724" s="5" t="s">
        <v>6</v>
      </c>
      <c r="J724" s="5" t="s">
        <v>2568</v>
      </c>
      <c r="K724" s="5" t="s">
        <v>4427</v>
      </c>
      <c r="L724" s="6" t="s">
        <v>5</v>
      </c>
      <c r="M724" s="2" t="s">
        <v>4429</v>
      </c>
      <c r="N724" s="3">
        <v>38834</v>
      </c>
      <c r="O724" s="3">
        <v>44652</v>
      </c>
      <c r="P724" s="3">
        <v>46477</v>
      </c>
    </row>
    <row r="725" spans="1:16" x14ac:dyDescent="0.15">
      <c r="A725" s="2" t="s">
        <v>49</v>
      </c>
      <c r="B725" s="2" t="s">
        <v>4437</v>
      </c>
      <c r="C725" s="4" t="s">
        <v>6</v>
      </c>
      <c r="D725" s="5" t="s">
        <v>224</v>
      </c>
      <c r="E725" s="5" t="s">
        <v>225</v>
      </c>
      <c r="F725" s="6" t="s">
        <v>5</v>
      </c>
      <c r="G725" s="2" t="s">
        <v>4434</v>
      </c>
      <c r="H725" s="4" t="s">
        <v>9</v>
      </c>
      <c r="I725" s="5" t="s">
        <v>6</v>
      </c>
      <c r="J725" s="5" t="s">
        <v>4435</v>
      </c>
      <c r="K725" s="5" t="s">
        <v>4436</v>
      </c>
      <c r="L725" s="6" t="s">
        <v>5</v>
      </c>
      <c r="M725" s="2" t="s">
        <v>4438</v>
      </c>
      <c r="N725" s="3">
        <v>36083</v>
      </c>
      <c r="O725" s="3">
        <v>44682</v>
      </c>
      <c r="P725" s="3">
        <v>46873</v>
      </c>
    </row>
    <row r="726" spans="1:16" x14ac:dyDescent="0.15">
      <c r="A726" s="2" t="s">
        <v>49</v>
      </c>
      <c r="B726" s="2" t="s">
        <v>2751</v>
      </c>
      <c r="C726" s="4" t="s">
        <v>6</v>
      </c>
      <c r="D726" s="5" t="s">
        <v>608</v>
      </c>
      <c r="E726" s="5" t="s">
        <v>1917</v>
      </c>
      <c r="F726" s="6" t="s">
        <v>2752</v>
      </c>
      <c r="G726" s="2"/>
      <c r="H726" s="4"/>
      <c r="I726" s="5"/>
      <c r="J726" s="5"/>
      <c r="K726" s="5"/>
      <c r="L726" s="6"/>
      <c r="M726" s="2" t="s">
        <v>2753</v>
      </c>
      <c r="N726" s="3">
        <v>44474</v>
      </c>
      <c r="O726" s="3">
        <v>44474</v>
      </c>
      <c r="P726" s="3">
        <v>46721</v>
      </c>
    </row>
    <row r="727" spans="1:16" x14ac:dyDescent="0.15">
      <c r="A727" s="2" t="s">
        <v>49</v>
      </c>
      <c r="B727" s="2" t="s">
        <v>4439</v>
      </c>
      <c r="C727" s="4" t="s">
        <v>6</v>
      </c>
      <c r="D727" s="5" t="s">
        <v>91</v>
      </c>
      <c r="E727" s="5" t="s">
        <v>4440</v>
      </c>
      <c r="F727" s="6" t="s">
        <v>5</v>
      </c>
      <c r="G727" s="2" t="s">
        <v>4434</v>
      </c>
      <c r="H727" s="4" t="s">
        <v>9</v>
      </c>
      <c r="I727" s="5" t="s">
        <v>6</v>
      </c>
      <c r="J727" s="5" t="s">
        <v>4435</v>
      </c>
      <c r="K727" s="5" t="s">
        <v>4436</v>
      </c>
      <c r="L727" s="6" t="s">
        <v>5</v>
      </c>
      <c r="M727" s="2" t="s">
        <v>4441</v>
      </c>
      <c r="N727" s="3">
        <v>38421</v>
      </c>
      <c r="O727" s="3">
        <v>44652</v>
      </c>
      <c r="P727" s="3">
        <v>46843</v>
      </c>
    </row>
    <row r="728" spans="1:16" x14ac:dyDescent="0.15">
      <c r="A728" s="2" t="s">
        <v>660</v>
      </c>
      <c r="B728" s="2" t="s">
        <v>2758</v>
      </c>
      <c r="C728" s="4" t="s">
        <v>6</v>
      </c>
      <c r="D728" s="5" t="s">
        <v>1939</v>
      </c>
      <c r="E728" s="5" t="s">
        <v>1804</v>
      </c>
      <c r="F728" s="6" t="s">
        <v>5</v>
      </c>
      <c r="G728" s="2"/>
      <c r="H728" s="4"/>
      <c r="I728" s="5"/>
      <c r="J728" s="5"/>
      <c r="K728" s="5"/>
      <c r="L728" s="6"/>
      <c r="M728" s="2" t="s">
        <v>2759</v>
      </c>
      <c r="N728" s="3">
        <v>44474</v>
      </c>
      <c r="O728" s="3">
        <v>44474</v>
      </c>
      <c r="P728" s="3">
        <v>46326</v>
      </c>
    </row>
    <row r="729" spans="1:16" x14ac:dyDescent="0.15">
      <c r="A729" s="2" t="s">
        <v>49</v>
      </c>
      <c r="B729" s="2" t="s">
        <v>2760</v>
      </c>
      <c r="C729" s="4" t="s">
        <v>6</v>
      </c>
      <c r="D729" s="5" t="s">
        <v>616</v>
      </c>
      <c r="E729" s="5" t="s">
        <v>968</v>
      </c>
      <c r="F729" s="6" t="s">
        <v>5</v>
      </c>
      <c r="G729" s="2"/>
      <c r="H729" s="4"/>
      <c r="I729" s="5"/>
      <c r="J729" s="5"/>
      <c r="K729" s="5"/>
      <c r="L729" s="6"/>
      <c r="M729" s="2" t="s">
        <v>2761</v>
      </c>
      <c r="N729" s="3">
        <v>42187</v>
      </c>
      <c r="O729" s="3">
        <v>44531</v>
      </c>
      <c r="P729" s="3">
        <v>46721</v>
      </c>
    </row>
    <row r="730" spans="1:16" x14ac:dyDescent="0.15">
      <c r="A730" s="2" t="s">
        <v>49</v>
      </c>
      <c r="B730" s="2" t="s">
        <v>2763</v>
      </c>
      <c r="C730" s="4" t="s">
        <v>6</v>
      </c>
      <c r="D730" s="5" t="s">
        <v>795</v>
      </c>
      <c r="E730" s="5" t="s">
        <v>2764</v>
      </c>
      <c r="F730" s="6" t="s">
        <v>5</v>
      </c>
      <c r="G730" s="2"/>
      <c r="H730" s="4"/>
      <c r="I730" s="5"/>
      <c r="J730" s="5"/>
      <c r="K730" s="5"/>
      <c r="L730" s="6"/>
      <c r="M730" s="2" t="s">
        <v>2765</v>
      </c>
      <c r="N730" s="3">
        <v>42158</v>
      </c>
      <c r="O730" s="3">
        <v>44501</v>
      </c>
      <c r="P730" s="3">
        <v>46691</v>
      </c>
    </row>
    <row r="731" spans="1:16" x14ac:dyDescent="0.15">
      <c r="A731" s="2" t="s">
        <v>49</v>
      </c>
      <c r="B731" s="2" t="s">
        <v>2767</v>
      </c>
      <c r="C731" s="4" t="s">
        <v>6</v>
      </c>
      <c r="D731" s="5" t="s">
        <v>2016</v>
      </c>
      <c r="E731" s="5" t="s">
        <v>857</v>
      </c>
      <c r="F731" s="6" t="s">
        <v>5</v>
      </c>
      <c r="G731" s="2"/>
      <c r="H731" s="4"/>
      <c r="I731" s="5"/>
      <c r="J731" s="5"/>
      <c r="K731" s="5"/>
      <c r="L731" s="6"/>
      <c r="M731" s="2" t="s">
        <v>2768</v>
      </c>
      <c r="N731" s="3">
        <v>44475</v>
      </c>
      <c r="O731" s="3">
        <v>44475</v>
      </c>
      <c r="P731" s="3">
        <v>46691</v>
      </c>
    </row>
    <row r="732" spans="1:16" x14ac:dyDescent="0.15">
      <c r="A732" s="2" t="s">
        <v>49</v>
      </c>
      <c r="B732" s="2" t="s">
        <v>2769</v>
      </c>
      <c r="C732" s="4" t="s">
        <v>6</v>
      </c>
      <c r="D732" s="5" t="s">
        <v>456</v>
      </c>
      <c r="E732" s="5" t="s">
        <v>520</v>
      </c>
      <c r="F732" s="6" t="s">
        <v>5</v>
      </c>
      <c r="G732" s="2"/>
      <c r="H732" s="4"/>
      <c r="I732" s="5"/>
      <c r="J732" s="5"/>
      <c r="K732" s="5"/>
      <c r="L732" s="6"/>
      <c r="M732" s="2" t="s">
        <v>2770</v>
      </c>
      <c r="N732" s="3">
        <v>44482</v>
      </c>
      <c r="O732" s="3">
        <v>44482</v>
      </c>
      <c r="P732" s="3">
        <v>46538</v>
      </c>
    </row>
    <row r="733" spans="1:16" x14ac:dyDescent="0.15">
      <c r="A733" s="2" t="s">
        <v>49</v>
      </c>
      <c r="B733" s="2" t="s">
        <v>2771</v>
      </c>
      <c r="C733" s="4" t="s">
        <v>6</v>
      </c>
      <c r="D733" s="5" t="s">
        <v>608</v>
      </c>
      <c r="E733" s="5" t="s">
        <v>2772</v>
      </c>
      <c r="F733" s="6" t="s">
        <v>2773</v>
      </c>
      <c r="G733" s="2"/>
      <c r="H733" s="4"/>
      <c r="I733" s="5"/>
      <c r="J733" s="5"/>
      <c r="K733" s="5"/>
      <c r="L733" s="6"/>
      <c r="M733" s="2" t="s">
        <v>2774</v>
      </c>
      <c r="N733" s="3">
        <v>42447</v>
      </c>
      <c r="O733" s="3">
        <v>44531</v>
      </c>
      <c r="P733" s="3">
        <v>46356</v>
      </c>
    </row>
    <row r="734" spans="1:16" x14ac:dyDescent="0.15">
      <c r="A734" s="2" t="s">
        <v>49</v>
      </c>
      <c r="B734" s="2" t="s">
        <v>4443</v>
      </c>
      <c r="C734" s="4" t="s">
        <v>6</v>
      </c>
      <c r="D734" s="5" t="s">
        <v>1773</v>
      </c>
      <c r="E734" s="5" t="s">
        <v>1751</v>
      </c>
      <c r="F734" s="6" t="s">
        <v>4444</v>
      </c>
      <c r="G734" s="2" t="s">
        <v>4434</v>
      </c>
      <c r="H734" s="4" t="s">
        <v>9</v>
      </c>
      <c r="I734" s="5" t="s">
        <v>6</v>
      </c>
      <c r="J734" s="5" t="s">
        <v>4435</v>
      </c>
      <c r="K734" s="5" t="s">
        <v>4436</v>
      </c>
      <c r="L734" s="6" t="s">
        <v>5</v>
      </c>
      <c r="M734" s="2" t="s">
        <v>4445</v>
      </c>
      <c r="N734" s="3">
        <v>40495</v>
      </c>
      <c r="O734" s="3">
        <v>45047</v>
      </c>
      <c r="P734" s="3">
        <v>47238</v>
      </c>
    </row>
    <row r="735" spans="1:16" x14ac:dyDescent="0.15">
      <c r="A735" s="2" t="s">
        <v>49</v>
      </c>
      <c r="B735" s="2" t="s">
        <v>4451</v>
      </c>
      <c r="C735" s="4" t="s">
        <v>6</v>
      </c>
      <c r="D735" s="5" t="s">
        <v>218</v>
      </c>
      <c r="E735" s="5" t="s">
        <v>4452</v>
      </c>
      <c r="F735" s="6" t="s">
        <v>5</v>
      </c>
      <c r="G735" s="2" t="s">
        <v>4434</v>
      </c>
      <c r="H735" s="4" t="s">
        <v>9</v>
      </c>
      <c r="I735" s="5" t="s">
        <v>6</v>
      </c>
      <c r="J735" s="5" t="s">
        <v>4435</v>
      </c>
      <c r="K735" s="5" t="s">
        <v>4436</v>
      </c>
      <c r="L735" s="6" t="s">
        <v>5</v>
      </c>
      <c r="M735" s="2" t="s">
        <v>4453</v>
      </c>
      <c r="N735" s="3">
        <v>45122</v>
      </c>
      <c r="O735" s="3">
        <v>45122</v>
      </c>
      <c r="P735" s="3">
        <v>47573</v>
      </c>
    </row>
    <row r="736" spans="1:16" x14ac:dyDescent="0.15">
      <c r="A736" s="2" t="s">
        <v>49</v>
      </c>
      <c r="B736" s="2" t="s">
        <v>4472</v>
      </c>
      <c r="C736" s="4" t="s">
        <v>6</v>
      </c>
      <c r="D736" s="5" t="s">
        <v>179</v>
      </c>
      <c r="E736" s="5" t="s">
        <v>4473</v>
      </c>
      <c r="F736" s="6" t="s">
        <v>5</v>
      </c>
      <c r="G736" s="2" t="s">
        <v>4466</v>
      </c>
      <c r="H736" s="4" t="s">
        <v>9</v>
      </c>
      <c r="I736" s="5" t="s">
        <v>904</v>
      </c>
      <c r="J736" s="5" t="s">
        <v>4467</v>
      </c>
      <c r="K736" s="5" t="s">
        <v>4468</v>
      </c>
      <c r="L736" s="6" t="s">
        <v>5</v>
      </c>
      <c r="M736" s="2" t="s">
        <v>4474</v>
      </c>
      <c r="N736" s="3">
        <v>44761</v>
      </c>
      <c r="O736" s="3">
        <v>44761</v>
      </c>
      <c r="P736" s="3">
        <v>47026</v>
      </c>
    </row>
    <row r="737" spans="1:16" x14ac:dyDescent="0.15">
      <c r="A737" s="2" t="s">
        <v>49</v>
      </c>
      <c r="B737" s="2" t="s">
        <v>4478</v>
      </c>
      <c r="C737" s="4" t="s">
        <v>6</v>
      </c>
      <c r="D737" s="5" t="s">
        <v>3870</v>
      </c>
      <c r="E737" s="5" t="s">
        <v>4479</v>
      </c>
      <c r="F737" s="6" t="s">
        <v>5</v>
      </c>
      <c r="G737" s="2" t="s">
        <v>4475</v>
      </c>
      <c r="H737" s="4" t="s">
        <v>9</v>
      </c>
      <c r="I737" s="5" t="s">
        <v>1182</v>
      </c>
      <c r="J737" s="5" t="s">
        <v>4476</v>
      </c>
      <c r="K737" s="5" t="s">
        <v>4477</v>
      </c>
      <c r="L737" s="6" t="s">
        <v>5</v>
      </c>
      <c r="M737" s="2" t="s">
        <v>4480</v>
      </c>
      <c r="N737" s="3">
        <v>38405</v>
      </c>
      <c r="O737" s="3">
        <v>44682</v>
      </c>
      <c r="P737" s="3">
        <v>46873</v>
      </c>
    </row>
    <row r="738" spans="1:16" x14ac:dyDescent="0.15">
      <c r="A738" s="2" t="s">
        <v>49</v>
      </c>
      <c r="B738" s="2" t="s">
        <v>4484</v>
      </c>
      <c r="C738" s="4" t="s">
        <v>6</v>
      </c>
      <c r="D738" s="5" t="s">
        <v>4485</v>
      </c>
      <c r="E738" s="5" t="s">
        <v>4486</v>
      </c>
      <c r="F738" s="6" t="s">
        <v>5</v>
      </c>
      <c r="G738" s="2" t="s">
        <v>4481</v>
      </c>
      <c r="H738" s="4" t="s">
        <v>9</v>
      </c>
      <c r="I738" s="5" t="s">
        <v>6</v>
      </c>
      <c r="J738" s="5" t="s">
        <v>4482</v>
      </c>
      <c r="K738" s="5" t="s">
        <v>4483</v>
      </c>
      <c r="L738" s="6" t="s">
        <v>5</v>
      </c>
      <c r="M738" s="2" t="s">
        <v>4487</v>
      </c>
      <c r="N738" s="3">
        <v>34312</v>
      </c>
      <c r="O738" s="3">
        <v>44652</v>
      </c>
      <c r="P738" s="3">
        <v>46477</v>
      </c>
    </row>
    <row r="739" spans="1:16" x14ac:dyDescent="0.15">
      <c r="A739" s="2" t="s">
        <v>49</v>
      </c>
      <c r="B739" s="2" t="s">
        <v>4498</v>
      </c>
      <c r="C739" s="4" t="s">
        <v>6</v>
      </c>
      <c r="D739" s="5" t="s">
        <v>4499</v>
      </c>
      <c r="E739" s="5" t="s">
        <v>5</v>
      </c>
      <c r="F739" s="6" t="s">
        <v>5</v>
      </c>
      <c r="G739" s="2" t="s">
        <v>4494</v>
      </c>
      <c r="H739" s="4" t="s">
        <v>4495</v>
      </c>
      <c r="I739" s="5" t="s">
        <v>4496</v>
      </c>
      <c r="J739" s="5" t="s">
        <v>4497</v>
      </c>
      <c r="K739" s="5" t="s">
        <v>5</v>
      </c>
      <c r="L739" s="6" t="s">
        <v>5</v>
      </c>
      <c r="M739" s="2" t="s">
        <v>4500</v>
      </c>
      <c r="N739" s="3">
        <v>36011</v>
      </c>
      <c r="O739" s="3">
        <v>44652</v>
      </c>
      <c r="P739" s="3">
        <v>46843</v>
      </c>
    </row>
    <row r="740" spans="1:16" x14ac:dyDescent="0.15">
      <c r="A740" s="2" t="s">
        <v>49</v>
      </c>
      <c r="B740" s="2" t="s">
        <v>4501</v>
      </c>
      <c r="C740" s="4" t="s">
        <v>6</v>
      </c>
      <c r="D740" s="5" t="s">
        <v>4502</v>
      </c>
      <c r="E740" s="5" t="s">
        <v>4503</v>
      </c>
      <c r="F740" s="6" t="s">
        <v>5</v>
      </c>
      <c r="G740" s="2" t="s">
        <v>4494</v>
      </c>
      <c r="H740" s="4" t="s">
        <v>4495</v>
      </c>
      <c r="I740" s="5" t="s">
        <v>4496</v>
      </c>
      <c r="J740" s="5" t="s">
        <v>4497</v>
      </c>
      <c r="K740" s="5" t="s">
        <v>5</v>
      </c>
      <c r="L740" s="6" t="s">
        <v>5</v>
      </c>
      <c r="M740" s="2" t="s">
        <v>4504</v>
      </c>
      <c r="N740" s="3">
        <v>36262</v>
      </c>
      <c r="O740" s="3">
        <v>45017</v>
      </c>
      <c r="P740" s="3">
        <v>47208</v>
      </c>
    </row>
    <row r="741" spans="1:16" x14ac:dyDescent="0.15">
      <c r="A741" s="2" t="s">
        <v>49</v>
      </c>
      <c r="B741" s="2" t="s">
        <v>4505</v>
      </c>
      <c r="C741" s="4" t="s">
        <v>6</v>
      </c>
      <c r="D741" s="5" t="s">
        <v>4506</v>
      </c>
      <c r="E741" s="5" t="s">
        <v>4507</v>
      </c>
      <c r="F741" s="6" t="s">
        <v>5</v>
      </c>
      <c r="G741" s="2" t="s">
        <v>4494</v>
      </c>
      <c r="H741" s="4" t="s">
        <v>4495</v>
      </c>
      <c r="I741" s="5" t="s">
        <v>4496</v>
      </c>
      <c r="J741" s="5" t="s">
        <v>4497</v>
      </c>
      <c r="K741" s="5" t="s">
        <v>5</v>
      </c>
      <c r="L741" s="6" t="s">
        <v>5</v>
      </c>
      <c r="M741" s="2" t="s">
        <v>4508</v>
      </c>
      <c r="N741" s="3">
        <v>37131</v>
      </c>
      <c r="O741" s="3">
        <v>45383</v>
      </c>
      <c r="P741" s="3">
        <v>47573</v>
      </c>
    </row>
    <row r="742" spans="1:16" x14ac:dyDescent="0.15">
      <c r="A742" s="2" t="s">
        <v>49</v>
      </c>
      <c r="B742" s="2" t="s">
        <v>4522</v>
      </c>
      <c r="C742" s="4" t="s">
        <v>6</v>
      </c>
      <c r="D742" s="5" t="s">
        <v>4435</v>
      </c>
      <c r="E742" s="5" t="s">
        <v>4523</v>
      </c>
      <c r="F742" s="6" t="s">
        <v>5</v>
      </c>
      <c r="G742" s="2" t="s">
        <v>4520</v>
      </c>
      <c r="H742" s="4" t="s">
        <v>9</v>
      </c>
      <c r="I742" s="5" t="s">
        <v>6</v>
      </c>
      <c r="J742" s="5" t="s">
        <v>906</v>
      </c>
      <c r="K742" s="5" t="s">
        <v>4521</v>
      </c>
      <c r="L742" s="6" t="s">
        <v>5</v>
      </c>
      <c r="M742" s="2" t="s">
        <v>4524</v>
      </c>
      <c r="N742" s="3">
        <v>44635</v>
      </c>
      <c r="O742" s="3">
        <v>44635</v>
      </c>
      <c r="P742" s="3">
        <v>46568</v>
      </c>
    </row>
    <row r="743" spans="1:16" x14ac:dyDescent="0.15">
      <c r="A743" s="2" t="s">
        <v>49</v>
      </c>
      <c r="B743" s="2" t="s">
        <v>4543</v>
      </c>
      <c r="C743" s="4" t="s">
        <v>6</v>
      </c>
      <c r="D743" s="5" t="s">
        <v>174</v>
      </c>
      <c r="E743" s="5" t="s">
        <v>175</v>
      </c>
      <c r="F743" s="6" t="s">
        <v>4544</v>
      </c>
      <c r="G743" s="2" t="s">
        <v>4538</v>
      </c>
      <c r="H743" s="4" t="s">
        <v>4539</v>
      </c>
      <c r="I743" s="5" t="s">
        <v>4540</v>
      </c>
      <c r="J743" s="5" t="s">
        <v>4541</v>
      </c>
      <c r="K743" s="5" t="s">
        <v>4542</v>
      </c>
      <c r="L743" s="6" t="s">
        <v>5</v>
      </c>
      <c r="M743" s="2" t="s">
        <v>4545</v>
      </c>
      <c r="N743" s="3">
        <v>44630</v>
      </c>
      <c r="O743" s="3">
        <v>44630</v>
      </c>
      <c r="P743" s="3">
        <v>47026</v>
      </c>
    </row>
    <row r="744" spans="1:16" x14ac:dyDescent="0.15">
      <c r="A744" s="2" t="s">
        <v>49</v>
      </c>
      <c r="B744" s="2" t="s">
        <v>2817</v>
      </c>
      <c r="C744" s="4" t="s">
        <v>6</v>
      </c>
      <c r="D744" s="5" t="s">
        <v>1027</v>
      </c>
      <c r="E744" s="5" t="s">
        <v>2818</v>
      </c>
      <c r="F744" s="6" t="s">
        <v>2819</v>
      </c>
      <c r="G744" s="2"/>
      <c r="H744" s="4"/>
      <c r="I744" s="5"/>
      <c r="J744" s="5"/>
      <c r="K744" s="5"/>
      <c r="L744" s="6"/>
      <c r="M744" s="2" t="s">
        <v>2820</v>
      </c>
      <c r="N744" s="3">
        <v>44480</v>
      </c>
      <c r="O744" s="3">
        <v>44480</v>
      </c>
      <c r="P744" s="3">
        <v>46356</v>
      </c>
    </row>
    <row r="745" spans="1:16" x14ac:dyDescent="0.15">
      <c r="A745" s="2" t="s">
        <v>49</v>
      </c>
      <c r="B745" s="2" t="s">
        <v>2821</v>
      </c>
      <c r="C745" s="4" t="s">
        <v>6</v>
      </c>
      <c r="D745" s="5" t="s">
        <v>2822</v>
      </c>
      <c r="E745" s="5" t="s">
        <v>2823</v>
      </c>
      <c r="F745" s="6" t="s">
        <v>5</v>
      </c>
      <c r="G745" s="2"/>
      <c r="H745" s="4"/>
      <c r="I745" s="5"/>
      <c r="J745" s="5"/>
      <c r="K745" s="5"/>
      <c r="L745" s="6"/>
      <c r="M745" s="2" t="s">
        <v>2824</v>
      </c>
      <c r="N745" s="3">
        <v>44476</v>
      </c>
      <c r="O745" s="3">
        <v>44476</v>
      </c>
      <c r="P745" s="3">
        <v>46873</v>
      </c>
    </row>
    <row r="746" spans="1:16" x14ac:dyDescent="0.15">
      <c r="A746" s="2" t="s">
        <v>49</v>
      </c>
      <c r="B746" s="2" t="s">
        <v>4549</v>
      </c>
      <c r="C746" s="4" t="s">
        <v>6</v>
      </c>
      <c r="D746" s="5" t="s">
        <v>174</v>
      </c>
      <c r="E746" s="5" t="s">
        <v>175</v>
      </c>
      <c r="F746" s="6" t="s">
        <v>4544</v>
      </c>
      <c r="G746" s="2" t="s">
        <v>4546</v>
      </c>
      <c r="H746" s="4" t="s">
        <v>384</v>
      </c>
      <c r="I746" s="5" t="s">
        <v>441</v>
      </c>
      <c r="J746" s="5" t="s">
        <v>4547</v>
      </c>
      <c r="K746" s="5" t="s">
        <v>4548</v>
      </c>
      <c r="L746" s="6" t="s">
        <v>5</v>
      </c>
      <c r="M746" s="2" t="s">
        <v>4550</v>
      </c>
      <c r="N746" s="3">
        <v>44630</v>
      </c>
      <c r="O746" s="3">
        <v>44630</v>
      </c>
      <c r="P746" s="3">
        <v>47026</v>
      </c>
    </row>
    <row r="747" spans="1:16" x14ac:dyDescent="0.15">
      <c r="A747" s="2" t="s">
        <v>49</v>
      </c>
      <c r="B747" s="2" t="s">
        <v>2829</v>
      </c>
      <c r="C747" s="4" t="s">
        <v>6</v>
      </c>
      <c r="D747" s="5" t="s">
        <v>1027</v>
      </c>
      <c r="E747" s="5" t="s">
        <v>2830</v>
      </c>
      <c r="F747" s="6" t="s">
        <v>2831</v>
      </c>
      <c r="G747" s="2"/>
      <c r="H747" s="4"/>
      <c r="I747" s="5"/>
      <c r="J747" s="5"/>
      <c r="K747" s="5"/>
      <c r="L747" s="6"/>
      <c r="M747" s="2" t="s">
        <v>2832</v>
      </c>
      <c r="N747" s="3">
        <v>44477</v>
      </c>
      <c r="O747" s="3">
        <v>44477</v>
      </c>
      <c r="P747" s="3">
        <v>46356</v>
      </c>
    </row>
    <row r="748" spans="1:16" x14ac:dyDescent="0.15">
      <c r="A748" s="2" t="s">
        <v>49</v>
      </c>
      <c r="B748" s="2" t="s">
        <v>2834</v>
      </c>
      <c r="C748" s="4" t="s">
        <v>6</v>
      </c>
      <c r="D748" s="5" t="s">
        <v>608</v>
      </c>
      <c r="E748" s="5" t="s">
        <v>690</v>
      </c>
      <c r="F748" s="6" t="s">
        <v>2835</v>
      </c>
      <c r="G748" s="2"/>
      <c r="H748" s="4"/>
      <c r="I748" s="5"/>
      <c r="J748" s="5"/>
      <c r="K748" s="5"/>
      <c r="L748" s="6"/>
      <c r="M748" s="2" t="s">
        <v>2836</v>
      </c>
      <c r="N748" s="3">
        <v>42669</v>
      </c>
      <c r="O748" s="3">
        <v>44531</v>
      </c>
      <c r="P748" s="3">
        <v>46356</v>
      </c>
    </row>
    <row r="749" spans="1:16" x14ac:dyDescent="0.15">
      <c r="A749" s="2" t="s">
        <v>49</v>
      </c>
      <c r="B749" s="2" t="s">
        <v>4554</v>
      </c>
      <c r="C749" s="4" t="s">
        <v>6</v>
      </c>
      <c r="D749" s="5" t="s">
        <v>174</v>
      </c>
      <c r="E749" s="5" t="s">
        <v>175</v>
      </c>
      <c r="F749" s="6" t="s">
        <v>4555</v>
      </c>
      <c r="G749" s="2" t="s">
        <v>4552</v>
      </c>
      <c r="H749" s="4" t="s">
        <v>384</v>
      </c>
      <c r="I749" s="5" t="s">
        <v>2035</v>
      </c>
      <c r="J749" s="5" t="s">
        <v>4553</v>
      </c>
      <c r="K749" s="5" t="s">
        <v>775</v>
      </c>
      <c r="L749" s="6" t="s">
        <v>5</v>
      </c>
      <c r="M749" s="2" t="s">
        <v>4556</v>
      </c>
      <c r="N749" s="3">
        <v>44630</v>
      </c>
      <c r="O749" s="3">
        <v>44630</v>
      </c>
      <c r="P749" s="3">
        <v>47026</v>
      </c>
    </row>
    <row r="750" spans="1:16" x14ac:dyDescent="0.15">
      <c r="A750" s="2" t="s">
        <v>49</v>
      </c>
      <c r="B750" s="2" t="s">
        <v>4585</v>
      </c>
      <c r="C750" s="4" t="s">
        <v>6</v>
      </c>
      <c r="D750" s="5" t="s">
        <v>1148</v>
      </c>
      <c r="E750" s="5" t="s">
        <v>4586</v>
      </c>
      <c r="F750" s="6" t="s">
        <v>5</v>
      </c>
      <c r="G750" s="2" t="s">
        <v>4583</v>
      </c>
      <c r="H750" s="4" t="s">
        <v>184</v>
      </c>
      <c r="I750" s="5" t="s">
        <v>4240</v>
      </c>
      <c r="J750" s="5" t="s">
        <v>4241</v>
      </c>
      <c r="K750" s="5" t="s">
        <v>4584</v>
      </c>
      <c r="L750" s="6" t="s">
        <v>5</v>
      </c>
      <c r="M750" s="2" t="s">
        <v>4587</v>
      </c>
      <c r="N750" s="3">
        <v>44665</v>
      </c>
      <c r="O750" s="3">
        <v>44665</v>
      </c>
      <c r="P750" s="3">
        <v>47208</v>
      </c>
    </row>
    <row r="751" spans="1:16" x14ac:dyDescent="0.15">
      <c r="A751" s="2" t="s">
        <v>49</v>
      </c>
      <c r="B751" s="2" t="s">
        <v>2844</v>
      </c>
      <c r="C751" s="4" t="s">
        <v>6</v>
      </c>
      <c r="D751" s="5" t="s">
        <v>2845</v>
      </c>
      <c r="E751" s="5" t="s">
        <v>5</v>
      </c>
      <c r="F751" s="6" t="s">
        <v>1048</v>
      </c>
      <c r="G751" s="2"/>
      <c r="H751" s="4"/>
      <c r="I751" s="5"/>
      <c r="J751" s="5"/>
      <c r="K751" s="5"/>
      <c r="L751" s="6"/>
      <c r="M751" s="2" t="s">
        <v>2846</v>
      </c>
      <c r="N751" s="3">
        <v>40820</v>
      </c>
      <c r="O751" s="3">
        <v>44501</v>
      </c>
      <c r="P751" s="3">
        <v>46326</v>
      </c>
    </row>
    <row r="752" spans="1:16" x14ac:dyDescent="0.15">
      <c r="A752" s="2" t="s">
        <v>49</v>
      </c>
      <c r="B752" s="2" t="s">
        <v>2848</v>
      </c>
      <c r="C752" s="4" t="s">
        <v>6</v>
      </c>
      <c r="D752" s="5" t="s">
        <v>1152</v>
      </c>
      <c r="E752" s="5" t="s">
        <v>2849</v>
      </c>
      <c r="F752" s="6" t="s">
        <v>5</v>
      </c>
      <c r="G752" s="2"/>
      <c r="H752" s="4"/>
      <c r="I752" s="5"/>
      <c r="J752" s="5"/>
      <c r="K752" s="5"/>
      <c r="L752" s="6"/>
      <c r="M752" s="2" t="s">
        <v>2850</v>
      </c>
      <c r="N752" s="3">
        <v>36685</v>
      </c>
      <c r="O752" s="3">
        <v>44531</v>
      </c>
      <c r="P752" s="3">
        <v>46721</v>
      </c>
    </row>
    <row r="753" spans="1:16" x14ac:dyDescent="0.15">
      <c r="A753" s="2" t="s">
        <v>1231</v>
      </c>
      <c r="B753" s="2" t="s">
        <v>2851</v>
      </c>
      <c r="C753" s="4" t="s">
        <v>6</v>
      </c>
      <c r="D753" s="5" t="s">
        <v>1022</v>
      </c>
      <c r="E753" s="5" t="s">
        <v>2852</v>
      </c>
      <c r="F753" s="6" t="s">
        <v>5</v>
      </c>
      <c r="G753" s="2"/>
      <c r="H753" s="4"/>
      <c r="I753" s="5"/>
      <c r="J753" s="5"/>
      <c r="K753" s="5"/>
      <c r="L753" s="6"/>
      <c r="M753" s="2" t="s">
        <v>2853</v>
      </c>
      <c r="N753" s="3">
        <v>41999</v>
      </c>
      <c r="O753" s="3">
        <v>44501</v>
      </c>
      <c r="P753" s="3">
        <v>46691</v>
      </c>
    </row>
    <row r="754" spans="1:16" x14ac:dyDescent="0.15">
      <c r="A754" s="2" t="s">
        <v>49</v>
      </c>
      <c r="B754" s="2" t="s">
        <v>4602</v>
      </c>
      <c r="C754" s="4" t="s">
        <v>6</v>
      </c>
      <c r="D754" s="5" t="s">
        <v>4603</v>
      </c>
      <c r="E754" s="5" t="s">
        <v>4604</v>
      </c>
      <c r="F754" s="6" t="s">
        <v>5</v>
      </c>
      <c r="G754" s="2" t="s">
        <v>4600</v>
      </c>
      <c r="H754" s="4" t="s">
        <v>9</v>
      </c>
      <c r="I754" s="5" t="s">
        <v>58</v>
      </c>
      <c r="J754" s="5" t="s">
        <v>2360</v>
      </c>
      <c r="K754" s="5" t="s">
        <v>4601</v>
      </c>
      <c r="L754" s="6" t="s">
        <v>5</v>
      </c>
      <c r="M754" s="2" t="s">
        <v>4605</v>
      </c>
      <c r="N754" s="3">
        <v>44645</v>
      </c>
      <c r="O754" s="3">
        <v>44645</v>
      </c>
      <c r="P754" s="3">
        <v>46691</v>
      </c>
    </row>
    <row r="755" spans="1:16" x14ac:dyDescent="0.15">
      <c r="A755" s="2" t="s">
        <v>49</v>
      </c>
      <c r="B755" s="2" t="s">
        <v>2859</v>
      </c>
      <c r="C755" s="4" t="s">
        <v>6</v>
      </c>
      <c r="D755" s="5" t="s">
        <v>111</v>
      </c>
      <c r="E755" s="5" t="s">
        <v>2858</v>
      </c>
      <c r="F755" s="6" t="s">
        <v>5</v>
      </c>
      <c r="G755" s="2"/>
      <c r="H755" s="4"/>
      <c r="I755" s="5"/>
      <c r="J755" s="5"/>
      <c r="K755" s="5"/>
      <c r="L755" s="6"/>
      <c r="M755" s="2" t="s">
        <v>2860</v>
      </c>
      <c r="N755" s="3">
        <v>37079</v>
      </c>
      <c r="O755" s="3">
        <v>44501</v>
      </c>
      <c r="P755" s="3">
        <v>46326</v>
      </c>
    </row>
    <row r="756" spans="1:16" x14ac:dyDescent="0.15">
      <c r="A756" s="2" t="s">
        <v>49</v>
      </c>
      <c r="B756" s="2" t="s">
        <v>4617</v>
      </c>
      <c r="C756" s="4" t="s">
        <v>6</v>
      </c>
      <c r="D756" s="5" t="s">
        <v>4618</v>
      </c>
      <c r="E756" s="5" t="s">
        <v>5</v>
      </c>
      <c r="F756" s="6" t="s">
        <v>5</v>
      </c>
      <c r="G756" s="2" t="s">
        <v>4617</v>
      </c>
      <c r="H756" s="4" t="s">
        <v>9</v>
      </c>
      <c r="I756" s="5" t="s">
        <v>6</v>
      </c>
      <c r="J756" s="5" t="s">
        <v>4618</v>
      </c>
      <c r="K756" s="5" t="s">
        <v>5</v>
      </c>
      <c r="L756" s="6" t="s">
        <v>5</v>
      </c>
      <c r="M756" s="2" t="s">
        <v>4619</v>
      </c>
      <c r="N756" s="3">
        <v>38926</v>
      </c>
      <c r="O756" s="3">
        <v>44682</v>
      </c>
      <c r="P756" s="3">
        <v>46507</v>
      </c>
    </row>
    <row r="757" spans="1:16" x14ac:dyDescent="0.15">
      <c r="A757" s="2" t="s">
        <v>49</v>
      </c>
      <c r="B757" s="2" t="s">
        <v>4622</v>
      </c>
      <c r="C757" s="4" t="s">
        <v>6</v>
      </c>
      <c r="D757" s="5" t="s">
        <v>755</v>
      </c>
      <c r="E757" s="5" t="s">
        <v>4623</v>
      </c>
      <c r="F757" s="6" t="s">
        <v>4624</v>
      </c>
      <c r="G757" s="2" t="s">
        <v>4620</v>
      </c>
      <c r="H757" s="4" t="s">
        <v>9</v>
      </c>
      <c r="I757" s="5" t="s">
        <v>6</v>
      </c>
      <c r="J757" s="5" t="s">
        <v>2978</v>
      </c>
      <c r="K757" s="5" t="s">
        <v>4621</v>
      </c>
      <c r="L757" s="6" t="s">
        <v>5</v>
      </c>
      <c r="M757" s="2" t="s">
        <v>4625</v>
      </c>
      <c r="N757" s="3">
        <v>37239</v>
      </c>
      <c r="O757" s="3">
        <v>44652</v>
      </c>
      <c r="P757" s="3">
        <v>46477</v>
      </c>
    </row>
    <row r="758" spans="1:16" x14ac:dyDescent="0.15">
      <c r="A758" s="2" t="s">
        <v>49</v>
      </c>
      <c r="B758" s="2" t="s">
        <v>2874</v>
      </c>
      <c r="C758" s="4" t="s">
        <v>6</v>
      </c>
      <c r="D758" s="5" t="s">
        <v>1505</v>
      </c>
      <c r="E758" s="5" t="s">
        <v>2873</v>
      </c>
      <c r="F758" s="6" t="s">
        <v>5</v>
      </c>
      <c r="G758" s="2"/>
      <c r="H758" s="4"/>
      <c r="I758" s="5"/>
      <c r="J758" s="5"/>
      <c r="K758" s="5"/>
      <c r="L758" s="6"/>
      <c r="M758" s="2" t="s">
        <v>2875</v>
      </c>
      <c r="N758" s="3">
        <v>44481</v>
      </c>
      <c r="O758" s="3">
        <v>44481</v>
      </c>
      <c r="P758" s="3">
        <v>46873</v>
      </c>
    </row>
    <row r="759" spans="1:16" x14ac:dyDescent="0.15">
      <c r="A759" s="2" t="s">
        <v>49</v>
      </c>
      <c r="B759" s="2" t="s">
        <v>2877</v>
      </c>
      <c r="C759" s="4" t="s">
        <v>6</v>
      </c>
      <c r="D759" s="5" t="s">
        <v>608</v>
      </c>
      <c r="E759" s="5" t="s">
        <v>2262</v>
      </c>
      <c r="F759" s="6" t="s">
        <v>2878</v>
      </c>
      <c r="G759" s="2"/>
      <c r="H759" s="4"/>
      <c r="I759" s="5"/>
      <c r="J759" s="5"/>
      <c r="K759" s="5"/>
      <c r="L759" s="6"/>
      <c r="M759" s="2" t="s">
        <v>2879</v>
      </c>
      <c r="N759" s="3">
        <v>38729</v>
      </c>
      <c r="O759" s="3">
        <v>44531</v>
      </c>
      <c r="P759" s="3">
        <v>46356</v>
      </c>
    </row>
    <row r="760" spans="1:16" x14ac:dyDescent="0.15">
      <c r="A760" s="2" t="s">
        <v>49</v>
      </c>
      <c r="B760" s="2" t="s">
        <v>2881</v>
      </c>
      <c r="C760" s="4" t="s">
        <v>6</v>
      </c>
      <c r="D760" s="5" t="s">
        <v>1027</v>
      </c>
      <c r="E760" s="5" t="s">
        <v>2882</v>
      </c>
      <c r="F760" s="6" t="s">
        <v>2883</v>
      </c>
      <c r="G760" s="2"/>
      <c r="H760" s="4"/>
      <c r="I760" s="5"/>
      <c r="J760" s="5"/>
      <c r="K760" s="5"/>
      <c r="L760" s="6"/>
      <c r="M760" s="2" t="s">
        <v>2884</v>
      </c>
      <c r="N760" s="3">
        <v>42102</v>
      </c>
      <c r="O760" s="3">
        <v>44531</v>
      </c>
      <c r="P760" s="3">
        <v>46721</v>
      </c>
    </row>
    <row r="761" spans="1:16" x14ac:dyDescent="0.15">
      <c r="A761" s="2" t="s">
        <v>486</v>
      </c>
      <c r="B761" s="2" t="s">
        <v>2886</v>
      </c>
      <c r="C761" s="4" t="s">
        <v>6</v>
      </c>
      <c r="D761" s="5" t="s">
        <v>456</v>
      </c>
      <c r="E761" s="5" t="s">
        <v>2885</v>
      </c>
      <c r="F761" s="6" t="s">
        <v>5</v>
      </c>
      <c r="G761" s="2"/>
      <c r="H761" s="4"/>
      <c r="I761" s="5"/>
      <c r="J761" s="5"/>
      <c r="K761" s="5"/>
      <c r="L761" s="6"/>
      <c r="M761" s="2" t="s">
        <v>2887</v>
      </c>
      <c r="N761" s="3">
        <v>44481</v>
      </c>
      <c r="O761" s="3">
        <v>44481</v>
      </c>
      <c r="P761" s="3">
        <v>46477</v>
      </c>
    </row>
    <row r="762" spans="1:16" x14ac:dyDescent="0.15">
      <c r="A762" s="2" t="s">
        <v>49</v>
      </c>
      <c r="B762" s="2" t="s">
        <v>4632</v>
      </c>
      <c r="C762" s="4" t="s">
        <v>6</v>
      </c>
      <c r="D762" s="5" t="s">
        <v>4403</v>
      </c>
      <c r="E762" s="5" t="s">
        <v>4633</v>
      </c>
      <c r="F762" s="6" t="s">
        <v>4634</v>
      </c>
      <c r="G762" s="2" t="s">
        <v>4630</v>
      </c>
      <c r="H762" s="4" t="s">
        <v>29</v>
      </c>
      <c r="I762" s="5" t="s">
        <v>504</v>
      </c>
      <c r="J762" s="5" t="s">
        <v>4631</v>
      </c>
      <c r="K762" s="5" t="s">
        <v>5</v>
      </c>
      <c r="L762" s="6" t="s">
        <v>5</v>
      </c>
      <c r="M762" s="2" t="s">
        <v>4635</v>
      </c>
      <c r="N762" s="3">
        <v>45017</v>
      </c>
      <c r="O762" s="3">
        <v>45017</v>
      </c>
      <c r="P762" s="3">
        <v>47208</v>
      </c>
    </row>
    <row r="763" spans="1:16" x14ac:dyDescent="0.15">
      <c r="A763" s="2" t="s">
        <v>49</v>
      </c>
      <c r="B763" s="2" t="s">
        <v>2894</v>
      </c>
      <c r="C763" s="4" t="s">
        <v>6</v>
      </c>
      <c r="D763" s="5" t="s">
        <v>1037</v>
      </c>
      <c r="E763" s="5" t="s">
        <v>2895</v>
      </c>
      <c r="F763" s="6" t="s">
        <v>5</v>
      </c>
      <c r="G763" s="2"/>
      <c r="H763" s="4"/>
      <c r="I763" s="5"/>
      <c r="J763" s="5"/>
      <c r="K763" s="5"/>
      <c r="L763" s="6"/>
      <c r="M763" s="2" t="s">
        <v>2896</v>
      </c>
      <c r="N763" s="3">
        <v>41871</v>
      </c>
      <c r="O763" s="3">
        <v>44136</v>
      </c>
      <c r="P763" s="3">
        <v>46326</v>
      </c>
    </row>
    <row r="764" spans="1:16" x14ac:dyDescent="0.15">
      <c r="A764" s="2" t="s">
        <v>49</v>
      </c>
      <c r="B764" s="2" t="s">
        <v>4636</v>
      </c>
      <c r="C764" s="4" t="s">
        <v>6</v>
      </c>
      <c r="D764" s="5" t="s">
        <v>3828</v>
      </c>
      <c r="E764" s="5" t="s">
        <v>4637</v>
      </c>
      <c r="F764" s="6" t="s">
        <v>5</v>
      </c>
      <c r="G764" s="2" t="s">
        <v>4630</v>
      </c>
      <c r="H764" s="4" t="s">
        <v>29</v>
      </c>
      <c r="I764" s="5" t="s">
        <v>504</v>
      </c>
      <c r="J764" s="5" t="s">
        <v>4631</v>
      </c>
      <c r="K764" s="5" t="s">
        <v>5</v>
      </c>
      <c r="L764" s="6" t="s">
        <v>5</v>
      </c>
      <c r="M764" s="2" t="s">
        <v>4638</v>
      </c>
      <c r="N764" s="3">
        <v>45017</v>
      </c>
      <c r="O764" s="3">
        <v>45017</v>
      </c>
      <c r="P764" s="3">
        <v>47238</v>
      </c>
    </row>
    <row r="765" spans="1:16" x14ac:dyDescent="0.15">
      <c r="A765" s="2" t="s">
        <v>49</v>
      </c>
      <c r="B765" s="2" t="s">
        <v>4639</v>
      </c>
      <c r="C765" s="4" t="s">
        <v>6</v>
      </c>
      <c r="D765" s="5" t="s">
        <v>4640</v>
      </c>
      <c r="E765" s="5" t="s">
        <v>3101</v>
      </c>
      <c r="F765" s="6" t="s">
        <v>4641</v>
      </c>
      <c r="G765" s="2" t="s">
        <v>4630</v>
      </c>
      <c r="H765" s="4" t="s">
        <v>29</v>
      </c>
      <c r="I765" s="5" t="s">
        <v>504</v>
      </c>
      <c r="J765" s="5" t="s">
        <v>4631</v>
      </c>
      <c r="K765" s="5" t="s">
        <v>5</v>
      </c>
      <c r="L765" s="6" t="s">
        <v>5</v>
      </c>
      <c r="M765" s="2" t="s">
        <v>4642</v>
      </c>
      <c r="N765" s="3">
        <v>45017</v>
      </c>
      <c r="O765" s="3">
        <v>45017</v>
      </c>
      <c r="P765" s="3">
        <v>47208</v>
      </c>
    </row>
    <row r="766" spans="1:16" x14ac:dyDescent="0.15">
      <c r="A766" s="2" t="s">
        <v>49</v>
      </c>
      <c r="B766" s="2" t="s">
        <v>4643</v>
      </c>
      <c r="C766" s="4" t="s">
        <v>6</v>
      </c>
      <c r="D766" s="5" t="s">
        <v>1076</v>
      </c>
      <c r="E766" s="5" t="s">
        <v>1077</v>
      </c>
      <c r="F766" s="6" t="s">
        <v>1078</v>
      </c>
      <c r="G766" s="2" t="s">
        <v>4630</v>
      </c>
      <c r="H766" s="4" t="s">
        <v>29</v>
      </c>
      <c r="I766" s="5" t="s">
        <v>504</v>
      </c>
      <c r="J766" s="5" t="s">
        <v>4631</v>
      </c>
      <c r="K766" s="5" t="s">
        <v>5</v>
      </c>
      <c r="L766" s="6" t="s">
        <v>5</v>
      </c>
      <c r="M766" s="2" t="s">
        <v>4644</v>
      </c>
      <c r="N766" s="3">
        <v>45376</v>
      </c>
      <c r="O766" s="3">
        <v>45376</v>
      </c>
      <c r="P766" s="3">
        <v>47968</v>
      </c>
    </row>
    <row r="767" spans="1:16" x14ac:dyDescent="0.15">
      <c r="A767" s="2" t="s">
        <v>49</v>
      </c>
      <c r="B767" s="2" t="s">
        <v>4660</v>
      </c>
      <c r="C767" s="4" t="s">
        <v>6</v>
      </c>
      <c r="D767" s="5" t="s">
        <v>4661</v>
      </c>
      <c r="E767" s="5" t="s">
        <v>5</v>
      </c>
      <c r="F767" s="6" t="s">
        <v>4662</v>
      </c>
      <c r="G767" s="2" t="s">
        <v>4657</v>
      </c>
      <c r="H767" s="4" t="s">
        <v>29</v>
      </c>
      <c r="I767" s="5" t="s">
        <v>4658</v>
      </c>
      <c r="J767" s="5" t="s">
        <v>4659</v>
      </c>
      <c r="K767" s="5" t="s">
        <v>5</v>
      </c>
      <c r="L767" s="6" t="s">
        <v>5</v>
      </c>
      <c r="M767" s="2" t="s">
        <v>4663</v>
      </c>
      <c r="N767" s="3">
        <v>44652</v>
      </c>
      <c r="O767" s="3">
        <v>44652</v>
      </c>
      <c r="P767" s="3">
        <v>47422</v>
      </c>
    </row>
    <row r="768" spans="1:16" x14ac:dyDescent="0.15">
      <c r="A768" s="2" t="s">
        <v>49</v>
      </c>
      <c r="B768" s="2" t="s">
        <v>4672</v>
      </c>
      <c r="C768" s="4" t="s">
        <v>6</v>
      </c>
      <c r="D768" s="5" t="s">
        <v>456</v>
      </c>
      <c r="E768" s="5" t="s">
        <v>520</v>
      </c>
      <c r="F768" s="6" t="s">
        <v>5</v>
      </c>
      <c r="G768" s="2" t="s">
        <v>4669</v>
      </c>
      <c r="H768" s="4" t="s">
        <v>184</v>
      </c>
      <c r="I768" s="5" t="s">
        <v>2811</v>
      </c>
      <c r="J768" s="5" t="s">
        <v>4670</v>
      </c>
      <c r="K768" s="5" t="s">
        <v>4671</v>
      </c>
      <c r="L768" s="6" t="s">
        <v>5</v>
      </c>
      <c r="M768" s="2" t="s">
        <v>4673</v>
      </c>
      <c r="N768" s="3">
        <v>44644</v>
      </c>
      <c r="O768" s="3">
        <v>44644</v>
      </c>
      <c r="P768" s="3">
        <v>46538</v>
      </c>
    </row>
    <row r="769" spans="1:16" x14ac:dyDescent="0.15">
      <c r="A769" s="2" t="s">
        <v>49</v>
      </c>
      <c r="B769" s="2" t="s">
        <v>4710</v>
      </c>
      <c r="C769" s="4" t="s">
        <v>6</v>
      </c>
      <c r="D769" s="5" t="s">
        <v>4711</v>
      </c>
      <c r="E769" s="5" t="s">
        <v>2278</v>
      </c>
      <c r="F769" s="6" t="s">
        <v>5</v>
      </c>
      <c r="G769" s="2" t="s">
        <v>4708</v>
      </c>
      <c r="H769" s="4" t="s">
        <v>9</v>
      </c>
      <c r="I769" s="5" t="s">
        <v>6</v>
      </c>
      <c r="J769" s="5" t="s">
        <v>1581</v>
      </c>
      <c r="K769" s="5" t="s">
        <v>4709</v>
      </c>
      <c r="L769" s="6" t="s">
        <v>5</v>
      </c>
      <c r="M769" s="2" t="s">
        <v>4712</v>
      </c>
      <c r="N769" s="3">
        <v>42488</v>
      </c>
      <c r="O769" s="3">
        <v>44682</v>
      </c>
      <c r="P769" s="3">
        <v>46873</v>
      </c>
    </row>
    <row r="770" spans="1:16" x14ac:dyDescent="0.15">
      <c r="A770" s="2" t="s">
        <v>49</v>
      </c>
      <c r="B770" s="2" t="s">
        <v>4725</v>
      </c>
      <c r="C770" s="4" t="s">
        <v>6</v>
      </c>
      <c r="D770" s="5" t="s">
        <v>3288</v>
      </c>
      <c r="E770" s="5" t="s">
        <v>690</v>
      </c>
      <c r="F770" s="6" t="s">
        <v>5</v>
      </c>
      <c r="G770" s="2" t="s">
        <v>4722</v>
      </c>
      <c r="H770" s="4" t="s">
        <v>9</v>
      </c>
      <c r="I770" s="5" t="s">
        <v>6</v>
      </c>
      <c r="J770" s="5" t="s">
        <v>4723</v>
      </c>
      <c r="K770" s="5" t="s">
        <v>4724</v>
      </c>
      <c r="L770" s="6" t="s">
        <v>5</v>
      </c>
      <c r="M770" s="2" t="s">
        <v>4726</v>
      </c>
      <c r="N770" s="3">
        <v>44652</v>
      </c>
      <c r="O770" s="3">
        <v>44652</v>
      </c>
      <c r="P770" s="3">
        <v>47087</v>
      </c>
    </row>
    <row r="771" spans="1:16" x14ac:dyDescent="0.15">
      <c r="A771" s="2" t="s">
        <v>49</v>
      </c>
      <c r="B771" s="2" t="s">
        <v>4727</v>
      </c>
      <c r="C771" s="4" t="s">
        <v>6</v>
      </c>
      <c r="D771" s="5" t="s">
        <v>942</v>
      </c>
      <c r="E771" s="5" t="s">
        <v>2273</v>
      </c>
      <c r="F771" s="6" t="s">
        <v>5</v>
      </c>
      <c r="G771" s="2" t="s">
        <v>407</v>
      </c>
      <c r="H771" s="4" t="s">
        <v>9</v>
      </c>
      <c r="I771" s="5" t="s">
        <v>6</v>
      </c>
      <c r="J771" s="5" t="s">
        <v>408</v>
      </c>
      <c r="K771" s="5" t="s">
        <v>409</v>
      </c>
      <c r="L771" s="6" t="s">
        <v>5</v>
      </c>
      <c r="M771" s="2" t="s">
        <v>4728</v>
      </c>
      <c r="N771" s="3">
        <v>44652</v>
      </c>
      <c r="O771" s="3">
        <v>44652</v>
      </c>
      <c r="P771" s="3">
        <v>46507</v>
      </c>
    </row>
    <row r="772" spans="1:16" x14ac:dyDescent="0.15">
      <c r="A772" s="2" t="s">
        <v>49</v>
      </c>
      <c r="B772" s="2" t="s">
        <v>4743</v>
      </c>
      <c r="C772" s="4" t="s">
        <v>6</v>
      </c>
      <c r="D772" s="5" t="s">
        <v>79</v>
      </c>
      <c r="E772" s="5" t="s">
        <v>4744</v>
      </c>
      <c r="F772" s="6" t="s">
        <v>5</v>
      </c>
      <c r="G772" s="2" t="s">
        <v>4741</v>
      </c>
      <c r="H772" s="4" t="s">
        <v>29</v>
      </c>
      <c r="I772" s="5" t="s">
        <v>1887</v>
      </c>
      <c r="J772" s="5" t="s">
        <v>4675</v>
      </c>
      <c r="K772" s="5" t="s">
        <v>4742</v>
      </c>
      <c r="L772" s="6" t="s">
        <v>5</v>
      </c>
      <c r="M772" s="2" t="s">
        <v>4745</v>
      </c>
      <c r="N772" s="3">
        <v>44650</v>
      </c>
      <c r="O772" s="3">
        <v>44650</v>
      </c>
      <c r="P772" s="3">
        <v>47057</v>
      </c>
    </row>
    <row r="773" spans="1:16" x14ac:dyDescent="0.15">
      <c r="A773" s="2" t="s">
        <v>49</v>
      </c>
      <c r="B773" s="2" t="s">
        <v>4752</v>
      </c>
      <c r="C773" s="4" t="s">
        <v>6</v>
      </c>
      <c r="D773" s="5" t="s">
        <v>301</v>
      </c>
      <c r="E773" s="5" t="s">
        <v>4753</v>
      </c>
      <c r="F773" s="6" t="s">
        <v>5</v>
      </c>
      <c r="G773" s="2" t="s">
        <v>4750</v>
      </c>
      <c r="H773" s="4" t="s">
        <v>9</v>
      </c>
      <c r="I773" s="5" t="s">
        <v>6</v>
      </c>
      <c r="J773" s="5" t="s">
        <v>1148</v>
      </c>
      <c r="K773" s="5" t="s">
        <v>4751</v>
      </c>
      <c r="L773" s="6" t="s">
        <v>5</v>
      </c>
      <c r="M773" s="2" t="s">
        <v>4754</v>
      </c>
      <c r="N773" s="3">
        <v>38265</v>
      </c>
      <c r="O773" s="3">
        <v>44652</v>
      </c>
      <c r="P773" s="3">
        <v>46843</v>
      </c>
    </row>
    <row r="774" spans="1:16" x14ac:dyDescent="0.15">
      <c r="A774" s="2" t="s">
        <v>49</v>
      </c>
      <c r="B774" s="2" t="s">
        <v>4755</v>
      </c>
      <c r="C774" s="4" t="s">
        <v>6</v>
      </c>
      <c r="D774" s="5" t="s">
        <v>1148</v>
      </c>
      <c r="E774" s="5" t="s">
        <v>4756</v>
      </c>
      <c r="F774" s="6" t="s">
        <v>5</v>
      </c>
      <c r="G774" s="2" t="s">
        <v>4750</v>
      </c>
      <c r="H774" s="4" t="s">
        <v>9</v>
      </c>
      <c r="I774" s="5" t="s">
        <v>6</v>
      </c>
      <c r="J774" s="5" t="s">
        <v>1148</v>
      </c>
      <c r="K774" s="5" t="s">
        <v>4751</v>
      </c>
      <c r="L774" s="6" t="s">
        <v>5</v>
      </c>
      <c r="M774" s="2" t="s">
        <v>4757</v>
      </c>
      <c r="N774" s="3">
        <v>40816</v>
      </c>
      <c r="O774" s="3">
        <v>45383</v>
      </c>
      <c r="P774" s="3">
        <v>47573</v>
      </c>
    </row>
    <row r="775" spans="1:16" x14ac:dyDescent="0.15">
      <c r="A775" s="2" t="s">
        <v>49</v>
      </c>
      <c r="B775" s="2" t="s">
        <v>4764</v>
      </c>
      <c r="C775" s="4" t="s">
        <v>6</v>
      </c>
      <c r="D775" s="5" t="s">
        <v>200</v>
      </c>
      <c r="E775" s="5" t="s">
        <v>4765</v>
      </c>
      <c r="F775" s="6" t="s">
        <v>5</v>
      </c>
      <c r="G775" s="2" t="s">
        <v>4762</v>
      </c>
      <c r="H775" s="4" t="s">
        <v>9</v>
      </c>
      <c r="I775" s="5" t="s">
        <v>6</v>
      </c>
      <c r="J775" s="5" t="s">
        <v>4763</v>
      </c>
      <c r="K775" s="5" t="s">
        <v>5</v>
      </c>
      <c r="L775" s="6" t="s">
        <v>5</v>
      </c>
      <c r="M775" s="2" t="s">
        <v>4766</v>
      </c>
      <c r="N775" s="3">
        <v>42788</v>
      </c>
      <c r="O775" s="3">
        <v>45017</v>
      </c>
      <c r="P775" s="3">
        <v>47208</v>
      </c>
    </row>
    <row r="776" spans="1:16" x14ac:dyDescent="0.15">
      <c r="A776" s="2" t="s">
        <v>49</v>
      </c>
      <c r="B776" s="2" t="s">
        <v>2947</v>
      </c>
      <c r="C776" s="4" t="s">
        <v>6</v>
      </c>
      <c r="D776" s="5" t="s">
        <v>2948</v>
      </c>
      <c r="E776" s="5" t="s">
        <v>2949</v>
      </c>
      <c r="F776" s="6" t="s">
        <v>5</v>
      </c>
      <c r="G776" s="2"/>
      <c r="H776" s="4"/>
      <c r="I776" s="5"/>
      <c r="J776" s="5"/>
      <c r="K776" s="5"/>
      <c r="L776" s="6"/>
      <c r="M776" s="2" t="s">
        <v>2950</v>
      </c>
      <c r="N776" s="3">
        <v>32492</v>
      </c>
      <c r="O776" s="3">
        <v>44501</v>
      </c>
      <c r="P776" s="3">
        <v>46326</v>
      </c>
    </row>
    <row r="777" spans="1:16" x14ac:dyDescent="0.15">
      <c r="A777" s="2" t="s">
        <v>49</v>
      </c>
      <c r="B777" s="2" t="s">
        <v>4767</v>
      </c>
      <c r="C777" s="4" t="s">
        <v>6</v>
      </c>
      <c r="D777" s="5" t="s">
        <v>3544</v>
      </c>
      <c r="E777" s="5" t="s">
        <v>2880</v>
      </c>
      <c r="F777" s="6" t="s">
        <v>5</v>
      </c>
      <c r="G777" s="2" t="s">
        <v>4762</v>
      </c>
      <c r="H777" s="4" t="s">
        <v>9</v>
      </c>
      <c r="I777" s="5" t="s">
        <v>6</v>
      </c>
      <c r="J777" s="5" t="s">
        <v>4763</v>
      </c>
      <c r="K777" s="5" t="s">
        <v>5</v>
      </c>
      <c r="L777" s="6" t="s">
        <v>5</v>
      </c>
      <c r="M777" s="2" t="s">
        <v>4768</v>
      </c>
      <c r="N777" s="3">
        <v>45310</v>
      </c>
      <c r="O777" s="3">
        <v>45310</v>
      </c>
      <c r="P777" s="3">
        <v>47573</v>
      </c>
    </row>
    <row r="778" spans="1:16" x14ac:dyDescent="0.15">
      <c r="A778" s="2" t="s">
        <v>49</v>
      </c>
      <c r="B778" s="2" t="s">
        <v>2957</v>
      </c>
      <c r="C778" s="4" t="s">
        <v>6</v>
      </c>
      <c r="D778" s="5" t="s">
        <v>2956</v>
      </c>
      <c r="E778" s="5" t="s">
        <v>609</v>
      </c>
      <c r="F778" s="6" t="s">
        <v>5</v>
      </c>
      <c r="G778" s="2"/>
      <c r="H778" s="4"/>
      <c r="I778" s="5"/>
      <c r="J778" s="5"/>
      <c r="K778" s="5"/>
      <c r="L778" s="6"/>
      <c r="M778" s="2" t="s">
        <v>2958</v>
      </c>
      <c r="N778" s="3">
        <v>29460</v>
      </c>
      <c r="O778" s="3">
        <v>44531</v>
      </c>
      <c r="P778" s="3">
        <v>46721</v>
      </c>
    </row>
    <row r="779" spans="1:16" x14ac:dyDescent="0.15">
      <c r="A779" s="2" t="s">
        <v>49</v>
      </c>
      <c r="B779" s="2" t="s">
        <v>4769</v>
      </c>
      <c r="C779" s="4" t="s">
        <v>6</v>
      </c>
      <c r="D779" s="5" t="s">
        <v>290</v>
      </c>
      <c r="E779" s="5" t="s">
        <v>435</v>
      </c>
      <c r="F779" s="6" t="s">
        <v>5</v>
      </c>
      <c r="G779" s="2" t="s">
        <v>4762</v>
      </c>
      <c r="H779" s="4" t="s">
        <v>9</v>
      </c>
      <c r="I779" s="5" t="s">
        <v>6</v>
      </c>
      <c r="J779" s="5" t="s">
        <v>4763</v>
      </c>
      <c r="K779" s="5" t="s">
        <v>5</v>
      </c>
      <c r="L779" s="6" t="s">
        <v>5</v>
      </c>
      <c r="M779" s="2" t="s">
        <v>4770</v>
      </c>
      <c r="N779" s="3">
        <v>40940</v>
      </c>
      <c r="O779" s="3">
        <v>45383</v>
      </c>
      <c r="P779" s="3">
        <v>47573</v>
      </c>
    </row>
    <row r="780" spans="1:16" x14ac:dyDescent="0.15">
      <c r="A780" s="2" t="s">
        <v>49</v>
      </c>
      <c r="B780" s="2" t="s">
        <v>4786</v>
      </c>
      <c r="C780" s="4" t="s">
        <v>6</v>
      </c>
      <c r="D780" s="5" t="s">
        <v>3019</v>
      </c>
      <c r="E780" s="5" t="s">
        <v>4785</v>
      </c>
      <c r="F780" s="6" t="s">
        <v>4787</v>
      </c>
      <c r="G780" s="2" t="s">
        <v>4784</v>
      </c>
      <c r="H780" s="4" t="s">
        <v>9</v>
      </c>
      <c r="I780" s="5" t="s">
        <v>6</v>
      </c>
      <c r="J780" s="5" t="s">
        <v>3019</v>
      </c>
      <c r="K780" s="5" t="s">
        <v>4785</v>
      </c>
      <c r="L780" s="6" t="s">
        <v>5</v>
      </c>
      <c r="M780" s="2" t="s">
        <v>4788</v>
      </c>
      <c r="N780" s="3">
        <v>40203</v>
      </c>
      <c r="O780" s="3">
        <v>44682</v>
      </c>
      <c r="P780" s="3">
        <v>46873</v>
      </c>
    </row>
    <row r="781" spans="1:16" x14ac:dyDescent="0.15">
      <c r="A781" s="2" t="s">
        <v>49</v>
      </c>
      <c r="B781" s="2" t="s">
        <v>4789</v>
      </c>
      <c r="C781" s="4" t="s">
        <v>6</v>
      </c>
      <c r="D781" s="5" t="s">
        <v>583</v>
      </c>
      <c r="E781" s="5" t="s">
        <v>4790</v>
      </c>
      <c r="F781" s="6" t="s">
        <v>5</v>
      </c>
      <c r="G781" s="2" t="s">
        <v>2389</v>
      </c>
      <c r="H781" s="4" t="s">
        <v>9</v>
      </c>
      <c r="I781" s="5" t="s">
        <v>6</v>
      </c>
      <c r="J781" s="5" t="s">
        <v>1706</v>
      </c>
      <c r="K781" s="5" t="s">
        <v>2390</v>
      </c>
      <c r="L781" s="6" t="s">
        <v>5</v>
      </c>
      <c r="M781" s="2" t="s">
        <v>4791</v>
      </c>
      <c r="N781" s="3">
        <v>43252</v>
      </c>
      <c r="O781" s="3">
        <v>45474</v>
      </c>
      <c r="P781" s="3">
        <v>47664</v>
      </c>
    </row>
    <row r="782" spans="1:16" x14ac:dyDescent="0.15">
      <c r="A782" s="2" t="s">
        <v>49</v>
      </c>
      <c r="B782" s="2" t="s">
        <v>4842</v>
      </c>
      <c r="C782" s="4" t="s">
        <v>6</v>
      </c>
      <c r="D782" s="5" t="s">
        <v>4843</v>
      </c>
      <c r="E782" s="5" t="s">
        <v>4844</v>
      </c>
      <c r="F782" s="6" t="s">
        <v>5</v>
      </c>
      <c r="G782" s="2" t="s">
        <v>4840</v>
      </c>
      <c r="H782" s="4" t="s">
        <v>9</v>
      </c>
      <c r="I782" s="5" t="s">
        <v>6</v>
      </c>
      <c r="J782" s="5" t="s">
        <v>4841</v>
      </c>
      <c r="K782" s="5" t="s">
        <v>5</v>
      </c>
      <c r="L782" s="6" t="s">
        <v>5</v>
      </c>
      <c r="M782" s="2" t="s">
        <v>4845</v>
      </c>
      <c r="N782" s="3">
        <v>39546</v>
      </c>
      <c r="O782" s="3">
        <v>45444</v>
      </c>
      <c r="P782" s="3">
        <v>47634</v>
      </c>
    </row>
    <row r="783" spans="1:16" x14ac:dyDescent="0.15">
      <c r="A783" s="2" t="s">
        <v>49</v>
      </c>
      <c r="B783" s="2" t="s">
        <v>2971</v>
      </c>
      <c r="C783" s="4" t="s">
        <v>6</v>
      </c>
      <c r="D783" s="5" t="s">
        <v>1152</v>
      </c>
      <c r="E783" s="5" t="s">
        <v>2972</v>
      </c>
      <c r="F783" s="6" t="s">
        <v>5</v>
      </c>
      <c r="G783" s="2"/>
      <c r="H783" s="4"/>
      <c r="I783" s="5"/>
      <c r="J783" s="5"/>
      <c r="K783" s="5"/>
      <c r="L783" s="6"/>
      <c r="M783" s="2" t="s">
        <v>2973</v>
      </c>
      <c r="N783" s="3">
        <v>44498</v>
      </c>
      <c r="O783" s="3">
        <v>44498</v>
      </c>
      <c r="P783" s="3">
        <v>46356</v>
      </c>
    </row>
    <row r="784" spans="1:16" x14ac:dyDescent="0.15">
      <c r="A784" s="2" t="s">
        <v>49</v>
      </c>
      <c r="B784" s="2" t="s">
        <v>2974</v>
      </c>
      <c r="C784" s="4" t="s">
        <v>6</v>
      </c>
      <c r="D784" s="5" t="s">
        <v>1027</v>
      </c>
      <c r="E784" s="5" t="s">
        <v>2975</v>
      </c>
      <c r="F784" s="6" t="s">
        <v>5</v>
      </c>
      <c r="G784" s="2"/>
      <c r="H784" s="4"/>
      <c r="I784" s="5"/>
      <c r="J784" s="5"/>
      <c r="K784" s="5"/>
      <c r="L784" s="6"/>
      <c r="M784" s="2" t="s">
        <v>2976</v>
      </c>
      <c r="N784" s="3">
        <v>27852</v>
      </c>
      <c r="O784" s="3">
        <v>44531</v>
      </c>
      <c r="P784" s="3">
        <v>46721</v>
      </c>
    </row>
    <row r="785" spans="1:16" x14ac:dyDescent="0.15">
      <c r="A785" s="2" t="s">
        <v>49</v>
      </c>
      <c r="B785" s="2" t="s">
        <v>4851</v>
      </c>
      <c r="C785" s="4" t="s">
        <v>6</v>
      </c>
      <c r="D785" s="5" t="s">
        <v>253</v>
      </c>
      <c r="E785" s="5" t="s">
        <v>4852</v>
      </c>
      <c r="F785" s="6" t="s">
        <v>5</v>
      </c>
      <c r="G785" s="2" t="s">
        <v>4849</v>
      </c>
      <c r="H785" s="4" t="s">
        <v>9</v>
      </c>
      <c r="I785" s="5" t="s">
        <v>6</v>
      </c>
      <c r="J785" s="5" t="s">
        <v>253</v>
      </c>
      <c r="K785" s="5" t="s">
        <v>4850</v>
      </c>
      <c r="L785" s="6" t="s">
        <v>5</v>
      </c>
      <c r="M785" s="2" t="s">
        <v>4853</v>
      </c>
      <c r="N785" s="3">
        <v>30621</v>
      </c>
      <c r="O785" s="3">
        <v>44713</v>
      </c>
      <c r="P785" s="3">
        <v>46904</v>
      </c>
    </row>
    <row r="786" spans="1:16" x14ac:dyDescent="0.15">
      <c r="A786" s="2" t="s">
        <v>49</v>
      </c>
      <c r="B786" s="2" t="s">
        <v>4856</v>
      </c>
      <c r="C786" s="4" t="s">
        <v>6</v>
      </c>
      <c r="D786" s="5" t="s">
        <v>4855</v>
      </c>
      <c r="E786" s="5" t="s">
        <v>3720</v>
      </c>
      <c r="F786" s="6" t="s">
        <v>5</v>
      </c>
      <c r="G786" s="2" t="s">
        <v>4854</v>
      </c>
      <c r="H786" s="4" t="s">
        <v>9</v>
      </c>
      <c r="I786" s="5" t="s">
        <v>6</v>
      </c>
      <c r="J786" s="5" t="s">
        <v>4855</v>
      </c>
      <c r="K786" s="5" t="s">
        <v>3720</v>
      </c>
      <c r="L786" s="6" t="s">
        <v>5</v>
      </c>
      <c r="M786" s="2" t="s">
        <v>4857</v>
      </c>
      <c r="N786" s="3">
        <v>44662</v>
      </c>
      <c r="O786" s="3">
        <v>44662</v>
      </c>
      <c r="P786" s="3">
        <v>47026</v>
      </c>
    </row>
    <row r="787" spans="1:16" x14ac:dyDescent="0.15">
      <c r="A787" s="2" t="s">
        <v>49</v>
      </c>
      <c r="B787" s="2" t="s">
        <v>4859</v>
      </c>
      <c r="C787" s="4" t="s">
        <v>6</v>
      </c>
      <c r="D787" s="5" t="s">
        <v>4860</v>
      </c>
      <c r="E787" s="5" t="s">
        <v>4861</v>
      </c>
      <c r="F787" s="6" t="s">
        <v>5</v>
      </c>
      <c r="G787" s="2" t="s">
        <v>4854</v>
      </c>
      <c r="H787" s="4" t="s">
        <v>9</v>
      </c>
      <c r="I787" s="5" t="s">
        <v>6</v>
      </c>
      <c r="J787" s="5" t="s">
        <v>4855</v>
      </c>
      <c r="K787" s="5" t="s">
        <v>3720</v>
      </c>
      <c r="L787" s="6" t="s">
        <v>5</v>
      </c>
      <c r="M787" s="2" t="s">
        <v>4862</v>
      </c>
      <c r="N787" s="3">
        <v>45093</v>
      </c>
      <c r="O787" s="3">
        <v>45093</v>
      </c>
      <c r="P787" s="3">
        <v>47391</v>
      </c>
    </row>
    <row r="788" spans="1:16" x14ac:dyDescent="0.15">
      <c r="A788" s="2" t="s">
        <v>49</v>
      </c>
      <c r="B788" s="2" t="s">
        <v>4873</v>
      </c>
      <c r="C788" s="4" t="s">
        <v>6</v>
      </c>
      <c r="D788" s="5" t="s">
        <v>848</v>
      </c>
      <c r="E788" s="5" t="s">
        <v>1032</v>
      </c>
      <c r="F788" s="6" t="s">
        <v>5</v>
      </c>
      <c r="G788" s="2" t="s">
        <v>4871</v>
      </c>
      <c r="H788" s="4" t="s">
        <v>9</v>
      </c>
      <c r="I788" s="5" t="s">
        <v>6</v>
      </c>
      <c r="J788" s="5" t="s">
        <v>301</v>
      </c>
      <c r="K788" s="5" t="s">
        <v>4872</v>
      </c>
      <c r="L788" s="6" t="s">
        <v>5</v>
      </c>
      <c r="M788" s="2" t="s">
        <v>4874</v>
      </c>
      <c r="N788" s="3">
        <v>42863</v>
      </c>
      <c r="O788" s="3">
        <v>44713</v>
      </c>
      <c r="P788" s="3">
        <v>46538</v>
      </c>
    </row>
    <row r="789" spans="1:16" x14ac:dyDescent="0.15">
      <c r="A789" s="2" t="s">
        <v>49</v>
      </c>
      <c r="B789" s="2" t="s">
        <v>2994</v>
      </c>
      <c r="C789" s="4" t="s">
        <v>6</v>
      </c>
      <c r="D789" s="5" t="s">
        <v>79</v>
      </c>
      <c r="E789" s="5" t="s">
        <v>2995</v>
      </c>
      <c r="F789" s="6" t="s">
        <v>5</v>
      </c>
      <c r="G789" s="2"/>
      <c r="H789" s="4"/>
      <c r="I789" s="5"/>
      <c r="J789" s="5"/>
      <c r="K789" s="5"/>
      <c r="L789" s="6"/>
      <c r="M789" s="2" t="s">
        <v>2996</v>
      </c>
      <c r="N789" s="3">
        <v>35027</v>
      </c>
      <c r="O789" s="3">
        <v>44501</v>
      </c>
      <c r="P789" s="3">
        <v>46326</v>
      </c>
    </row>
    <row r="790" spans="1:16" x14ac:dyDescent="0.15">
      <c r="A790" s="2" t="s">
        <v>49</v>
      </c>
      <c r="B790" s="2" t="s">
        <v>2997</v>
      </c>
      <c r="C790" s="4" t="s">
        <v>6</v>
      </c>
      <c r="D790" s="5" t="s">
        <v>608</v>
      </c>
      <c r="E790" s="5" t="s">
        <v>2998</v>
      </c>
      <c r="F790" s="6" t="s">
        <v>2999</v>
      </c>
      <c r="G790" s="2"/>
      <c r="H790" s="4"/>
      <c r="I790" s="5"/>
      <c r="J790" s="5"/>
      <c r="K790" s="5"/>
      <c r="L790" s="6"/>
      <c r="M790" s="2" t="s">
        <v>3000</v>
      </c>
      <c r="N790" s="3">
        <v>44488</v>
      </c>
      <c r="O790" s="3">
        <v>44488</v>
      </c>
      <c r="P790" s="3">
        <v>46721</v>
      </c>
    </row>
    <row r="791" spans="1:16" x14ac:dyDescent="0.15">
      <c r="A791" s="2" t="s">
        <v>49</v>
      </c>
      <c r="B791" s="2" t="s">
        <v>3001</v>
      </c>
      <c r="C791" s="4" t="s">
        <v>6</v>
      </c>
      <c r="D791" s="5" t="s">
        <v>1027</v>
      </c>
      <c r="E791" s="5" t="s">
        <v>3002</v>
      </c>
      <c r="F791" s="6" t="s">
        <v>3003</v>
      </c>
      <c r="G791" s="2"/>
      <c r="H791" s="4"/>
      <c r="I791" s="5"/>
      <c r="J791" s="5"/>
      <c r="K791" s="5"/>
      <c r="L791" s="6"/>
      <c r="M791" s="2" t="s">
        <v>3004</v>
      </c>
      <c r="N791" s="3">
        <v>44498</v>
      </c>
      <c r="O791" s="3">
        <v>44488</v>
      </c>
      <c r="P791" s="3">
        <v>46721</v>
      </c>
    </row>
    <row r="792" spans="1:16" x14ac:dyDescent="0.15">
      <c r="A792" s="2" t="s">
        <v>49</v>
      </c>
      <c r="B792" s="2" t="s">
        <v>4875</v>
      </c>
      <c r="C792" s="4" t="s">
        <v>6</v>
      </c>
      <c r="D792" s="5" t="s">
        <v>301</v>
      </c>
      <c r="E792" s="5" t="s">
        <v>4876</v>
      </c>
      <c r="F792" s="6" t="s">
        <v>5</v>
      </c>
      <c r="G792" s="2" t="s">
        <v>4871</v>
      </c>
      <c r="H792" s="4" t="s">
        <v>9</v>
      </c>
      <c r="I792" s="5" t="s">
        <v>6</v>
      </c>
      <c r="J792" s="5" t="s">
        <v>301</v>
      </c>
      <c r="K792" s="5" t="s">
        <v>4872</v>
      </c>
      <c r="L792" s="6" t="s">
        <v>5</v>
      </c>
      <c r="M792" s="2" t="s">
        <v>4877</v>
      </c>
      <c r="N792" s="3">
        <v>42942</v>
      </c>
      <c r="O792" s="3">
        <v>45383</v>
      </c>
      <c r="P792" s="3">
        <v>47573</v>
      </c>
    </row>
    <row r="793" spans="1:16" x14ac:dyDescent="0.15">
      <c r="A793" s="2" t="s">
        <v>49</v>
      </c>
      <c r="B793" s="2" t="s">
        <v>4879</v>
      </c>
      <c r="C793" s="4" t="s">
        <v>6</v>
      </c>
      <c r="D793" s="5" t="s">
        <v>500</v>
      </c>
      <c r="E793" s="5" t="s">
        <v>4880</v>
      </c>
      <c r="F793" s="6" t="s">
        <v>4881</v>
      </c>
      <c r="G793" s="2" t="s">
        <v>4871</v>
      </c>
      <c r="H793" s="4" t="s">
        <v>9</v>
      </c>
      <c r="I793" s="5" t="s">
        <v>6</v>
      </c>
      <c r="J793" s="5" t="s">
        <v>301</v>
      </c>
      <c r="K793" s="5" t="s">
        <v>4872</v>
      </c>
      <c r="L793" s="6" t="s">
        <v>5</v>
      </c>
      <c r="M793" s="2" t="s">
        <v>4882</v>
      </c>
      <c r="N793" s="3">
        <v>40863</v>
      </c>
      <c r="O793" s="3">
        <v>45444</v>
      </c>
      <c r="P793" s="3">
        <v>47634</v>
      </c>
    </row>
    <row r="794" spans="1:16" x14ac:dyDescent="0.15">
      <c r="A794" s="2" t="s">
        <v>49</v>
      </c>
      <c r="B794" s="2" t="s">
        <v>3015</v>
      </c>
      <c r="C794" s="4" t="s">
        <v>6</v>
      </c>
      <c r="D794" s="5" t="s">
        <v>1027</v>
      </c>
      <c r="E794" s="5" t="s">
        <v>3016</v>
      </c>
      <c r="F794" s="6" t="s">
        <v>3017</v>
      </c>
      <c r="G794" s="2"/>
      <c r="H794" s="4"/>
      <c r="I794" s="5"/>
      <c r="J794" s="5"/>
      <c r="K794" s="5"/>
      <c r="L794" s="6"/>
      <c r="M794" s="2" t="s">
        <v>3018</v>
      </c>
      <c r="N794" s="3">
        <v>42562</v>
      </c>
      <c r="O794" s="3">
        <v>44531</v>
      </c>
      <c r="P794" s="3">
        <v>46356</v>
      </c>
    </row>
    <row r="795" spans="1:16" x14ac:dyDescent="0.15">
      <c r="A795" s="2" t="s">
        <v>49</v>
      </c>
      <c r="B795" s="2" t="s">
        <v>3020</v>
      </c>
      <c r="C795" s="4" t="s">
        <v>6</v>
      </c>
      <c r="D795" s="5" t="s">
        <v>1027</v>
      </c>
      <c r="E795" s="5" t="s">
        <v>3021</v>
      </c>
      <c r="F795" s="6" t="s">
        <v>3022</v>
      </c>
      <c r="G795" s="2"/>
      <c r="H795" s="4"/>
      <c r="I795" s="5"/>
      <c r="J795" s="5"/>
      <c r="K795" s="5"/>
      <c r="L795" s="6"/>
      <c r="M795" s="2" t="s">
        <v>3023</v>
      </c>
      <c r="N795" s="3">
        <v>35719</v>
      </c>
      <c r="O795" s="3">
        <v>44531</v>
      </c>
      <c r="P795" s="3">
        <v>46356</v>
      </c>
    </row>
    <row r="796" spans="1:16" x14ac:dyDescent="0.15">
      <c r="A796" s="2" t="s">
        <v>49</v>
      </c>
      <c r="B796" s="2" t="s">
        <v>3024</v>
      </c>
      <c r="C796" s="4" t="s">
        <v>6</v>
      </c>
      <c r="D796" s="5" t="s">
        <v>2328</v>
      </c>
      <c r="E796" s="5" t="s">
        <v>3025</v>
      </c>
      <c r="F796" s="6" t="s">
        <v>5</v>
      </c>
      <c r="G796" s="2"/>
      <c r="H796" s="4"/>
      <c r="I796" s="5"/>
      <c r="J796" s="5"/>
      <c r="K796" s="5"/>
      <c r="L796" s="6"/>
      <c r="M796" s="2" t="s">
        <v>3026</v>
      </c>
      <c r="N796" s="3">
        <v>39988</v>
      </c>
      <c r="O796" s="3">
        <v>44501</v>
      </c>
      <c r="P796" s="3">
        <v>46691</v>
      </c>
    </row>
    <row r="797" spans="1:16" x14ac:dyDescent="0.15">
      <c r="A797" s="2" t="s">
        <v>49</v>
      </c>
      <c r="B797" s="2" t="s">
        <v>3028</v>
      </c>
      <c r="C797" s="4" t="s">
        <v>6</v>
      </c>
      <c r="D797" s="5" t="s">
        <v>1027</v>
      </c>
      <c r="E797" s="5" t="s">
        <v>3027</v>
      </c>
      <c r="F797" s="6" t="s">
        <v>3029</v>
      </c>
      <c r="G797" s="2"/>
      <c r="H797" s="4"/>
      <c r="I797" s="5"/>
      <c r="J797" s="5"/>
      <c r="K797" s="5"/>
      <c r="L797" s="6"/>
      <c r="M797" s="2" t="s">
        <v>3030</v>
      </c>
      <c r="N797" s="3">
        <v>38687</v>
      </c>
      <c r="O797" s="3">
        <v>44531</v>
      </c>
      <c r="P797" s="3">
        <v>46356</v>
      </c>
    </row>
    <row r="798" spans="1:16" x14ac:dyDescent="0.15">
      <c r="A798" s="2" t="s">
        <v>49</v>
      </c>
      <c r="B798" s="2" t="s">
        <v>3033</v>
      </c>
      <c r="C798" s="4" t="s">
        <v>6</v>
      </c>
      <c r="D798" s="5" t="s">
        <v>3031</v>
      </c>
      <c r="E798" s="5" t="s">
        <v>3032</v>
      </c>
      <c r="F798" s="6" t="s">
        <v>5</v>
      </c>
      <c r="G798" s="2"/>
      <c r="H798" s="4"/>
      <c r="I798" s="5"/>
      <c r="J798" s="5"/>
      <c r="K798" s="5"/>
      <c r="L798" s="6"/>
      <c r="M798" s="2" t="s">
        <v>3034</v>
      </c>
      <c r="N798" s="3">
        <v>44490</v>
      </c>
      <c r="O798" s="3">
        <v>44490</v>
      </c>
      <c r="P798" s="3">
        <v>46326</v>
      </c>
    </row>
    <row r="799" spans="1:16" x14ac:dyDescent="0.15">
      <c r="A799" s="2" t="s">
        <v>49</v>
      </c>
      <c r="B799" s="2" t="s">
        <v>3036</v>
      </c>
      <c r="C799" s="4" t="s">
        <v>6</v>
      </c>
      <c r="D799" s="5" t="s">
        <v>1027</v>
      </c>
      <c r="E799" s="5" t="s">
        <v>3037</v>
      </c>
      <c r="F799" s="6" t="s">
        <v>3038</v>
      </c>
      <c r="G799" s="2"/>
      <c r="H799" s="4"/>
      <c r="I799" s="5"/>
      <c r="J799" s="5"/>
      <c r="K799" s="5"/>
      <c r="L799" s="6"/>
      <c r="M799" s="2" t="s">
        <v>3039</v>
      </c>
      <c r="N799" s="3">
        <v>35374</v>
      </c>
      <c r="O799" s="3">
        <v>44531</v>
      </c>
      <c r="P799" s="3">
        <v>46356</v>
      </c>
    </row>
    <row r="800" spans="1:16" x14ac:dyDescent="0.15">
      <c r="A800" s="2" t="s">
        <v>49</v>
      </c>
      <c r="B800" s="2" t="s">
        <v>4885</v>
      </c>
      <c r="C800" s="4" t="s">
        <v>6</v>
      </c>
      <c r="D800" s="5" t="s">
        <v>1773</v>
      </c>
      <c r="E800" s="5" t="s">
        <v>3021</v>
      </c>
      <c r="F800" s="6" t="s">
        <v>4886</v>
      </c>
      <c r="G800" s="2" t="s">
        <v>4883</v>
      </c>
      <c r="H800" s="4" t="s">
        <v>9</v>
      </c>
      <c r="I800" s="5" t="s">
        <v>6</v>
      </c>
      <c r="J800" s="5" t="s">
        <v>253</v>
      </c>
      <c r="K800" s="5" t="s">
        <v>4884</v>
      </c>
      <c r="L800" s="6" t="s">
        <v>5</v>
      </c>
      <c r="M800" s="2" t="s">
        <v>4887</v>
      </c>
      <c r="N800" s="3">
        <v>44659</v>
      </c>
      <c r="O800" s="3">
        <v>44659</v>
      </c>
      <c r="P800" s="3">
        <v>46904</v>
      </c>
    </row>
    <row r="801" spans="1:16" x14ac:dyDescent="0.15">
      <c r="A801" s="2" t="s">
        <v>49</v>
      </c>
      <c r="B801" s="2" t="s">
        <v>4888</v>
      </c>
      <c r="C801" s="4" t="s">
        <v>6</v>
      </c>
      <c r="D801" s="5" t="s">
        <v>500</v>
      </c>
      <c r="E801" s="5" t="s">
        <v>2253</v>
      </c>
      <c r="F801" s="6" t="s">
        <v>4889</v>
      </c>
      <c r="G801" s="2" t="s">
        <v>4883</v>
      </c>
      <c r="H801" s="4" t="s">
        <v>9</v>
      </c>
      <c r="I801" s="5" t="s">
        <v>6</v>
      </c>
      <c r="J801" s="5" t="s">
        <v>253</v>
      </c>
      <c r="K801" s="5" t="s">
        <v>4884</v>
      </c>
      <c r="L801" s="6" t="s">
        <v>5</v>
      </c>
      <c r="M801" s="2" t="s">
        <v>4890</v>
      </c>
      <c r="N801" s="3">
        <v>45376</v>
      </c>
      <c r="O801" s="3">
        <v>45376</v>
      </c>
      <c r="P801" s="3">
        <v>47634</v>
      </c>
    </row>
    <row r="802" spans="1:16" x14ac:dyDescent="0.15">
      <c r="A802" s="2" t="s">
        <v>49</v>
      </c>
      <c r="B802" s="2" t="s">
        <v>4896</v>
      </c>
      <c r="C802" s="4" t="s">
        <v>6</v>
      </c>
      <c r="D802" s="5" t="s">
        <v>456</v>
      </c>
      <c r="E802" s="5" t="s">
        <v>520</v>
      </c>
      <c r="F802" s="6" t="s">
        <v>5</v>
      </c>
      <c r="G802" s="2" t="s">
        <v>4891</v>
      </c>
      <c r="H802" s="4" t="s">
        <v>9</v>
      </c>
      <c r="I802" s="5" t="s">
        <v>6</v>
      </c>
      <c r="J802" s="5" t="s">
        <v>2350</v>
      </c>
      <c r="K802" s="5" t="s">
        <v>4892</v>
      </c>
      <c r="L802" s="6" t="s">
        <v>5</v>
      </c>
      <c r="M802" s="2" t="s">
        <v>4897</v>
      </c>
      <c r="N802" s="3">
        <v>45309</v>
      </c>
      <c r="O802" s="3">
        <v>45309</v>
      </c>
      <c r="P802" s="3">
        <v>47269</v>
      </c>
    </row>
    <row r="803" spans="1:16" x14ac:dyDescent="0.15">
      <c r="A803" s="2" t="s">
        <v>49</v>
      </c>
      <c r="B803" s="2" t="s">
        <v>4913</v>
      </c>
      <c r="C803" s="4" t="s">
        <v>6</v>
      </c>
      <c r="D803" s="5" t="s">
        <v>3954</v>
      </c>
      <c r="E803" s="5" t="s">
        <v>4912</v>
      </c>
      <c r="F803" s="6" t="s">
        <v>5</v>
      </c>
      <c r="G803" s="2" t="s">
        <v>4911</v>
      </c>
      <c r="H803" s="4" t="s">
        <v>9</v>
      </c>
      <c r="I803" s="5" t="s">
        <v>6</v>
      </c>
      <c r="J803" s="5" t="s">
        <v>3954</v>
      </c>
      <c r="K803" s="5" t="s">
        <v>4912</v>
      </c>
      <c r="L803" s="6" t="s">
        <v>5</v>
      </c>
      <c r="M803" s="2" t="s">
        <v>4914</v>
      </c>
      <c r="N803" s="3">
        <v>44671</v>
      </c>
      <c r="O803" s="3">
        <v>44671</v>
      </c>
      <c r="P803" s="3">
        <v>46843</v>
      </c>
    </row>
    <row r="804" spans="1:16" x14ac:dyDescent="0.15">
      <c r="A804" s="2" t="s">
        <v>49</v>
      </c>
      <c r="B804" s="2" t="s">
        <v>4916</v>
      </c>
      <c r="C804" s="4" t="s">
        <v>6</v>
      </c>
      <c r="D804" s="5" t="s">
        <v>2366</v>
      </c>
      <c r="E804" s="5" t="s">
        <v>4917</v>
      </c>
      <c r="F804" s="6" t="s">
        <v>5</v>
      </c>
      <c r="G804" s="2" t="s">
        <v>4085</v>
      </c>
      <c r="H804" s="4" t="s">
        <v>29</v>
      </c>
      <c r="I804" s="5" t="s">
        <v>30</v>
      </c>
      <c r="J804" s="5" t="s">
        <v>4915</v>
      </c>
      <c r="K804" s="5" t="s">
        <v>4087</v>
      </c>
      <c r="L804" s="6" t="s">
        <v>5</v>
      </c>
      <c r="M804" s="2" t="s">
        <v>4918</v>
      </c>
      <c r="N804" s="3">
        <v>36028</v>
      </c>
      <c r="O804" s="3">
        <v>44682</v>
      </c>
      <c r="P804" s="3">
        <v>46873</v>
      </c>
    </row>
    <row r="805" spans="1:16" x14ac:dyDescent="0.15">
      <c r="A805" s="2" t="s">
        <v>49</v>
      </c>
      <c r="B805" s="2" t="s">
        <v>4919</v>
      </c>
      <c r="C805" s="4" t="s">
        <v>6</v>
      </c>
      <c r="D805" s="5" t="s">
        <v>4920</v>
      </c>
      <c r="E805" s="5" t="s">
        <v>4921</v>
      </c>
      <c r="F805" s="6" t="s">
        <v>5</v>
      </c>
      <c r="G805" s="2" t="s">
        <v>4085</v>
      </c>
      <c r="H805" s="4" t="s">
        <v>29</v>
      </c>
      <c r="I805" s="5" t="s">
        <v>30</v>
      </c>
      <c r="J805" s="5" t="s">
        <v>4915</v>
      </c>
      <c r="K805" s="5" t="s">
        <v>4087</v>
      </c>
      <c r="L805" s="6" t="s">
        <v>5</v>
      </c>
      <c r="M805" s="2" t="s">
        <v>4922</v>
      </c>
      <c r="N805" s="3">
        <v>40634</v>
      </c>
      <c r="O805" s="3">
        <v>45383</v>
      </c>
      <c r="P805" s="3">
        <v>47573</v>
      </c>
    </row>
    <row r="806" spans="1:16" x14ac:dyDescent="0.15">
      <c r="A806" s="2" t="s">
        <v>49</v>
      </c>
      <c r="B806" s="2" t="s">
        <v>3066</v>
      </c>
      <c r="C806" s="4" t="s">
        <v>6</v>
      </c>
      <c r="D806" s="5" t="s">
        <v>1027</v>
      </c>
      <c r="E806" s="5" t="s">
        <v>2818</v>
      </c>
      <c r="F806" s="6" t="s">
        <v>3067</v>
      </c>
      <c r="G806" s="2"/>
      <c r="H806" s="4"/>
      <c r="I806" s="5"/>
      <c r="J806" s="5"/>
      <c r="K806" s="5"/>
      <c r="L806" s="6"/>
      <c r="M806" s="2" t="s">
        <v>3068</v>
      </c>
      <c r="N806" s="3">
        <v>40718</v>
      </c>
      <c r="O806" s="3">
        <v>44531</v>
      </c>
      <c r="P806" s="3">
        <v>46356</v>
      </c>
    </row>
    <row r="807" spans="1:16" x14ac:dyDescent="0.15">
      <c r="A807" s="2" t="s">
        <v>49</v>
      </c>
      <c r="B807" s="2" t="s">
        <v>3069</v>
      </c>
      <c r="C807" s="4" t="s">
        <v>6</v>
      </c>
      <c r="D807" s="5" t="s">
        <v>3070</v>
      </c>
      <c r="E807" s="5" t="s">
        <v>3071</v>
      </c>
      <c r="F807" s="6" t="s">
        <v>5</v>
      </c>
      <c r="G807" s="2"/>
      <c r="H807" s="4"/>
      <c r="I807" s="5"/>
      <c r="J807" s="5"/>
      <c r="K807" s="5"/>
      <c r="L807" s="6"/>
      <c r="M807" s="2" t="s">
        <v>3072</v>
      </c>
      <c r="N807" s="3">
        <v>34127</v>
      </c>
      <c r="O807" s="3">
        <v>44531</v>
      </c>
      <c r="P807" s="3">
        <v>46356</v>
      </c>
    </row>
    <row r="808" spans="1:16" x14ac:dyDescent="0.15">
      <c r="A808" s="2" t="s">
        <v>49</v>
      </c>
      <c r="B808" s="2" t="s">
        <v>4923</v>
      </c>
      <c r="C808" s="4" t="s">
        <v>6</v>
      </c>
      <c r="D808" s="5" t="s">
        <v>4244</v>
      </c>
      <c r="E808" s="5" t="s">
        <v>4924</v>
      </c>
      <c r="F808" s="6" t="s">
        <v>4925</v>
      </c>
      <c r="G808" s="2" t="s">
        <v>4085</v>
      </c>
      <c r="H808" s="4" t="s">
        <v>29</v>
      </c>
      <c r="I808" s="5" t="s">
        <v>30</v>
      </c>
      <c r="J808" s="5" t="s">
        <v>4915</v>
      </c>
      <c r="K808" s="5" t="s">
        <v>4087</v>
      </c>
      <c r="L808" s="6" t="s">
        <v>5</v>
      </c>
      <c r="M808" s="2" t="s">
        <v>4926</v>
      </c>
      <c r="N808" s="3">
        <v>45351</v>
      </c>
      <c r="O808" s="3">
        <v>45351</v>
      </c>
      <c r="P808" s="3">
        <v>47664</v>
      </c>
    </row>
    <row r="809" spans="1:16" x14ac:dyDescent="0.15">
      <c r="A809" s="2" t="s">
        <v>49</v>
      </c>
      <c r="B809" s="2" t="s">
        <v>3080</v>
      </c>
      <c r="C809" s="4" t="s">
        <v>6</v>
      </c>
      <c r="D809" s="5" t="s">
        <v>2956</v>
      </c>
      <c r="E809" s="5" t="s">
        <v>3081</v>
      </c>
      <c r="F809" s="6" t="s">
        <v>3082</v>
      </c>
      <c r="G809" s="2"/>
      <c r="H809" s="4"/>
      <c r="I809" s="5"/>
      <c r="J809" s="5"/>
      <c r="K809" s="5"/>
      <c r="L809" s="6"/>
      <c r="M809" s="2" t="s">
        <v>3084</v>
      </c>
      <c r="N809" s="3">
        <v>41916</v>
      </c>
      <c r="O809" s="3">
        <v>44531</v>
      </c>
      <c r="P809" s="3">
        <v>46356</v>
      </c>
    </row>
    <row r="810" spans="1:16" x14ac:dyDescent="0.15">
      <c r="A810" s="2" t="s">
        <v>49</v>
      </c>
      <c r="B810" s="2" t="s">
        <v>3085</v>
      </c>
      <c r="C810" s="4" t="s">
        <v>6</v>
      </c>
      <c r="D810" s="5" t="s">
        <v>3086</v>
      </c>
      <c r="E810" s="5" t="s">
        <v>5</v>
      </c>
      <c r="F810" s="6" t="s">
        <v>3087</v>
      </c>
      <c r="G810" s="2"/>
      <c r="H810" s="4"/>
      <c r="I810" s="5"/>
      <c r="J810" s="5"/>
      <c r="K810" s="5"/>
      <c r="L810" s="6"/>
      <c r="M810" s="2" t="s">
        <v>3088</v>
      </c>
      <c r="N810" s="3">
        <v>42375</v>
      </c>
      <c r="O810" s="3">
        <v>44531</v>
      </c>
      <c r="P810" s="3">
        <v>46356</v>
      </c>
    </row>
    <row r="811" spans="1:16" x14ac:dyDescent="0.15">
      <c r="A811" s="2" t="s">
        <v>49</v>
      </c>
      <c r="B811" s="2" t="s">
        <v>3089</v>
      </c>
      <c r="C811" s="4" t="s">
        <v>6</v>
      </c>
      <c r="D811" s="5" t="s">
        <v>2956</v>
      </c>
      <c r="E811" s="5" t="s">
        <v>3090</v>
      </c>
      <c r="F811" s="6" t="s">
        <v>3091</v>
      </c>
      <c r="G811" s="2"/>
      <c r="H811" s="4"/>
      <c r="I811" s="5"/>
      <c r="J811" s="5"/>
      <c r="K811" s="5"/>
      <c r="L811" s="6"/>
      <c r="M811" s="2" t="s">
        <v>3092</v>
      </c>
      <c r="N811" s="3">
        <v>40712</v>
      </c>
      <c r="O811" s="3">
        <v>44531</v>
      </c>
      <c r="P811" s="3">
        <v>46356</v>
      </c>
    </row>
    <row r="812" spans="1:16" x14ac:dyDescent="0.15">
      <c r="A812" s="2" t="s">
        <v>16</v>
      </c>
      <c r="B812" s="2" t="s">
        <v>3094</v>
      </c>
      <c r="C812" s="4" t="s">
        <v>6</v>
      </c>
      <c r="D812" s="5" t="s">
        <v>2188</v>
      </c>
      <c r="E812" s="5" t="s">
        <v>3093</v>
      </c>
      <c r="F812" s="6" t="s">
        <v>5</v>
      </c>
      <c r="G812" s="2"/>
      <c r="H812" s="4"/>
      <c r="I812" s="5"/>
      <c r="J812" s="5"/>
      <c r="K812" s="5"/>
      <c r="L812" s="6"/>
      <c r="M812" s="2" t="s">
        <v>3095</v>
      </c>
      <c r="N812" s="3">
        <v>42257</v>
      </c>
      <c r="O812" s="3">
        <v>45047</v>
      </c>
      <c r="P812" s="3">
        <v>47603</v>
      </c>
    </row>
    <row r="813" spans="1:16" x14ac:dyDescent="0.15">
      <c r="A813" s="2" t="s">
        <v>49</v>
      </c>
      <c r="B813" s="2" t="s">
        <v>4958</v>
      </c>
      <c r="C813" s="4" t="s">
        <v>6</v>
      </c>
      <c r="D813" s="5" t="s">
        <v>1773</v>
      </c>
      <c r="E813" s="5" t="s">
        <v>1751</v>
      </c>
      <c r="F813" s="6" t="s">
        <v>4959</v>
      </c>
      <c r="G813" s="2" t="s">
        <v>4957</v>
      </c>
      <c r="H813" s="4" t="s">
        <v>9</v>
      </c>
      <c r="I813" s="5" t="s">
        <v>6</v>
      </c>
      <c r="J813" s="5" t="s">
        <v>2833</v>
      </c>
      <c r="K813" s="5" t="s">
        <v>3391</v>
      </c>
      <c r="L813" s="6" t="s">
        <v>5</v>
      </c>
      <c r="M813" s="2" t="s">
        <v>4960</v>
      </c>
      <c r="N813" s="3">
        <v>41027</v>
      </c>
      <c r="O813" s="3">
        <v>44682</v>
      </c>
      <c r="P813" s="3">
        <v>46507</v>
      </c>
    </row>
    <row r="814" spans="1:16" x14ac:dyDescent="0.15">
      <c r="A814" s="2" t="s">
        <v>49</v>
      </c>
      <c r="B814" s="2" t="s">
        <v>4963</v>
      </c>
      <c r="C814" s="4" t="s">
        <v>6</v>
      </c>
      <c r="D814" s="5" t="s">
        <v>4962</v>
      </c>
      <c r="E814" s="5" t="s">
        <v>5</v>
      </c>
      <c r="F814" s="6" t="s">
        <v>5</v>
      </c>
      <c r="G814" s="2" t="s">
        <v>4961</v>
      </c>
      <c r="H814" s="4" t="s">
        <v>9</v>
      </c>
      <c r="I814" s="5" t="s">
        <v>6</v>
      </c>
      <c r="J814" s="5" t="s">
        <v>4962</v>
      </c>
      <c r="K814" s="5" t="s">
        <v>5</v>
      </c>
      <c r="L814" s="6" t="s">
        <v>5</v>
      </c>
      <c r="M814" s="2" t="s">
        <v>4964</v>
      </c>
      <c r="N814" s="3">
        <v>44666</v>
      </c>
      <c r="O814" s="3">
        <v>44666</v>
      </c>
      <c r="P814" s="3">
        <v>47087</v>
      </c>
    </row>
    <row r="815" spans="1:16" x14ac:dyDescent="0.15">
      <c r="A815" s="2" t="s">
        <v>49</v>
      </c>
      <c r="B815" s="2" t="s">
        <v>4972</v>
      </c>
      <c r="C815" s="4" t="s">
        <v>6</v>
      </c>
      <c r="D815" s="5" t="s">
        <v>4973</v>
      </c>
      <c r="E815" s="5" t="s">
        <v>5</v>
      </c>
      <c r="F815" s="6" t="s">
        <v>5</v>
      </c>
      <c r="G815" s="2" t="s">
        <v>4970</v>
      </c>
      <c r="H815" s="4" t="s">
        <v>9</v>
      </c>
      <c r="I815" s="5" t="s">
        <v>1302</v>
      </c>
      <c r="J815" s="5" t="s">
        <v>4971</v>
      </c>
      <c r="K815" s="5" t="s">
        <v>5</v>
      </c>
      <c r="L815" s="6" t="s">
        <v>5</v>
      </c>
      <c r="M815" s="2" t="s">
        <v>4974</v>
      </c>
      <c r="N815" s="3">
        <v>44666</v>
      </c>
      <c r="O815" s="3">
        <v>44666</v>
      </c>
      <c r="P815" s="3">
        <v>47208</v>
      </c>
    </row>
    <row r="816" spans="1:16" x14ac:dyDescent="0.15">
      <c r="A816" s="2" t="s">
        <v>49</v>
      </c>
      <c r="B816" s="2" t="s">
        <v>4985</v>
      </c>
      <c r="C816" s="4" t="s">
        <v>6</v>
      </c>
      <c r="D816" s="5" t="s">
        <v>4986</v>
      </c>
      <c r="E816" s="5" t="s">
        <v>1917</v>
      </c>
      <c r="F816" s="6" t="s">
        <v>5</v>
      </c>
      <c r="G816" s="2" t="s">
        <v>4982</v>
      </c>
      <c r="H816" s="4" t="s">
        <v>685</v>
      </c>
      <c r="I816" s="5" t="s">
        <v>686</v>
      </c>
      <c r="J816" s="5" t="s">
        <v>4983</v>
      </c>
      <c r="K816" s="5" t="s">
        <v>4984</v>
      </c>
      <c r="L816" s="6" t="s">
        <v>5</v>
      </c>
      <c r="M816" s="2" t="s">
        <v>4987</v>
      </c>
      <c r="N816" s="3">
        <v>42327</v>
      </c>
      <c r="O816" s="3">
        <v>44682</v>
      </c>
      <c r="P816" s="3">
        <v>46873</v>
      </c>
    </row>
    <row r="817" spans="1:16" x14ac:dyDescent="0.15">
      <c r="A817" s="2" t="s">
        <v>49</v>
      </c>
      <c r="B817" s="2" t="s">
        <v>4995</v>
      </c>
      <c r="C817" s="4" t="s">
        <v>6</v>
      </c>
      <c r="D817" s="5" t="s">
        <v>613</v>
      </c>
      <c r="E817" s="5" t="s">
        <v>4994</v>
      </c>
      <c r="F817" s="6" t="s">
        <v>5</v>
      </c>
      <c r="G817" s="2" t="s">
        <v>4993</v>
      </c>
      <c r="H817" s="4" t="s">
        <v>9</v>
      </c>
      <c r="I817" s="5" t="s">
        <v>6</v>
      </c>
      <c r="J817" s="5" t="s">
        <v>613</v>
      </c>
      <c r="K817" s="5" t="s">
        <v>4994</v>
      </c>
      <c r="L817" s="6" t="s">
        <v>5</v>
      </c>
      <c r="M817" s="2" t="s">
        <v>4996</v>
      </c>
      <c r="N817" s="3">
        <v>42491</v>
      </c>
      <c r="O817" s="3">
        <v>44682</v>
      </c>
      <c r="P817" s="3">
        <v>46873</v>
      </c>
    </row>
    <row r="818" spans="1:16" x14ac:dyDescent="0.15">
      <c r="A818" s="2" t="s">
        <v>49</v>
      </c>
      <c r="B818" s="2" t="s">
        <v>5002</v>
      </c>
      <c r="C818" s="4" t="s">
        <v>6</v>
      </c>
      <c r="D818" s="5" t="s">
        <v>2248</v>
      </c>
      <c r="E818" s="5" t="s">
        <v>5001</v>
      </c>
      <c r="F818" s="6" t="s">
        <v>5</v>
      </c>
      <c r="G818" s="2" t="s">
        <v>5000</v>
      </c>
      <c r="H818" s="4" t="s">
        <v>9</v>
      </c>
      <c r="I818" s="5" t="s">
        <v>6</v>
      </c>
      <c r="J818" s="5" t="s">
        <v>2248</v>
      </c>
      <c r="K818" s="5" t="s">
        <v>5001</v>
      </c>
      <c r="L818" s="6" t="s">
        <v>5</v>
      </c>
      <c r="M818" s="2" t="s">
        <v>5003</v>
      </c>
      <c r="N818" s="3">
        <v>42672</v>
      </c>
      <c r="O818" s="3">
        <v>44682</v>
      </c>
      <c r="P818" s="3">
        <v>46507</v>
      </c>
    </row>
    <row r="819" spans="1:16" x14ac:dyDescent="0.15">
      <c r="A819" s="2" t="s">
        <v>49</v>
      </c>
      <c r="B819" s="2" t="s">
        <v>3119</v>
      </c>
      <c r="C819" s="4" t="s">
        <v>6</v>
      </c>
      <c r="D819" s="5" t="s">
        <v>45</v>
      </c>
      <c r="E819" s="5" t="s">
        <v>3120</v>
      </c>
      <c r="F819" s="6" t="s">
        <v>3121</v>
      </c>
      <c r="G819" s="2"/>
      <c r="H819" s="4"/>
      <c r="I819" s="5"/>
      <c r="J819" s="5"/>
      <c r="K819" s="5"/>
      <c r="L819" s="6"/>
      <c r="M819" s="2" t="s">
        <v>3122</v>
      </c>
      <c r="N819" s="3">
        <v>44515</v>
      </c>
      <c r="O819" s="3">
        <v>44515</v>
      </c>
      <c r="P819" s="3">
        <v>46721</v>
      </c>
    </row>
    <row r="820" spans="1:16" x14ac:dyDescent="0.15">
      <c r="A820" s="2" t="s">
        <v>49</v>
      </c>
      <c r="B820" s="2" t="s">
        <v>5009</v>
      </c>
      <c r="C820" s="4" t="s">
        <v>6</v>
      </c>
      <c r="D820" s="5" t="s">
        <v>33</v>
      </c>
      <c r="E820" s="5" t="s">
        <v>5010</v>
      </c>
      <c r="F820" s="6" t="s">
        <v>5</v>
      </c>
      <c r="G820" s="2" t="s">
        <v>5007</v>
      </c>
      <c r="H820" s="4" t="s">
        <v>9</v>
      </c>
      <c r="I820" s="5" t="s">
        <v>6</v>
      </c>
      <c r="J820" s="5" t="s">
        <v>270</v>
      </c>
      <c r="K820" s="5" t="s">
        <v>5008</v>
      </c>
      <c r="L820" s="6" t="s">
        <v>5</v>
      </c>
      <c r="M820" s="2" t="s">
        <v>5011</v>
      </c>
      <c r="N820" s="3">
        <v>44679</v>
      </c>
      <c r="O820" s="3">
        <v>44679</v>
      </c>
      <c r="P820" s="3">
        <v>46873</v>
      </c>
    </row>
    <row r="821" spans="1:16" x14ac:dyDescent="0.15">
      <c r="A821" s="2" t="s">
        <v>49</v>
      </c>
      <c r="B821" s="2" t="s">
        <v>3128</v>
      </c>
      <c r="C821" s="4" t="s">
        <v>6</v>
      </c>
      <c r="D821" s="5" t="s">
        <v>1027</v>
      </c>
      <c r="E821" s="5" t="s">
        <v>3129</v>
      </c>
      <c r="F821" s="6" t="s">
        <v>3130</v>
      </c>
      <c r="G821" s="2"/>
      <c r="H821" s="4"/>
      <c r="I821" s="5"/>
      <c r="J821" s="5"/>
      <c r="K821" s="5"/>
      <c r="L821" s="6"/>
      <c r="M821" s="2" t="s">
        <v>3131</v>
      </c>
      <c r="N821" s="3">
        <v>40837</v>
      </c>
      <c r="O821" s="3">
        <v>44531</v>
      </c>
      <c r="P821" s="3">
        <v>46356</v>
      </c>
    </row>
    <row r="822" spans="1:16" x14ac:dyDescent="0.15">
      <c r="A822" s="2" t="s">
        <v>49</v>
      </c>
      <c r="B822" s="2" t="s">
        <v>3132</v>
      </c>
      <c r="C822" s="4" t="s">
        <v>6</v>
      </c>
      <c r="D822" s="5" t="s">
        <v>3133</v>
      </c>
      <c r="E822" s="5" t="s">
        <v>3134</v>
      </c>
      <c r="F822" s="6" t="s">
        <v>5</v>
      </c>
      <c r="G822" s="2"/>
      <c r="H822" s="4"/>
      <c r="I822" s="5"/>
      <c r="J822" s="5"/>
      <c r="K822" s="5"/>
      <c r="L822" s="6"/>
      <c r="M822" s="2" t="s">
        <v>3135</v>
      </c>
      <c r="N822" s="3">
        <v>42118</v>
      </c>
      <c r="O822" s="3">
        <v>44317</v>
      </c>
      <c r="P822" s="3">
        <v>46507</v>
      </c>
    </row>
    <row r="823" spans="1:16" x14ac:dyDescent="0.15">
      <c r="A823" s="2" t="s">
        <v>49</v>
      </c>
      <c r="B823" s="2" t="s">
        <v>3136</v>
      </c>
      <c r="C823" s="4" t="s">
        <v>6</v>
      </c>
      <c r="D823" s="5" t="s">
        <v>3137</v>
      </c>
      <c r="E823" s="5" t="s">
        <v>3138</v>
      </c>
      <c r="F823" s="6" t="s">
        <v>5</v>
      </c>
      <c r="G823" s="2"/>
      <c r="H823" s="4"/>
      <c r="I823" s="5"/>
      <c r="J823" s="5"/>
      <c r="K823" s="5"/>
      <c r="L823" s="6"/>
      <c r="M823" s="2" t="s">
        <v>3139</v>
      </c>
      <c r="N823" s="3">
        <v>42461</v>
      </c>
      <c r="O823" s="3">
        <v>44652</v>
      </c>
      <c r="P823" s="3">
        <v>46843</v>
      </c>
    </row>
    <row r="824" spans="1:16" x14ac:dyDescent="0.15">
      <c r="A824" s="2" t="s">
        <v>49</v>
      </c>
      <c r="B824" s="2" t="s">
        <v>5025</v>
      </c>
      <c r="C824" s="4" t="s">
        <v>6</v>
      </c>
      <c r="D824" s="5" t="s">
        <v>3647</v>
      </c>
      <c r="E824" s="5" t="s">
        <v>614</v>
      </c>
      <c r="F824" s="6" t="s">
        <v>5</v>
      </c>
      <c r="G824" s="2" t="s">
        <v>5024</v>
      </c>
      <c r="H824" s="4" t="s">
        <v>9</v>
      </c>
      <c r="I824" s="5" t="s">
        <v>6</v>
      </c>
      <c r="J824" s="5" t="s">
        <v>3647</v>
      </c>
      <c r="K824" s="5" t="s">
        <v>614</v>
      </c>
      <c r="L824" s="6" t="s">
        <v>5</v>
      </c>
      <c r="M824" s="2" t="s">
        <v>5026</v>
      </c>
      <c r="N824" s="3">
        <v>42487</v>
      </c>
      <c r="O824" s="3">
        <v>44682</v>
      </c>
      <c r="P824" s="3">
        <v>46873</v>
      </c>
    </row>
    <row r="825" spans="1:16" x14ac:dyDescent="0.15">
      <c r="A825" s="2" t="s">
        <v>49</v>
      </c>
      <c r="B825" s="2" t="s">
        <v>5038</v>
      </c>
      <c r="C825" s="4" t="s">
        <v>6</v>
      </c>
      <c r="D825" s="5" t="s">
        <v>848</v>
      </c>
      <c r="E825" s="5" t="s">
        <v>5039</v>
      </c>
      <c r="F825" s="6" t="s">
        <v>5040</v>
      </c>
      <c r="G825" s="2" t="s">
        <v>5036</v>
      </c>
      <c r="H825" s="4" t="s">
        <v>9</v>
      </c>
      <c r="I825" s="5" t="s">
        <v>6</v>
      </c>
      <c r="J825" s="5" t="s">
        <v>848</v>
      </c>
      <c r="K825" s="5" t="s">
        <v>5037</v>
      </c>
      <c r="L825" s="6" t="s">
        <v>5</v>
      </c>
      <c r="M825" s="2" t="s">
        <v>5041</v>
      </c>
      <c r="N825" s="3">
        <v>44677</v>
      </c>
      <c r="O825" s="3">
        <v>44677</v>
      </c>
      <c r="P825" s="3">
        <v>46904</v>
      </c>
    </row>
    <row r="826" spans="1:16" x14ac:dyDescent="0.15">
      <c r="A826" s="2" t="s">
        <v>49</v>
      </c>
      <c r="B826" s="2" t="s">
        <v>5082</v>
      </c>
      <c r="C826" s="4" t="s">
        <v>6</v>
      </c>
      <c r="D826" s="5" t="s">
        <v>500</v>
      </c>
      <c r="E826" s="5" t="s">
        <v>5083</v>
      </c>
      <c r="F826" s="6" t="s">
        <v>5084</v>
      </c>
      <c r="G826" s="2" t="s">
        <v>5080</v>
      </c>
      <c r="H826" s="4" t="s">
        <v>1694</v>
      </c>
      <c r="I826" s="5" t="s">
        <v>2723</v>
      </c>
      <c r="J826" s="5" t="s">
        <v>2724</v>
      </c>
      <c r="K826" s="5" t="s">
        <v>5081</v>
      </c>
      <c r="L826" s="6" t="s">
        <v>5</v>
      </c>
      <c r="M826" s="2" t="s">
        <v>5085</v>
      </c>
      <c r="N826" s="3">
        <v>43217</v>
      </c>
      <c r="O826" s="3">
        <v>45444</v>
      </c>
      <c r="P826" s="3">
        <v>47634</v>
      </c>
    </row>
    <row r="827" spans="1:16" x14ac:dyDescent="0.15">
      <c r="A827" s="2" t="s">
        <v>49</v>
      </c>
      <c r="B827" s="2" t="s">
        <v>5089</v>
      </c>
      <c r="C827" s="4" t="s">
        <v>6</v>
      </c>
      <c r="D827" s="5" t="s">
        <v>5090</v>
      </c>
      <c r="E827" s="5" t="s">
        <v>5</v>
      </c>
      <c r="F827" s="6" t="s">
        <v>5</v>
      </c>
      <c r="G827" s="2" t="s">
        <v>5086</v>
      </c>
      <c r="H827" s="4" t="s">
        <v>29</v>
      </c>
      <c r="I827" s="5" t="s">
        <v>5087</v>
      </c>
      <c r="J827" s="5" t="s">
        <v>5088</v>
      </c>
      <c r="K827" s="5" t="s">
        <v>5</v>
      </c>
      <c r="L827" s="6" t="s">
        <v>5</v>
      </c>
      <c r="M827" s="2" t="s">
        <v>5091</v>
      </c>
      <c r="N827" s="3">
        <v>42676</v>
      </c>
      <c r="O827" s="3">
        <v>44713</v>
      </c>
      <c r="P827" s="3">
        <v>46538</v>
      </c>
    </row>
    <row r="828" spans="1:16" x14ac:dyDescent="0.15">
      <c r="A828" s="2" t="s">
        <v>49</v>
      </c>
      <c r="B828" s="2" t="s">
        <v>5092</v>
      </c>
      <c r="C828" s="4" t="s">
        <v>6</v>
      </c>
      <c r="D828" s="5" t="s">
        <v>1427</v>
      </c>
      <c r="E828" s="5" t="s">
        <v>5093</v>
      </c>
      <c r="F828" s="6" t="s">
        <v>5</v>
      </c>
      <c r="G828" s="2" t="s">
        <v>4784</v>
      </c>
      <c r="H828" s="4" t="s">
        <v>9</v>
      </c>
      <c r="I828" s="5" t="s">
        <v>6</v>
      </c>
      <c r="J828" s="5" t="s">
        <v>3019</v>
      </c>
      <c r="K828" s="5" t="s">
        <v>4785</v>
      </c>
      <c r="L828" s="6" t="s">
        <v>5</v>
      </c>
      <c r="M828" s="2" t="s">
        <v>5094</v>
      </c>
      <c r="N828" s="3">
        <v>44676</v>
      </c>
      <c r="O828" s="3">
        <v>44676</v>
      </c>
      <c r="P828" s="3">
        <v>47057</v>
      </c>
    </row>
    <row r="829" spans="1:16" x14ac:dyDescent="0.15">
      <c r="A829" s="2" t="s">
        <v>49</v>
      </c>
      <c r="B829" s="2" t="s">
        <v>3162</v>
      </c>
      <c r="C829" s="4" t="s">
        <v>6</v>
      </c>
      <c r="D829" s="5" t="s">
        <v>2956</v>
      </c>
      <c r="E829" s="5" t="s">
        <v>3163</v>
      </c>
      <c r="F829" s="6" t="s">
        <v>5</v>
      </c>
      <c r="G829" s="2"/>
      <c r="H829" s="4"/>
      <c r="I829" s="5"/>
      <c r="J829" s="5"/>
      <c r="K829" s="5"/>
      <c r="L829" s="6"/>
      <c r="M829" s="2" t="s">
        <v>3164</v>
      </c>
      <c r="N829" s="3">
        <v>40030</v>
      </c>
      <c r="O829" s="3">
        <v>44531</v>
      </c>
      <c r="P829" s="3">
        <v>46721</v>
      </c>
    </row>
    <row r="830" spans="1:16" x14ac:dyDescent="0.15">
      <c r="A830" s="2" t="s">
        <v>49</v>
      </c>
      <c r="B830" s="2" t="s">
        <v>3165</v>
      </c>
      <c r="C830" s="4" t="s">
        <v>6</v>
      </c>
      <c r="D830" s="5" t="s">
        <v>456</v>
      </c>
      <c r="E830" s="5" t="s">
        <v>520</v>
      </c>
      <c r="F830" s="6" t="s">
        <v>5</v>
      </c>
      <c r="G830" s="2"/>
      <c r="H830" s="4"/>
      <c r="I830" s="5"/>
      <c r="J830" s="5"/>
      <c r="K830" s="5"/>
      <c r="L830" s="6"/>
      <c r="M830" s="2" t="s">
        <v>3166</v>
      </c>
      <c r="N830" s="3">
        <v>45185</v>
      </c>
      <c r="O830" s="3">
        <v>45185</v>
      </c>
      <c r="P830" s="3">
        <v>47269</v>
      </c>
    </row>
    <row r="831" spans="1:16" x14ac:dyDescent="0.15">
      <c r="A831" s="2" t="s">
        <v>49</v>
      </c>
      <c r="B831" s="2" t="s">
        <v>5100</v>
      </c>
      <c r="C831" s="4" t="s">
        <v>6</v>
      </c>
      <c r="D831" s="5" t="s">
        <v>500</v>
      </c>
      <c r="E831" s="5" t="s">
        <v>5101</v>
      </c>
      <c r="F831" s="6" t="s">
        <v>5102</v>
      </c>
      <c r="G831" s="2" t="s">
        <v>5095</v>
      </c>
      <c r="H831" s="4" t="s">
        <v>5096</v>
      </c>
      <c r="I831" s="5" t="s">
        <v>5097</v>
      </c>
      <c r="J831" s="5" t="s">
        <v>5098</v>
      </c>
      <c r="K831" s="5" t="s">
        <v>5099</v>
      </c>
      <c r="L831" s="6" t="s">
        <v>5</v>
      </c>
      <c r="M831" s="2" t="s">
        <v>5103</v>
      </c>
      <c r="N831" s="3">
        <v>38332</v>
      </c>
      <c r="O831" s="3">
        <v>44713</v>
      </c>
      <c r="P831" s="3">
        <v>46904</v>
      </c>
    </row>
    <row r="832" spans="1:16" x14ac:dyDescent="0.15">
      <c r="A832" s="2" t="s">
        <v>49</v>
      </c>
      <c r="B832" s="2" t="s">
        <v>3174</v>
      </c>
      <c r="C832" s="4" t="s">
        <v>6</v>
      </c>
      <c r="D832" s="5" t="s">
        <v>3175</v>
      </c>
      <c r="E832" s="5" t="s">
        <v>5</v>
      </c>
      <c r="F832" s="6" t="s">
        <v>5</v>
      </c>
      <c r="G832" s="2"/>
      <c r="H832" s="4"/>
      <c r="I832" s="5"/>
      <c r="J832" s="5"/>
      <c r="K832" s="5"/>
      <c r="L832" s="6"/>
      <c r="M832" s="2" t="s">
        <v>3176</v>
      </c>
      <c r="N832" s="3">
        <v>30994</v>
      </c>
      <c r="O832" s="3">
        <v>44531</v>
      </c>
      <c r="P832" s="3">
        <v>46356</v>
      </c>
    </row>
    <row r="833" spans="1:16" x14ac:dyDescent="0.15">
      <c r="A833" s="2" t="s">
        <v>49</v>
      </c>
      <c r="B833" s="2" t="s">
        <v>3177</v>
      </c>
      <c r="C833" s="4" t="s">
        <v>6</v>
      </c>
      <c r="D833" s="5" t="s">
        <v>1027</v>
      </c>
      <c r="E833" s="5" t="s">
        <v>3178</v>
      </c>
      <c r="F833" s="6" t="s">
        <v>3179</v>
      </c>
      <c r="G833" s="2"/>
      <c r="H833" s="4"/>
      <c r="I833" s="5"/>
      <c r="J833" s="5"/>
      <c r="K833" s="5"/>
      <c r="L833" s="6"/>
      <c r="M833" s="2" t="s">
        <v>3180</v>
      </c>
      <c r="N833" s="3">
        <v>40746</v>
      </c>
      <c r="O833" s="3">
        <v>44531</v>
      </c>
      <c r="P833" s="3">
        <v>46356</v>
      </c>
    </row>
    <row r="834" spans="1:16" x14ac:dyDescent="0.15">
      <c r="A834" s="2" t="s">
        <v>49</v>
      </c>
      <c r="B834" s="2" t="s">
        <v>5104</v>
      </c>
      <c r="C834" s="4" t="s">
        <v>6</v>
      </c>
      <c r="D834" s="5" t="s">
        <v>5105</v>
      </c>
      <c r="E834" s="5" t="s">
        <v>5</v>
      </c>
      <c r="F834" s="6" t="s">
        <v>5</v>
      </c>
      <c r="G834" s="2" t="s">
        <v>5104</v>
      </c>
      <c r="H834" s="4" t="s">
        <v>9</v>
      </c>
      <c r="I834" s="5" t="s">
        <v>6</v>
      </c>
      <c r="J834" s="5" t="s">
        <v>5105</v>
      </c>
      <c r="K834" s="5" t="s">
        <v>5</v>
      </c>
      <c r="L834" s="6" t="s">
        <v>5</v>
      </c>
      <c r="M834" s="2" t="s">
        <v>5106</v>
      </c>
      <c r="N834" s="3">
        <v>44690</v>
      </c>
      <c r="O834" s="3">
        <v>44690</v>
      </c>
      <c r="P834" s="3">
        <v>46568</v>
      </c>
    </row>
    <row r="835" spans="1:16" x14ac:dyDescent="0.15">
      <c r="A835" s="2" t="s">
        <v>49</v>
      </c>
      <c r="B835" s="2" t="s">
        <v>3185</v>
      </c>
      <c r="C835" s="4" t="s">
        <v>6</v>
      </c>
      <c r="D835" s="5" t="s">
        <v>1027</v>
      </c>
      <c r="E835" s="5" t="s">
        <v>3186</v>
      </c>
      <c r="F835" s="6" t="s">
        <v>3187</v>
      </c>
      <c r="G835" s="2"/>
      <c r="H835" s="4"/>
      <c r="I835" s="5"/>
      <c r="J835" s="5"/>
      <c r="K835" s="5"/>
      <c r="L835" s="6"/>
      <c r="M835" s="2" t="s">
        <v>3188</v>
      </c>
      <c r="N835" s="3">
        <v>44531</v>
      </c>
      <c r="O835" s="3">
        <v>44531</v>
      </c>
      <c r="P835" s="3">
        <v>46721</v>
      </c>
    </row>
    <row r="836" spans="1:16" x14ac:dyDescent="0.15">
      <c r="A836" s="2" t="s">
        <v>49</v>
      </c>
      <c r="B836" s="2" t="s">
        <v>3189</v>
      </c>
      <c r="C836" s="4" t="s">
        <v>6</v>
      </c>
      <c r="D836" s="5" t="s">
        <v>1027</v>
      </c>
      <c r="E836" s="5" t="s">
        <v>3190</v>
      </c>
      <c r="F836" s="6" t="s">
        <v>3191</v>
      </c>
      <c r="G836" s="2"/>
      <c r="H836" s="4"/>
      <c r="I836" s="5"/>
      <c r="J836" s="5"/>
      <c r="K836" s="5"/>
      <c r="L836" s="6"/>
      <c r="M836" s="2" t="s">
        <v>3192</v>
      </c>
      <c r="N836" s="3">
        <v>44505</v>
      </c>
      <c r="O836" s="3">
        <v>44505</v>
      </c>
      <c r="P836" s="3">
        <v>46356</v>
      </c>
    </row>
    <row r="837" spans="1:16" x14ac:dyDescent="0.15">
      <c r="A837" s="2" t="s">
        <v>49</v>
      </c>
      <c r="B837" s="2" t="s">
        <v>3193</v>
      </c>
      <c r="C837" s="4" t="s">
        <v>6</v>
      </c>
      <c r="D837" s="5" t="s">
        <v>1027</v>
      </c>
      <c r="E837" s="5" t="s">
        <v>3194</v>
      </c>
      <c r="F837" s="6" t="s">
        <v>3195</v>
      </c>
      <c r="G837" s="2"/>
      <c r="H837" s="4"/>
      <c r="I837" s="5"/>
      <c r="J837" s="5"/>
      <c r="K837" s="5"/>
      <c r="L837" s="6"/>
      <c r="M837" s="2" t="s">
        <v>3196</v>
      </c>
      <c r="N837" s="3">
        <v>42418</v>
      </c>
      <c r="O837" s="3">
        <v>44531</v>
      </c>
      <c r="P837" s="3">
        <v>46356</v>
      </c>
    </row>
    <row r="838" spans="1:16" x14ac:dyDescent="0.15">
      <c r="A838" s="2" t="s">
        <v>49</v>
      </c>
      <c r="B838" s="2" t="s">
        <v>5113</v>
      </c>
      <c r="C838" s="4" t="s">
        <v>6</v>
      </c>
      <c r="D838" s="5" t="s">
        <v>500</v>
      </c>
      <c r="E838" s="5" t="s">
        <v>5114</v>
      </c>
      <c r="F838" s="6" t="s">
        <v>5115</v>
      </c>
      <c r="G838" s="2" t="s">
        <v>5111</v>
      </c>
      <c r="H838" s="4" t="s">
        <v>9</v>
      </c>
      <c r="I838" s="5" t="s">
        <v>6</v>
      </c>
      <c r="J838" s="5" t="s">
        <v>5112</v>
      </c>
      <c r="K838" s="5" t="s">
        <v>5</v>
      </c>
      <c r="L838" s="6" t="s">
        <v>5</v>
      </c>
      <c r="M838" s="2" t="s">
        <v>5116</v>
      </c>
      <c r="N838" s="3">
        <v>44679</v>
      </c>
      <c r="O838" s="3">
        <v>44679</v>
      </c>
      <c r="P838" s="3">
        <v>46904</v>
      </c>
    </row>
    <row r="839" spans="1:16" x14ac:dyDescent="0.15">
      <c r="A839" s="2" t="s">
        <v>49</v>
      </c>
      <c r="B839" s="2" t="s">
        <v>3202</v>
      </c>
      <c r="C839" s="4" t="s">
        <v>6</v>
      </c>
      <c r="D839" s="5" t="s">
        <v>2548</v>
      </c>
      <c r="E839" s="5" t="s">
        <v>147</v>
      </c>
      <c r="F839" s="6" t="s">
        <v>5</v>
      </c>
      <c r="G839" s="2"/>
      <c r="H839" s="4"/>
      <c r="I839" s="5"/>
      <c r="J839" s="5"/>
      <c r="K839" s="5"/>
      <c r="L839" s="6"/>
      <c r="M839" s="2" t="s">
        <v>3203</v>
      </c>
      <c r="N839" s="3">
        <v>35740</v>
      </c>
      <c r="O839" s="3">
        <v>44531</v>
      </c>
      <c r="P839" s="3">
        <v>46356</v>
      </c>
    </row>
    <row r="840" spans="1:16" x14ac:dyDescent="0.15">
      <c r="A840" s="2" t="s">
        <v>49</v>
      </c>
      <c r="B840" s="2" t="s">
        <v>3204</v>
      </c>
      <c r="C840" s="4" t="s">
        <v>6</v>
      </c>
      <c r="D840" s="5" t="s">
        <v>1027</v>
      </c>
      <c r="E840" s="5" t="s">
        <v>3205</v>
      </c>
      <c r="F840" s="6" t="s">
        <v>3017</v>
      </c>
      <c r="G840" s="2"/>
      <c r="H840" s="4"/>
      <c r="I840" s="5"/>
      <c r="J840" s="5"/>
      <c r="K840" s="5"/>
      <c r="L840" s="6"/>
      <c r="M840" s="2" t="s">
        <v>3206</v>
      </c>
      <c r="N840" s="3">
        <v>42705</v>
      </c>
      <c r="O840" s="3">
        <v>44531</v>
      </c>
      <c r="P840" s="3">
        <v>46356</v>
      </c>
    </row>
    <row r="841" spans="1:16" x14ac:dyDescent="0.15">
      <c r="A841" s="2" t="s">
        <v>49</v>
      </c>
      <c r="B841" s="2" t="s">
        <v>3208</v>
      </c>
      <c r="C841" s="4" t="s">
        <v>6</v>
      </c>
      <c r="D841" s="5" t="s">
        <v>608</v>
      </c>
      <c r="E841" s="5" t="s">
        <v>1950</v>
      </c>
      <c r="F841" s="6" t="s">
        <v>3209</v>
      </c>
      <c r="G841" s="2"/>
      <c r="H841" s="4"/>
      <c r="I841" s="5"/>
      <c r="J841" s="5"/>
      <c r="K841" s="5"/>
      <c r="L841" s="6"/>
      <c r="M841" s="2" t="s">
        <v>3210</v>
      </c>
      <c r="N841" s="3">
        <v>42620</v>
      </c>
      <c r="O841" s="3">
        <v>44531</v>
      </c>
      <c r="P841" s="3">
        <v>46356</v>
      </c>
    </row>
    <row r="842" spans="1:16" x14ac:dyDescent="0.15">
      <c r="A842" s="2" t="s">
        <v>49</v>
      </c>
      <c r="B842" s="2" t="s">
        <v>3212</v>
      </c>
      <c r="C842" s="4" t="s">
        <v>6</v>
      </c>
      <c r="D842" s="5" t="s">
        <v>3213</v>
      </c>
      <c r="E842" s="5" t="s">
        <v>3214</v>
      </c>
      <c r="F842" s="6" t="s">
        <v>5</v>
      </c>
      <c r="G842" s="2"/>
      <c r="H842" s="4"/>
      <c r="I842" s="5"/>
      <c r="J842" s="5"/>
      <c r="K842" s="5"/>
      <c r="L842" s="6"/>
      <c r="M842" s="2" t="s">
        <v>3215</v>
      </c>
      <c r="N842" s="3">
        <v>38825</v>
      </c>
      <c r="O842" s="3">
        <v>44531</v>
      </c>
      <c r="P842" s="3">
        <v>46356</v>
      </c>
    </row>
    <row r="843" spans="1:16" x14ac:dyDescent="0.15">
      <c r="A843" s="2" t="s">
        <v>49</v>
      </c>
      <c r="B843" s="2" t="s">
        <v>5125</v>
      </c>
      <c r="C843" s="4" t="s">
        <v>6</v>
      </c>
      <c r="D843" s="5" t="s">
        <v>69</v>
      </c>
      <c r="E843" s="5" t="s">
        <v>5124</v>
      </c>
      <c r="F843" s="6" t="s">
        <v>5</v>
      </c>
      <c r="G843" s="2" t="s">
        <v>5123</v>
      </c>
      <c r="H843" s="4" t="s">
        <v>9</v>
      </c>
      <c r="I843" s="5" t="s">
        <v>6</v>
      </c>
      <c r="J843" s="5" t="s">
        <v>69</v>
      </c>
      <c r="K843" s="5" t="s">
        <v>5124</v>
      </c>
      <c r="L843" s="6" t="s">
        <v>5</v>
      </c>
      <c r="M843" s="2" t="s">
        <v>5126</v>
      </c>
      <c r="N843" s="3">
        <v>42501</v>
      </c>
      <c r="O843" s="3">
        <v>44713</v>
      </c>
      <c r="P843" s="3">
        <v>46904</v>
      </c>
    </row>
    <row r="844" spans="1:16" x14ac:dyDescent="0.15">
      <c r="A844" s="2" t="s">
        <v>49</v>
      </c>
      <c r="B844" s="2" t="s">
        <v>5134</v>
      </c>
      <c r="C844" s="4" t="s">
        <v>6</v>
      </c>
      <c r="D844" s="5" t="s">
        <v>5135</v>
      </c>
      <c r="E844" s="5" t="s">
        <v>5136</v>
      </c>
      <c r="F844" s="6" t="s">
        <v>5</v>
      </c>
      <c r="G844" s="2" t="s">
        <v>5131</v>
      </c>
      <c r="H844" s="4" t="s">
        <v>184</v>
      </c>
      <c r="I844" s="5" t="s">
        <v>2811</v>
      </c>
      <c r="J844" s="5" t="s">
        <v>5132</v>
      </c>
      <c r="K844" s="5" t="s">
        <v>5133</v>
      </c>
      <c r="L844" s="6" t="s">
        <v>5</v>
      </c>
      <c r="M844" s="2" t="s">
        <v>5137</v>
      </c>
      <c r="N844" s="3">
        <v>44695</v>
      </c>
      <c r="O844" s="3">
        <v>44695</v>
      </c>
      <c r="P844" s="3">
        <v>46691</v>
      </c>
    </row>
    <row r="845" spans="1:16" x14ac:dyDescent="0.15">
      <c r="A845" s="2" t="s">
        <v>49</v>
      </c>
      <c r="B845" s="2" t="s">
        <v>3225</v>
      </c>
      <c r="C845" s="4" t="s">
        <v>6</v>
      </c>
      <c r="D845" s="5" t="s">
        <v>123</v>
      </c>
      <c r="E845" s="5" t="s">
        <v>3226</v>
      </c>
      <c r="F845" s="6" t="s">
        <v>5</v>
      </c>
      <c r="G845" s="2"/>
      <c r="H845" s="4"/>
      <c r="I845" s="5"/>
      <c r="J845" s="5"/>
      <c r="K845" s="5"/>
      <c r="L845" s="6"/>
      <c r="M845" s="2" t="s">
        <v>3227</v>
      </c>
      <c r="N845" s="3">
        <v>41091</v>
      </c>
      <c r="O845" s="3">
        <v>43556</v>
      </c>
      <c r="P845" s="3">
        <v>45747</v>
      </c>
    </row>
    <row r="846" spans="1:16" x14ac:dyDescent="0.15">
      <c r="A846" s="2" t="s">
        <v>49</v>
      </c>
      <c r="B846" s="2" t="s">
        <v>3228</v>
      </c>
      <c r="C846" s="4" t="s">
        <v>6</v>
      </c>
      <c r="D846" s="5" t="s">
        <v>3229</v>
      </c>
      <c r="E846" s="5" t="s">
        <v>3230</v>
      </c>
      <c r="F846" s="6" t="s">
        <v>5</v>
      </c>
      <c r="G846" s="2"/>
      <c r="H846" s="4"/>
      <c r="I846" s="5"/>
      <c r="J846" s="5"/>
      <c r="K846" s="5"/>
      <c r="L846" s="6"/>
      <c r="M846" s="2" t="s">
        <v>3231</v>
      </c>
      <c r="N846" s="3">
        <v>45412</v>
      </c>
      <c r="O846" s="3">
        <v>45412</v>
      </c>
      <c r="P846" s="3">
        <v>47938</v>
      </c>
    </row>
    <row r="847" spans="1:16" x14ac:dyDescent="0.15">
      <c r="A847" s="2" t="s">
        <v>49</v>
      </c>
      <c r="B847" s="2" t="s">
        <v>3233</v>
      </c>
      <c r="C847" s="4" t="s">
        <v>6</v>
      </c>
      <c r="D847" s="5" t="s">
        <v>3234</v>
      </c>
      <c r="E847" s="5" t="s">
        <v>3235</v>
      </c>
      <c r="F847" s="6" t="s">
        <v>5</v>
      </c>
      <c r="G847" s="2"/>
      <c r="H847" s="4"/>
      <c r="I847" s="5"/>
      <c r="J847" s="5"/>
      <c r="K847" s="5"/>
      <c r="L847" s="6"/>
      <c r="M847" s="2" t="s">
        <v>3236</v>
      </c>
      <c r="N847" s="3">
        <v>43982</v>
      </c>
      <c r="O847" s="3">
        <v>43982</v>
      </c>
      <c r="P847" s="3">
        <v>46203</v>
      </c>
    </row>
    <row r="848" spans="1:16" x14ac:dyDescent="0.15">
      <c r="A848" s="2" t="s">
        <v>42</v>
      </c>
      <c r="B848" s="2" t="s">
        <v>3237</v>
      </c>
      <c r="C848" s="4" t="s">
        <v>6</v>
      </c>
      <c r="D848" s="5" t="s">
        <v>1860</v>
      </c>
      <c r="E848" s="5" t="s">
        <v>3238</v>
      </c>
      <c r="F848" s="6" t="s">
        <v>3239</v>
      </c>
      <c r="G848" s="2"/>
      <c r="H848" s="4"/>
      <c r="I848" s="5"/>
      <c r="J848" s="5"/>
      <c r="K848" s="5"/>
      <c r="L848" s="6"/>
      <c r="M848" s="2" t="s">
        <v>3240</v>
      </c>
      <c r="N848" s="3">
        <v>44499</v>
      </c>
      <c r="O848" s="3">
        <v>44499</v>
      </c>
      <c r="P848" s="3">
        <v>46843</v>
      </c>
    </row>
    <row r="849" spans="1:16" x14ac:dyDescent="0.15">
      <c r="A849" s="2" t="s">
        <v>49</v>
      </c>
      <c r="B849" s="2" t="s">
        <v>5140</v>
      </c>
      <c r="C849" s="4" t="s">
        <v>6</v>
      </c>
      <c r="D849" s="5" t="s">
        <v>284</v>
      </c>
      <c r="E849" s="5" t="s">
        <v>3230</v>
      </c>
      <c r="F849" s="6" t="s">
        <v>5</v>
      </c>
      <c r="G849" s="2" t="s">
        <v>5138</v>
      </c>
      <c r="H849" s="4" t="s">
        <v>9</v>
      </c>
      <c r="I849" s="5" t="s">
        <v>6</v>
      </c>
      <c r="J849" s="5" t="s">
        <v>3592</v>
      </c>
      <c r="K849" s="5" t="s">
        <v>5139</v>
      </c>
      <c r="L849" s="6" t="s">
        <v>5</v>
      </c>
      <c r="M849" s="2" t="s">
        <v>5141</v>
      </c>
      <c r="N849" s="3">
        <v>44687</v>
      </c>
      <c r="O849" s="3">
        <v>44687</v>
      </c>
      <c r="P849" s="3">
        <v>46843</v>
      </c>
    </row>
    <row r="850" spans="1:16" x14ac:dyDescent="0.15">
      <c r="A850" s="2" t="s">
        <v>49</v>
      </c>
      <c r="B850" s="2" t="s">
        <v>5174</v>
      </c>
      <c r="C850" s="4" t="s">
        <v>6</v>
      </c>
      <c r="D850" s="5" t="s">
        <v>5173</v>
      </c>
      <c r="E850" s="5" t="s">
        <v>5</v>
      </c>
      <c r="F850" s="6" t="s">
        <v>5</v>
      </c>
      <c r="G850" s="2" t="s">
        <v>5172</v>
      </c>
      <c r="H850" s="4" t="s">
        <v>9</v>
      </c>
      <c r="I850" s="5" t="s">
        <v>6</v>
      </c>
      <c r="J850" s="5" t="s">
        <v>5173</v>
      </c>
      <c r="K850" s="5" t="s">
        <v>5</v>
      </c>
      <c r="L850" s="6" t="s">
        <v>5</v>
      </c>
      <c r="M850" s="2" t="s">
        <v>5175</v>
      </c>
      <c r="N850" s="3">
        <v>44690</v>
      </c>
      <c r="O850" s="3">
        <v>44690</v>
      </c>
      <c r="P850" s="3">
        <v>47208</v>
      </c>
    </row>
    <row r="851" spans="1:16" x14ac:dyDescent="0.15">
      <c r="A851" s="2" t="s">
        <v>486</v>
      </c>
      <c r="B851" s="2" t="s">
        <v>3249</v>
      </c>
      <c r="C851" s="4" t="s">
        <v>6</v>
      </c>
      <c r="D851" s="5" t="s">
        <v>1010</v>
      </c>
      <c r="E851" s="5" t="s">
        <v>3248</v>
      </c>
      <c r="F851" s="6" t="s">
        <v>5</v>
      </c>
      <c r="G851" s="2"/>
      <c r="H851" s="4"/>
      <c r="I851" s="5"/>
      <c r="J851" s="5"/>
      <c r="K851" s="5"/>
      <c r="L851" s="6"/>
      <c r="M851" s="2" t="s">
        <v>3250</v>
      </c>
      <c r="N851" s="3">
        <v>44502</v>
      </c>
      <c r="O851" s="3">
        <v>44502</v>
      </c>
      <c r="P851" s="3">
        <v>46691</v>
      </c>
    </row>
    <row r="852" spans="1:16" x14ac:dyDescent="0.15">
      <c r="A852" s="2" t="s">
        <v>49</v>
      </c>
      <c r="B852" s="2" t="s">
        <v>3251</v>
      </c>
      <c r="C852" s="4" t="s">
        <v>6</v>
      </c>
      <c r="D852" s="5" t="s">
        <v>1027</v>
      </c>
      <c r="E852" s="5" t="s">
        <v>3252</v>
      </c>
      <c r="F852" s="6" t="s">
        <v>3253</v>
      </c>
      <c r="G852" s="2"/>
      <c r="H852" s="4"/>
      <c r="I852" s="5"/>
      <c r="J852" s="5"/>
      <c r="K852" s="5"/>
      <c r="L852" s="6"/>
      <c r="M852" s="2" t="s">
        <v>3254</v>
      </c>
      <c r="N852" s="3">
        <v>42403</v>
      </c>
      <c r="O852" s="3">
        <v>44531</v>
      </c>
      <c r="P852" s="3">
        <v>46356</v>
      </c>
    </row>
    <row r="853" spans="1:16" x14ac:dyDescent="0.15">
      <c r="A853" s="2" t="s">
        <v>49</v>
      </c>
      <c r="B853" s="2" t="s">
        <v>3256</v>
      </c>
      <c r="C853" s="4" t="s">
        <v>6</v>
      </c>
      <c r="D853" s="5" t="s">
        <v>2548</v>
      </c>
      <c r="E853" s="5" t="s">
        <v>3255</v>
      </c>
      <c r="F853" s="6" t="s">
        <v>5</v>
      </c>
      <c r="G853" s="2"/>
      <c r="H853" s="4"/>
      <c r="I853" s="5"/>
      <c r="J853" s="5"/>
      <c r="K853" s="5"/>
      <c r="L853" s="6"/>
      <c r="M853" s="2" t="s">
        <v>3257</v>
      </c>
      <c r="N853" s="3">
        <v>34918</v>
      </c>
      <c r="O853" s="3">
        <v>44531</v>
      </c>
      <c r="P853" s="3">
        <v>46356</v>
      </c>
    </row>
    <row r="854" spans="1:16" x14ac:dyDescent="0.15">
      <c r="A854" s="2" t="s">
        <v>49</v>
      </c>
      <c r="B854" s="2" t="s">
        <v>5176</v>
      </c>
      <c r="C854" s="4" t="s">
        <v>6</v>
      </c>
      <c r="D854" s="5" t="s">
        <v>5177</v>
      </c>
      <c r="E854" s="5" t="s">
        <v>5</v>
      </c>
      <c r="F854" s="6" t="s">
        <v>5</v>
      </c>
      <c r="G854" s="2" t="s">
        <v>5172</v>
      </c>
      <c r="H854" s="4" t="s">
        <v>9</v>
      </c>
      <c r="I854" s="5" t="s">
        <v>6</v>
      </c>
      <c r="J854" s="5" t="s">
        <v>5173</v>
      </c>
      <c r="K854" s="5" t="s">
        <v>5</v>
      </c>
      <c r="L854" s="6" t="s">
        <v>5</v>
      </c>
      <c r="M854" s="2" t="s">
        <v>5178</v>
      </c>
      <c r="N854" s="3">
        <v>44690</v>
      </c>
      <c r="O854" s="3">
        <v>44690</v>
      </c>
      <c r="P854" s="3">
        <v>46934</v>
      </c>
    </row>
    <row r="855" spans="1:16" x14ac:dyDescent="0.15">
      <c r="A855" s="2" t="s">
        <v>49</v>
      </c>
      <c r="B855" s="2" t="s">
        <v>5179</v>
      </c>
      <c r="C855" s="4" t="s">
        <v>6</v>
      </c>
      <c r="D855" s="5" t="s">
        <v>5180</v>
      </c>
      <c r="E855" s="5" t="s">
        <v>5</v>
      </c>
      <c r="F855" s="6" t="s">
        <v>5</v>
      </c>
      <c r="G855" s="2" t="s">
        <v>5172</v>
      </c>
      <c r="H855" s="4" t="s">
        <v>9</v>
      </c>
      <c r="I855" s="5" t="s">
        <v>6</v>
      </c>
      <c r="J855" s="5" t="s">
        <v>5173</v>
      </c>
      <c r="K855" s="5" t="s">
        <v>5</v>
      </c>
      <c r="L855" s="6" t="s">
        <v>5</v>
      </c>
      <c r="M855" s="2" t="s">
        <v>5181</v>
      </c>
      <c r="N855" s="3">
        <v>44690</v>
      </c>
      <c r="O855" s="3">
        <v>44690</v>
      </c>
      <c r="P855" s="3">
        <v>47208</v>
      </c>
    </row>
    <row r="856" spans="1:16" x14ac:dyDescent="0.15">
      <c r="A856" s="2" t="s">
        <v>49</v>
      </c>
      <c r="B856" s="2" t="s">
        <v>5187</v>
      </c>
      <c r="C856" s="4" t="s">
        <v>6</v>
      </c>
      <c r="D856" s="5" t="s">
        <v>5188</v>
      </c>
      <c r="E856" s="5" t="s">
        <v>5</v>
      </c>
      <c r="F856" s="6" t="s">
        <v>5</v>
      </c>
      <c r="G856" s="2" t="s">
        <v>5185</v>
      </c>
      <c r="H856" s="4" t="s">
        <v>29</v>
      </c>
      <c r="I856" s="5" t="s">
        <v>375</v>
      </c>
      <c r="J856" s="5" t="s">
        <v>5186</v>
      </c>
      <c r="K856" s="5" t="s">
        <v>5</v>
      </c>
      <c r="L856" s="6" t="s">
        <v>5</v>
      </c>
      <c r="M856" s="2" t="s">
        <v>5189</v>
      </c>
      <c r="N856" s="3">
        <v>38197</v>
      </c>
      <c r="O856" s="3">
        <v>44713</v>
      </c>
      <c r="P856" s="3">
        <v>46904</v>
      </c>
    </row>
    <row r="857" spans="1:16" x14ac:dyDescent="0.15">
      <c r="A857" s="2" t="s">
        <v>49</v>
      </c>
      <c r="B857" s="2" t="s">
        <v>3269</v>
      </c>
      <c r="C857" s="4" t="s">
        <v>6</v>
      </c>
      <c r="D857" s="5" t="s">
        <v>3270</v>
      </c>
      <c r="E857" s="5" t="s">
        <v>5</v>
      </c>
      <c r="F857" s="6" t="s">
        <v>3271</v>
      </c>
      <c r="G857" s="2"/>
      <c r="H857" s="4"/>
      <c r="I857" s="5"/>
      <c r="J857" s="5"/>
      <c r="K857" s="5"/>
      <c r="L857" s="6"/>
      <c r="M857" s="2" t="s">
        <v>3272</v>
      </c>
      <c r="N857" s="3">
        <v>42196</v>
      </c>
      <c r="O857" s="3">
        <v>44531</v>
      </c>
      <c r="P857" s="3">
        <v>46721</v>
      </c>
    </row>
    <row r="858" spans="1:16" x14ac:dyDescent="0.15">
      <c r="A858" s="2" t="s">
        <v>49</v>
      </c>
      <c r="B858" s="2" t="s">
        <v>5208</v>
      </c>
      <c r="C858" s="4" t="s">
        <v>6</v>
      </c>
      <c r="D858" s="5" t="s">
        <v>848</v>
      </c>
      <c r="E858" s="5" t="s">
        <v>1745</v>
      </c>
      <c r="F858" s="6" t="s">
        <v>5209</v>
      </c>
      <c r="G858" s="2" t="s">
        <v>5202</v>
      </c>
      <c r="H858" s="4" t="s">
        <v>9</v>
      </c>
      <c r="I858" s="5" t="s">
        <v>6</v>
      </c>
      <c r="J858" s="5" t="s">
        <v>5203</v>
      </c>
      <c r="K858" s="5" t="s">
        <v>5</v>
      </c>
      <c r="L858" s="6" t="s">
        <v>5</v>
      </c>
      <c r="M858" s="2" t="s">
        <v>5210</v>
      </c>
      <c r="N858" s="3">
        <v>43882</v>
      </c>
      <c r="O858" s="3">
        <v>43882</v>
      </c>
      <c r="P858" s="3">
        <v>46173</v>
      </c>
    </row>
    <row r="859" spans="1:16" x14ac:dyDescent="0.15">
      <c r="A859" s="2" t="s">
        <v>49</v>
      </c>
      <c r="B859" s="2" t="s">
        <v>3279</v>
      </c>
      <c r="C859" s="4" t="s">
        <v>6</v>
      </c>
      <c r="D859" s="5" t="s">
        <v>608</v>
      </c>
      <c r="E859" s="5" t="s">
        <v>3280</v>
      </c>
      <c r="F859" s="6" t="s">
        <v>3281</v>
      </c>
      <c r="G859" s="2"/>
      <c r="H859" s="4"/>
      <c r="I859" s="5"/>
      <c r="J859" s="5"/>
      <c r="K859" s="5"/>
      <c r="L859" s="6"/>
      <c r="M859" s="2" t="s">
        <v>3282</v>
      </c>
      <c r="N859" s="3">
        <v>42102</v>
      </c>
      <c r="O859" s="3">
        <v>44531</v>
      </c>
      <c r="P859" s="3">
        <v>46721</v>
      </c>
    </row>
    <row r="860" spans="1:16" x14ac:dyDescent="0.15">
      <c r="A860" s="2" t="s">
        <v>49</v>
      </c>
      <c r="B860" s="2" t="s">
        <v>5211</v>
      </c>
      <c r="C860" s="4" t="s">
        <v>6</v>
      </c>
      <c r="D860" s="5" t="s">
        <v>848</v>
      </c>
      <c r="E860" s="5" t="s">
        <v>1745</v>
      </c>
      <c r="F860" s="6" t="s">
        <v>5209</v>
      </c>
      <c r="G860" s="2" t="s">
        <v>5202</v>
      </c>
      <c r="H860" s="4" t="s">
        <v>9</v>
      </c>
      <c r="I860" s="5" t="s">
        <v>6</v>
      </c>
      <c r="J860" s="5" t="s">
        <v>5203</v>
      </c>
      <c r="K860" s="5" t="s">
        <v>5</v>
      </c>
      <c r="L860" s="6" t="s">
        <v>5</v>
      </c>
      <c r="M860" s="2" t="s">
        <v>5212</v>
      </c>
      <c r="N860" s="3">
        <v>43882</v>
      </c>
      <c r="O860" s="3">
        <v>43882</v>
      </c>
      <c r="P860" s="3">
        <v>46173</v>
      </c>
    </row>
    <row r="861" spans="1:16" x14ac:dyDescent="0.15">
      <c r="A861" s="2" t="s">
        <v>49</v>
      </c>
      <c r="B861" s="2" t="s">
        <v>5213</v>
      </c>
      <c r="C861" s="4" t="s">
        <v>6</v>
      </c>
      <c r="D861" s="5" t="s">
        <v>69</v>
      </c>
      <c r="E861" s="5" t="s">
        <v>4456</v>
      </c>
      <c r="F861" s="6" t="s">
        <v>5</v>
      </c>
      <c r="G861" s="2" t="s">
        <v>5202</v>
      </c>
      <c r="H861" s="4" t="s">
        <v>9</v>
      </c>
      <c r="I861" s="5" t="s">
        <v>6</v>
      </c>
      <c r="J861" s="5" t="s">
        <v>5203</v>
      </c>
      <c r="K861" s="5" t="s">
        <v>5</v>
      </c>
      <c r="L861" s="6" t="s">
        <v>5</v>
      </c>
      <c r="M861" s="2" t="s">
        <v>5214</v>
      </c>
      <c r="N861" s="3">
        <v>43882</v>
      </c>
      <c r="O861" s="3">
        <v>43882</v>
      </c>
      <c r="P861" s="3">
        <v>46173</v>
      </c>
    </row>
    <row r="862" spans="1:16" x14ac:dyDescent="0.15">
      <c r="A862" s="2" t="s">
        <v>49</v>
      </c>
      <c r="B862" s="2" t="s">
        <v>3289</v>
      </c>
      <c r="C862" s="4" t="s">
        <v>6</v>
      </c>
      <c r="D862" s="5" t="s">
        <v>3288</v>
      </c>
      <c r="E862" s="5" t="s">
        <v>927</v>
      </c>
      <c r="F862" s="6" t="s">
        <v>5</v>
      </c>
      <c r="G862" s="2"/>
      <c r="H862" s="4"/>
      <c r="I862" s="5"/>
      <c r="J862" s="5"/>
      <c r="K862" s="5"/>
      <c r="L862" s="6"/>
      <c r="M862" s="2" t="s">
        <v>3290</v>
      </c>
      <c r="N862" s="3">
        <v>38880</v>
      </c>
      <c r="O862" s="3">
        <v>44531</v>
      </c>
      <c r="P862" s="3">
        <v>46356</v>
      </c>
    </row>
    <row r="863" spans="1:16" x14ac:dyDescent="0.15">
      <c r="A863" s="2" t="s">
        <v>49</v>
      </c>
      <c r="B863" s="2" t="s">
        <v>5231</v>
      </c>
      <c r="C863" s="4" t="s">
        <v>6</v>
      </c>
      <c r="D863" s="5" t="s">
        <v>200</v>
      </c>
      <c r="E863" s="5" t="s">
        <v>5232</v>
      </c>
      <c r="F863" s="6" t="s">
        <v>5</v>
      </c>
      <c r="G863" s="2" t="s">
        <v>5228</v>
      </c>
      <c r="H863" s="4" t="s">
        <v>195</v>
      </c>
      <c r="I863" s="5" t="s">
        <v>715</v>
      </c>
      <c r="J863" s="5" t="s">
        <v>5229</v>
      </c>
      <c r="K863" s="5" t="s">
        <v>5230</v>
      </c>
      <c r="L863" s="6" t="s">
        <v>5</v>
      </c>
      <c r="M863" s="2" t="s">
        <v>5233</v>
      </c>
      <c r="N863" s="3">
        <v>45132</v>
      </c>
      <c r="O863" s="3">
        <v>45132</v>
      </c>
      <c r="P863" s="3">
        <v>47938</v>
      </c>
    </row>
    <row r="864" spans="1:16" x14ac:dyDescent="0.15">
      <c r="A864" s="2" t="s">
        <v>49</v>
      </c>
      <c r="B864" s="2" t="s">
        <v>3296</v>
      </c>
      <c r="C864" s="4" t="s">
        <v>6</v>
      </c>
      <c r="D864" s="5" t="s">
        <v>45</v>
      </c>
      <c r="E864" s="5" t="s">
        <v>3297</v>
      </c>
      <c r="F864" s="6" t="s">
        <v>3298</v>
      </c>
      <c r="G864" s="2"/>
      <c r="H864" s="4"/>
      <c r="I864" s="5"/>
      <c r="J864" s="5"/>
      <c r="K864" s="5"/>
      <c r="L864" s="6"/>
      <c r="M864" s="2" t="s">
        <v>3299</v>
      </c>
      <c r="N864" s="3">
        <v>40578</v>
      </c>
      <c r="O864" s="3">
        <v>44531</v>
      </c>
      <c r="P864" s="3">
        <v>46356</v>
      </c>
    </row>
    <row r="865" spans="1:16" x14ac:dyDescent="0.15">
      <c r="A865" s="2" t="s">
        <v>49</v>
      </c>
      <c r="B865" s="2" t="s">
        <v>3300</v>
      </c>
      <c r="C865" s="4" t="s">
        <v>6</v>
      </c>
      <c r="D865" s="5" t="s">
        <v>1027</v>
      </c>
      <c r="E865" s="5" t="s">
        <v>3301</v>
      </c>
      <c r="F865" s="6" t="s">
        <v>3302</v>
      </c>
      <c r="G865" s="2"/>
      <c r="H865" s="4"/>
      <c r="I865" s="5"/>
      <c r="J865" s="5"/>
      <c r="K865" s="5"/>
      <c r="L865" s="6"/>
      <c r="M865" s="2" t="s">
        <v>3303</v>
      </c>
      <c r="N865" s="3">
        <v>40575</v>
      </c>
      <c r="O865" s="3">
        <v>44531</v>
      </c>
      <c r="P865" s="3">
        <v>46356</v>
      </c>
    </row>
    <row r="866" spans="1:16" x14ac:dyDescent="0.15">
      <c r="A866" s="2" t="s">
        <v>49</v>
      </c>
      <c r="B866" s="2" t="s">
        <v>3304</v>
      </c>
      <c r="C866" s="4" t="s">
        <v>6</v>
      </c>
      <c r="D866" s="5" t="s">
        <v>1027</v>
      </c>
      <c r="E866" s="5" t="s">
        <v>3305</v>
      </c>
      <c r="F866" s="6" t="s">
        <v>3306</v>
      </c>
      <c r="G866" s="2"/>
      <c r="H866" s="4"/>
      <c r="I866" s="5"/>
      <c r="J866" s="5"/>
      <c r="K866" s="5"/>
      <c r="L866" s="6"/>
      <c r="M866" s="2" t="s">
        <v>3307</v>
      </c>
      <c r="N866" s="3">
        <v>42529</v>
      </c>
      <c r="O866" s="3">
        <v>44531</v>
      </c>
      <c r="P866" s="3">
        <v>46356</v>
      </c>
    </row>
    <row r="867" spans="1:16" x14ac:dyDescent="0.15">
      <c r="A867" s="2" t="s">
        <v>49</v>
      </c>
      <c r="B867" s="2" t="s">
        <v>5245</v>
      </c>
      <c r="C867" s="4" t="s">
        <v>6</v>
      </c>
      <c r="D867" s="5" t="s">
        <v>5246</v>
      </c>
      <c r="E867" s="5" t="s">
        <v>5247</v>
      </c>
      <c r="F867" s="6" t="s">
        <v>5248</v>
      </c>
      <c r="G867" s="2" t="s">
        <v>5243</v>
      </c>
      <c r="H867" s="4" t="s">
        <v>9</v>
      </c>
      <c r="I867" s="5" t="s">
        <v>6</v>
      </c>
      <c r="J867" s="5" t="s">
        <v>627</v>
      </c>
      <c r="K867" s="5" t="s">
        <v>5244</v>
      </c>
      <c r="L867" s="6" t="s">
        <v>5</v>
      </c>
      <c r="M867" s="2" t="s">
        <v>5249</v>
      </c>
      <c r="N867" s="3">
        <v>40084</v>
      </c>
      <c r="O867" s="3">
        <v>44743</v>
      </c>
      <c r="P867" s="3">
        <v>46934</v>
      </c>
    </row>
    <row r="868" spans="1:16" x14ac:dyDescent="0.15">
      <c r="A868" s="2" t="s">
        <v>49</v>
      </c>
      <c r="B868" s="2" t="s">
        <v>3317</v>
      </c>
      <c r="C868" s="4" t="s">
        <v>6</v>
      </c>
      <c r="D868" s="5" t="s">
        <v>3318</v>
      </c>
      <c r="E868" s="5" t="s">
        <v>5</v>
      </c>
      <c r="F868" s="6" t="s">
        <v>3319</v>
      </c>
      <c r="G868" s="2"/>
      <c r="H868" s="4"/>
      <c r="I868" s="5"/>
      <c r="J868" s="5"/>
      <c r="K868" s="5"/>
      <c r="L868" s="6"/>
      <c r="M868" s="2" t="s">
        <v>3320</v>
      </c>
      <c r="N868" s="3">
        <v>44510</v>
      </c>
      <c r="O868" s="3">
        <v>44510</v>
      </c>
      <c r="P868" s="3">
        <v>47057</v>
      </c>
    </row>
    <row r="869" spans="1:16" x14ac:dyDescent="0.15">
      <c r="A869" s="2" t="s">
        <v>49</v>
      </c>
      <c r="B869" s="2" t="s">
        <v>3321</v>
      </c>
      <c r="C869" s="4" t="s">
        <v>6</v>
      </c>
      <c r="D869" s="5" t="s">
        <v>456</v>
      </c>
      <c r="E869" s="5" t="s">
        <v>520</v>
      </c>
      <c r="F869" s="6" t="s">
        <v>5</v>
      </c>
      <c r="G869" s="2"/>
      <c r="H869" s="4"/>
      <c r="I869" s="5"/>
      <c r="J869" s="5"/>
      <c r="K869" s="5"/>
      <c r="L869" s="6"/>
      <c r="M869" s="2" t="s">
        <v>3322</v>
      </c>
      <c r="N869" s="3">
        <v>44551</v>
      </c>
      <c r="O869" s="3">
        <v>44551</v>
      </c>
      <c r="P869" s="3">
        <v>46538</v>
      </c>
    </row>
    <row r="870" spans="1:16" x14ac:dyDescent="0.15">
      <c r="A870" s="2" t="s">
        <v>49</v>
      </c>
      <c r="B870" s="2" t="s">
        <v>3323</v>
      </c>
      <c r="C870" s="4" t="s">
        <v>6</v>
      </c>
      <c r="D870" s="5" t="s">
        <v>456</v>
      </c>
      <c r="E870" s="5" t="s">
        <v>520</v>
      </c>
      <c r="F870" s="6" t="s">
        <v>5</v>
      </c>
      <c r="G870" s="2"/>
      <c r="H870" s="4"/>
      <c r="I870" s="5"/>
      <c r="J870" s="5"/>
      <c r="K870" s="5"/>
      <c r="L870" s="6"/>
      <c r="M870" s="2" t="s">
        <v>3324</v>
      </c>
      <c r="N870" s="3">
        <v>44625</v>
      </c>
      <c r="O870" s="3">
        <v>44625</v>
      </c>
      <c r="P870" s="3">
        <v>46538</v>
      </c>
    </row>
    <row r="871" spans="1:16" x14ac:dyDescent="0.15">
      <c r="A871" s="2" t="s">
        <v>49</v>
      </c>
      <c r="B871" s="2" t="s">
        <v>3325</v>
      </c>
      <c r="C871" s="4" t="s">
        <v>6</v>
      </c>
      <c r="D871" s="5" t="s">
        <v>456</v>
      </c>
      <c r="E871" s="5" t="s">
        <v>520</v>
      </c>
      <c r="F871" s="6" t="s">
        <v>5</v>
      </c>
      <c r="G871" s="2"/>
      <c r="H871" s="4"/>
      <c r="I871" s="5"/>
      <c r="J871" s="5"/>
      <c r="K871" s="5"/>
      <c r="L871" s="6"/>
      <c r="M871" s="2" t="s">
        <v>3326</v>
      </c>
      <c r="N871" s="3">
        <v>44870</v>
      </c>
      <c r="O871" s="3">
        <v>44870</v>
      </c>
      <c r="P871" s="3">
        <v>46904</v>
      </c>
    </row>
    <row r="872" spans="1:16" x14ac:dyDescent="0.15">
      <c r="A872" s="2" t="s">
        <v>49</v>
      </c>
      <c r="B872" s="2" t="s">
        <v>3327</v>
      </c>
      <c r="C872" s="4" t="s">
        <v>6</v>
      </c>
      <c r="D872" s="5" t="s">
        <v>456</v>
      </c>
      <c r="E872" s="5" t="s">
        <v>520</v>
      </c>
      <c r="F872" s="6" t="s">
        <v>5</v>
      </c>
      <c r="G872" s="2"/>
      <c r="H872" s="4"/>
      <c r="I872" s="5"/>
      <c r="J872" s="5"/>
      <c r="K872" s="5"/>
      <c r="L872" s="6"/>
      <c r="M872" s="2" t="s">
        <v>3328</v>
      </c>
      <c r="N872" s="3">
        <v>45297</v>
      </c>
      <c r="O872" s="3">
        <v>45297</v>
      </c>
      <c r="P872" s="3">
        <v>47269</v>
      </c>
    </row>
    <row r="873" spans="1:16" x14ac:dyDescent="0.15">
      <c r="A873" s="2" t="s">
        <v>49</v>
      </c>
      <c r="B873" s="2" t="s">
        <v>5256</v>
      </c>
      <c r="C873" s="4" t="s">
        <v>6</v>
      </c>
      <c r="D873" s="5" t="s">
        <v>5255</v>
      </c>
      <c r="E873" s="5" t="s">
        <v>5</v>
      </c>
      <c r="F873" s="6" t="s">
        <v>5257</v>
      </c>
      <c r="G873" s="2" t="s">
        <v>5254</v>
      </c>
      <c r="H873" s="4" t="s">
        <v>9</v>
      </c>
      <c r="I873" s="5" t="s">
        <v>6</v>
      </c>
      <c r="J873" s="5" t="s">
        <v>5255</v>
      </c>
      <c r="K873" s="5" t="s">
        <v>5</v>
      </c>
      <c r="L873" s="6" t="s">
        <v>5</v>
      </c>
      <c r="M873" s="2" t="s">
        <v>5258</v>
      </c>
      <c r="N873" s="3">
        <v>40330</v>
      </c>
      <c r="O873" s="3">
        <v>44713</v>
      </c>
      <c r="P873" s="3">
        <v>46904</v>
      </c>
    </row>
    <row r="874" spans="1:16" x14ac:dyDescent="0.15">
      <c r="A874" s="2" t="s">
        <v>49</v>
      </c>
      <c r="B874" s="2" t="s">
        <v>5263</v>
      </c>
      <c r="C874" s="4" t="s">
        <v>6</v>
      </c>
      <c r="D874" s="5" t="s">
        <v>5264</v>
      </c>
      <c r="E874" s="5" t="s">
        <v>5265</v>
      </c>
      <c r="F874" s="6" t="s">
        <v>5</v>
      </c>
      <c r="G874" s="2" t="s">
        <v>5259</v>
      </c>
      <c r="H874" s="4" t="s">
        <v>4626</v>
      </c>
      <c r="I874" s="5" t="s">
        <v>5260</v>
      </c>
      <c r="J874" s="5" t="s">
        <v>5261</v>
      </c>
      <c r="K874" s="5" t="s">
        <v>5262</v>
      </c>
      <c r="L874" s="6" t="s">
        <v>5</v>
      </c>
      <c r="M874" s="2" t="s">
        <v>5266</v>
      </c>
      <c r="N874" s="3">
        <v>44713</v>
      </c>
      <c r="O874" s="3">
        <v>44713</v>
      </c>
      <c r="P874" s="3">
        <v>47238</v>
      </c>
    </row>
    <row r="875" spans="1:16" x14ac:dyDescent="0.15">
      <c r="A875" s="2" t="s">
        <v>49</v>
      </c>
      <c r="B875" s="2" t="s">
        <v>5269</v>
      </c>
      <c r="C875" s="4" t="s">
        <v>6</v>
      </c>
      <c r="D875" s="5" t="s">
        <v>500</v>
      </c>
      <c r="E875" s="5" t="s">
        <v>5270</v>
      </c>
      <c r="F875" s="6" t="s">
        <v>5271</v>
      </c>
      <c r="G875" s="2" t="s">
        <v>5267</v>
      </c>
      <c r="H875" s="4" t="s">
        <v>9</v>
      </c>
      <c r="I875" s="5" t="s">
        <v>6</v>
      </c>
      <c r="J875" s="5" t="s">
        <v>500</v>
      </c>
      <c r="K875" s="5" t="s">
        <v>5268</v>
      </c>
      <c r="L875" s="6" t="s">
        <v>5</v>
      </c>
      <c r="M875" s="2" t="s">
        <v>5272</v>
      </c>
      <c r="N875" s="3">
        <v>38448</v>
      </c>
      <c r="O875" s="3">
        <v>44713</v>
      </c>
      <c r="P875" s="3">
        <v>46904</v>
      </c>
    </row>
    <row r="876" spans="1:16" x14ac:dyDescent="0.15">
      <c r="A876" s="2" t="s">
        <v>49</v>
      </c>
      <c r="B876" s="2" t="s">
        <v>5279</v>
      </c>
      <c r="C876" s="4" t="s">
        <v>6</v>
      </c>
      <c r="D876" s="5" t="s">
        <v>456</v>
      </c>
      <c r="E876" s="5" t="s">
        <v>520</v>
      </c>
      <c r="F876" s="6" t="s">
        <v>5</v>
      </c>
      <c r="G876" s="2" t="s">
        <v>5276</v>
      </c>
      <c r="H876" s="4" t="s">
        <v>9</v>
      </c>
      <c r="I876" s="5" t="s">
        <v>635</v>
      </c>
      <c r="J876" s="5" t="s">
        <v>5277</v>
      </c>
      <c r="K876" s="5" t="s">
        <v>5278</v>
      </c>
      <c r="L876" s="6" t="s">
        <v>5</v>
      </c>
      <c r="M876" s="2" t="s">
        <v>5280</v>
      </c>
      <c r="N876" s="3">
        <v>42882</v>
      </c>
      <c r="O876" s="3">
        <v>44713</v>
      </c>
      <c r="P876" s="3">
        <v>46538</v>
      </c>
    </row>
    <row r="877" spans="1:16" x14ac:dyDescent="0.15">
      <c r="A877" s="2" t="s">
        <v>49</v>
      </c>
      <c r="B877" s="2" t="s">
        <v>3338</v>
      </c>
      <c r="C877" s="4" t="s">
        <v>6</v>
      </c>
      <c r="D877" s="5" t="s">
        <v>134</v>
      </c>
      <c r="E877" s="5" t="s">
        <v>3339</v>
      </c>
      <c r="F877" s="6" t="s">
        <v>5</v>
      </c>
      <c r="G877" s="2"/>
      <c r="H877" s="4"/>
      <c r="I877" s="5"/>
      <c r="J877" s="5"/>
      <c r="K877" s="5"/>
      <c r="L877" s="6"/>
      <c r="M877" s="2" t="s">
        <v>3340</v>
      </c>
      <c r="N877" s="3">
        <v>44511</v>
      </c>
      <c r="O877" s="3">
        <v>44511</v>
      </c>
      <c r="P877" s="3">
        <v>47057</v>
      </c>
    </row>
    <row r="878" spans="1:16" x14ac:dyDescent="0.15">
      <c r="A878" s="2" t="s">
        <v>49</v>
      </c>
      <c r="B878" s="2" t="s">
        <v>3341</v>
      </c>
      <c r="C878" s="4" t="s">
        <v>6</v>
      </c>
      <c r="D878" s="5" t="s">
        <v>2548</v>
      </c>
      <c r="E878" s="5" t="s">
        <v>147</v>
      </c>
      <c r="F878" s="6" t="s">
        <v>3342</v>
      </c>
      <c r="G878" s="2"/>
      <c r="H878" s="4"/>
      <c r="I878" s="5"/>
      <c r="J878" s="5"/>
      <c r="K878" s="5"/>
      <c r="L878" s="6"/>
      <c r="M878" s="2" t="s">
        <v>3343</v>
      </c>
      <c r="N878" s="3">
        <v>42460</v>
      </c>
      <c r="O878" s="3">
        <v>44531</v>
      </c>
      <c r="P878" s="3">
        <v>46356</v>
      </c>
    </row>
    <row r="879" spans="1:16" x14ac:dyDescent="0.15">
      <c r="A879" s="2" t="s">
        <v>16</v>
      </c>
      <c r="B879" s="2" t="s">
        <v>3345</v>
      </c>
      <c r="C879" s="4" t="s">
        <v>6</v>
      </c>
      <c r="D879" s="5" t="s">
        <v>91</v>
      </c>
      <c r="E879" s="5" t="s">
        <v>3344</v>
      </c>
      <c r="F879" s="6" t="s">
        <v>5</v>
      </c>
      <c r="G879" s="2"/>
      <c r="H879" s="4"/>
      <c r="I879" s="5"/>
      <c r="J879" s="5"/>
      <c r="K879" s="5"/>
      <c r="L879" s="6"/>
      <c r="M879" s="2" t="s">
        <v>3346</v>
      </c>
      <c r="N879" s="3">
        <v>44511</v>
      </c>
      <c r="O879" s="3">
        <v>44511</v>
      </c>
      <c r="P879" s="3">
        <v>46477</v>
      </c>
    </row>
    <row r="880" spans="1:16" x14ac:dyDescent="0.15">
      <c r="A880" s="2" t="s">
        <v>49</v>
      </c>
      <c r="B880" s="2" t="s">
        <v>3345</v>
      </c>
      <c r="C880" s="4" t="s">
        <v>6</v>
      </c>
      <c r="D880" s="5" t="s">
        <v>91</v>
      </c>
      <c r="E880" s="5" t="s">
        <v>3344</v>
      </c>
      <c r="F880" s="6" t="s">
        <v>5</v>
      </c>
      <c r="G880" s="2"/>
      <c r="H880" s="4"/>
      <c r="I880" s="5"/>
      <c r="J880" s="5"/>
      <c r="K880" s="5"/>
      <c r="L880" s="6"/>
      <c r="M880" s="2" t="s">
        <v>3347</v>
      </c>
      <c r="N880" s="3">
        <v>42668</v>
      </c>
      <c r="O880" s="3">
        <v>44652</v>
      </c>
      <c r="P880" s="3">
        <v>46477</v>
      </c>
    </row>
    <row r="881" spans="1:16" x14ac:dyDescent="0.15">
      <c r="A881" s="2" t="s">
        <v>49</v>
      </c>
      <c r="B881" s="2" t="s">
        <v>3348</v>
      </c>
      <c r="C881" s="4" t="s">
        <v>6</v>
      </c>
      <c r="D881" s="5" t="s">
        <v>1027</v>
      </c>
      <c r="E881" s="5" t="s">
        <v>1120</v>
      </c>
      <c r="F881" s="6" t="s">
        <v>3349</v>
      </c>
      <c r="G881" s="2"/>
      <c r="H881" s="4"/>
      <c r="I881" s="5"/>
      <c r="J881" s="5"/>
      <c r="K881" s="5"/>
      <c r="L881" s="6"/>
      <c r="M881" s="2" t="s">
        <v>3350</v>
      </c>
      <c r="N881" s="3">
        <v>36453</v>
      </c>
      <c r="O881" s="3">
        <v>44531</v>
      </c>
      <c r="P881" s="3">
        <v>46721</v>
      </c>
    </row>
    <row r="882" spans="1:16" x14ac:dyDescent="0.15">
      <c r="A882" s="2" t="s">
        <v>49</v>
      </c>
      <c r="B882" s="2" t="s">
        <v>3351</v>
      </c>
      <c r="C882" s="4" t="s">
        <v>6</v>
      </c>
      <c r="D882" s="5" t="s">
        <v>1027</v>
      </c>
      <c r="E882" s="5" t="s">
        <v>3352</v>
      </c>
      <c r="F882" s="6" t="s">
        <v>1029</v>
      </c>
      <c r="G882" s="2"/>
      <c r="H882" s="4"/>
      <c r="I882" s="5"/>
      <c r="J882" s="5"/>
      <c r="K882" s="5"/>
      <c r="L882" s="6"/>
      <c r="M882" s="2" t="s">
        <v>3353</v>
      </c>
      <c r="N882" s="3">
        <v>42491</v>
      </c>
      <c r="O882" s="3">
        <v>44531</v>
      </c>
      <c r="P882" s="3">
        <v>46356</v>
      </c>
    </row>
    <row r="883" spans="1:16" x14ac:dyDescent="0.15">
      <c r="A883" s="2" t="s">
        <v>49</v>
      </c>
      <c r="B883" s="2" t="s">
        <v>3354</v>
      </c>
      <c r="C883" s="4" t="s">
        <v>6</v>
      </c>
      <c r="D883" s="5" t="s">
        <v>608</v>
      </c>
      <c r="E883" s="5" t="s">
        <v>3355</v>
      </c>
      <c r="F883" s="6" t="s">
        <v>5</v>
      </c>
      <c r="G883" s="2"/>
      <c r="H883" s="4"/>
      <c r="I883" s="5"/>
      <c r="J883" s="5"/>
      <c r="K883" s="5"/>
      <c r="L883" s="6"/>
      <c r="M883" s="2" t="s">
        <v>3356</v>
      </c>
      <c r="N883" s="3">
        <v>42201</v>
      </c>
      <c r="O883" s="3">
        <v>44531</v>
      </c>
      <c r="P883" s="3">
        <v>46721</v>
      </c>
    </row>
    <row r="884" spans="1:16" x14ac:dyDescent="0.15">
      <c r="A884" s="2" t="s">
        <v>49</v>
      </c>
      <c r="B884" s="2" t="s">
        <v>5281</v>
      </c>
      <c r="C884" s="4" t="s">
        <v>6</v>
      </c>
      <c r="D884" s="5" t="s">
        <v>247</v>
      </c>
      <c r="E884" s="5" t="s">
        <v>5282</v>
      </c>
      <c r="F884" s="6" t="s">
        <v>5283</v>
      </c>
      <c r="G884" s="2" t="s">
        <v>5276</v>
      </c>
      <c r="H884" s="4" t="s">
        <v>9</v>
      </c>
      <c r="I884" s="5" t="s">
        <v>635</v>
      </c>
      <c r="J884" s="5" t="s">
        <v>5277</v>
      </c>
      <c r="K884" s="5" t="s">
        <v>5278</v>
      </c>
      <c r="L884" s="6" t="s">
        <v>5</v>
      </c>
      <c r="M884" s="2" t="s">
        <v>5284</v>
      </c>
      <c r="N884" s="3">
        <v>44739</v>
      </c>
      <c r="O884" s="3">
        <v>44739</v>
      </c>
      <c r="P884" s="3">
        <v>47269</v>
      </c>
    </row>
    <row r="885" spans="1:16" x14ac:dyDescent="0.15">
      <c r="A885" s="2" t="s">
        <v>49</v>
      </c>
      <c r="B885" s="2" t="s">
        <v>5294</v>
      </c>
      <c r="C885" s="4" t="s">
        <v>6</v>
      </c>
      <c r="D885" s="5" t="s">
        <v>1027</v>
      </c>
      <c r="E885" s="5" t="s">
        <v>5295</v>
      </c>
      <c r="F885" s="6" t="s">
        <v>5296</v>
      </c>
      <c r="G885" s="2" t="s">
        <v>5292</v>
      </c>
      <c r="H885" s="4" t="s">
        <v>9</v>
      </c>
      <c r="I885" s="5" t="s">
        <v>6</v>
      </c>
      <c r="J885" s="5" t="s">
        <v>1839</v>
      </c>
      <c r="K885" s="5" t="s">
        <v>5293</v>
      </c>
      <c r="L885" s="6" t="s">
        <v>5</v>
      </c>
      <c r="M885" s="2" t="s">
        <v>5297</v>
      </c>
      <c r="N885" s="3">
        <v>44798</v>
      </c>
      <c r="O885" s="3">
        <v>44798</v>
      </c>
      <c r="P885" s="3">
        <v>47087</v>
      </c>
    </row>
    <row r="886" spans="1:16" x14ac:dyDescent="0.15">
      <c r="A886" s="2" t="s">
        <v>49</v>
      </c>
      <c r="B886" s="2" t="s">
        <v>3368</v>
      </c>
      <c r="C886" s="4" t="s">
        <v>6</v>
      </c>
      <c r="D886" s="5" t="s">
        <v>1717</v>
      </c>
      <c r="E886" s="5" t="s">
        <v>3369</v>
      </c>
      <c r="F886" s="6" t="s">
        <v>5</v>
      </c>
      <c r="G886" s="2"/>
      <c r="H886" s="4"/>
      <c r="I886" s="5"/>
      <c r="J886" s="5"/>
      <c r="K886" s="5"/>
      <c r="L886" s="6"/>
      <c r="M886" s="2" t="s">
        <v>3370</v>
      </c>
      <c r="N886" s="3">
        <v>44516</v>
      </c>
      <c r="O886" s="3">
        <v>44516</v>
      </c>
      <c r="P886" s="3">
        <v>47026</v>
      </c>
    </row>
    <row r="887" spans="1:16" x14ac:dyDescent="0.15">
      <c r="A887" s="2" t="s">
        <v>16</v>
      </c>
      <c r="B887" s="2" t="s">
        <v>3368</v>
      </c>
      <c r="C887" s="4" t="s">
        <v>6</v>
      </c>
      <c r="D887" s="5" t="s">
        <v>1717</v>
      </c>
      <c r="E887" s="5" t="s">
        <v>3369</v>
      </c>
      <c r="F887" s="6" t="s">
        <v>5</v>
      </c>
      <c r="G887" s="2"/>
      <c r="H887" s="4"/>
      <c r="I887" s="5"/>
      <c r="J887" s="5"/>
      <c r="K887" s="5"/>
      <c r="L887" s="6"/>
      <c r="M887" s="2" t="s">
        <v>3371</v>
      </c>
      <c r="N887" s="3">
        <v>45218</v>
      </c>
      <c r="O887" s="3">
        <v>45218</v>
      </c>
      <c r="P887" s="3">
        <v>47756</v>
      </c>
    </row>
    <row r="888" spans="1:16" x14ac:dyDescent="0.15">
      <c r="A888" s="2" t="s">
        <v>16</v>
      </c>
      <c r="B888" s="2" t="s">
        <v>3372</v>
      </c>
      <c r="C888" s="4" t="s">
        <v>6</v>
      </c>
      <c r="D888" s="5" t="s">
        <v>1717</v>
      </c>
      <c r="E888" s="5" t="s">
        <v>968</v>
      </c>
      <c r="F888" s="6" t="s">
        <v>5</v>
      </c>
      <c r="G888" s="2"/>
      <c r="H888" s="4"/>
      <c r="I888" s="5"/>
      <c r="J888" s="5"/>
      <c r="K888" s="5"/>
      <c r="L888" s="6"/>
      <c r="M888" s="2" t="s">
        <v>3373</v>
      </c>
      <c r="N888" s="3">
        <v>44516</v>
      </c>
      <c r="O888" s="3">
        <v>44516</v>
      </c>
      <c r="P888" s="3">
        <v>46660</v>
      </c>
    </row>
    <row r="889" spans="1:16" x14ac:dyDescent="0.15">
      <c r="A889" s="2" t="s">
        <v>49</v>
      </c>
      <c r="B889" s="2" t="s">
        <v>5299</v>
      </c>
      <c r="C889" s="4" t="s">
        <v>6</v>
      </c>
      <c r="D889" s="5" t="s">
        <v>464</v>
      </c>
      <c r="E889" s="5" t="s">
        <v>963</v>
      </c>
      <c r="F889" s="6" t="s">
        <v>5</v>
      </c>
      <c r="G889" s="2" t="s">
        <v>5298</v>
      </c>
      <c r="H889" s="4" t="s">
        <v>9</v>
      </c>
      <c r="I889" s="5" t="s">
        <v>6</v>
      </c>
      <c r="J889" s="5" t="s">
        <v>464</v>
      </c>
      <c r="K889" s="5" t="s">
        <v>963</v>
      </c>
      <c r="L889" s="6" t="s">
        <v>5</v>
      </c>
      <c r="M889" s="2" t="s">
        <v>5300</v>
      </c>
      <c r="N889" s="3">
        <v>42887</v>
      </c>
      <c r="O889" s="3">
        <v>44713</v>
      </c>
      <c r="P889" s="3">
        <v>46538</v>
      </c>
    </row>
    <row r="890" spans="1:16" x14ac:dyDescent="0.15">
      <c r="A890" s="2" t="s">
        <v>49</v>
      </c>
      <c r="B890" s="2" t="s">
        <v>5308</v>
      </c>
      <c r="C890" s="4" t="s">
        <v>6</v>
      </c>
      <c r="D890" s="5" t="s">
        <v>848</v>
      </c>
      <c r="E890" s="5" t="s">
        <v>1575</v>
      </c>
      <c r="F890" s="6" t="s">
        <v>5</v>
      </c>
      <c r="G890" s="2" t="s">
        <v>5307</v>
      </c>
      <c r="H890" s="4" t="s">
        <v>9</v>
      </c>
      <c r="I890" s="5" t="s">
        <v>6</v>
      </c>
      <c r="J890" s="5" t="s">
        <v>848</v>
      </c>
      <c r="K890" s="5" t="s">
        <v>1575</v>
      </c>
      <c r="L890" s="6" t="s">
        <v>5</v>
      </c>
      <c r="M890" s="2" t="s">
        <v>5309</v>
      </c>
      <c r="N890" s="3">
        <v>30628</v>
      </c>
      <c r="O890" s="3">
        <v>44713</v>
      </c>
      <c r="P890" s="3">
        <v>46904</v>
      </c>
    </row>
    <row r="891" spans="1:16" x14ac:dyDescent="0.15">
      <c r="A891" s="2" t="s">
        <v>49</v>
      </c>
      <c r="B891" s="2" t="s">
        <v>5315</v>
      </c>
      <c r="C891" s="4" t="s">
        <v>6</v>
      </c>
      <c r="D891" s="5" t="s">
        <v>396</v>
      </c>
      <c r="E891" s="5" t="s">
        <v>397</v>
      </c>
      <c r="F891" s="6" t="s">
        <v>5316</v>
      </c>
      <c r="G891" s="2" t="s">
        <v>5314</v>
      </c>
      <c r="H891" s="4" t="s">
        <v>9</v>
      </c>
      <c r="I891" s="5" t="s">
        <v>6</v>
      </c>
      <c r="J891" s="5" t="s">
        <v>5157</v>
      </c>
      <c r="K891" s="5" t="s">
        <v>63</v>
      </c>
      <c r="L891" s="6" t="s">
        <v>5</v>
      </c>
      <c r="M891" s="2" t="s">
        <v>5317</v>
      </c>
      <c r="N891" s="3">
        <v>36685</v>
      </c>
      <c r="O891" s="3">
        <v>44743</v>
      </c>
      <c r="P891" s="3">
        <v>46934</v>
      </c>
    </row>
    <row r="892" spans="1:16" x14ac:dyDescent="0.15">
      <c r="A892" s="2" t="s">
        <v>49</v>
      </c>
      <c r="B892" s="2" t="s">
        <v>3390</v>
      </c>
      <c r="C892" s="4" t="s">
        <v>6</v>
      </c>
      <c r="D892" s="5" t="s">
        <v>608</v>
      </c>
      <c r="E892" s="5" t="s">
        <v>3391</v>
      </c>
      <c r="F892" s="6" t="s">
        <v>3392</v>
      </c>
      <c r="G892" s="2"/>
      <c r="H892" s="4"/>
      <c r="I892" s="5"/>
      <c r="J892" s="5"/>
      <c r="K892" s="5"/>
      <c r="L892" s="6"/>
      <c r="M892" s="2" t="s">
        <v>3393</v>
      </c>
      <c r="N892" s="3">
        <v>42705</v>
      </c>
      <c r="O892" s="3">
        <v>44531</v>
      </c>
      <c r="P892" s="3">
        <v>46356</v>
      </c>
    </row>
    <row r="893" spans="1:16" x14ac:dyDescent="0.15">
      <c r="A893" s="2" t="s">
        <v>49</v>
      </c>
      <c r="B893" s="2" t="s">
        <v>3394</v>
      </c>
      <c r="C893" s="4" t="s">
        <v>6</v>
      </c>
      <c r="D893" s="5" t="s">
        <v>456</v>
      </c>
      <c r="E893" s="5" t="s">
        <v>520</v>
      </c>
      <c r="F893" s="6" t="s">
        <v>5</v>
      </c>
      <c r="G893" s="2"/>
      <c r="H893" s="4"/>
      <c r="I893" s="5"/>
      <c r="J893" s="5"/>
      <c r="K893" s="5"/>
      <c r="L893" s="6"/>
      <c r="M893" s="2" t="s">
        <v>3395</v>
      </c>
      <c r="N893" s="3">
        <v>44516</v>
      </c>
      <c r="O893" s="3">
        <v>44516</v>
      </c>
      <c r="P893" s="3">
        <v>46538</v>
      </c>
    </row>
    <row r="894" spans="1:16" x14ac:dyDescent="0.15">
      <c r="A894" s="2" t="s">
        <v>49</v>
      </c>
      <c r="B894" s="2" t="s">
        <v>3396</v>
      </c>
      <c r="C894" s="4" t="s">
        <v>6</v>
      </c>
      <c r="D894" s="5" t="s">
        <v>1027</v>
      </c>
      <c r="E894" s="5" t="s">
        <v>3397</v>
      </c>
      <c r="F894" s="6" t="s">
        <v>3398</v>
      </c>
      <c r="G894" s="2"/>
      <c r="H894" s="4"/>
      <c r="I894" s="5"/>
      <c r="J894" s="5"/>
      <c r="K894" s="5"/>
      <c r="L894" s="6"/>
      <c r="M894" s="2" t="s">
        <v>3399</v>
      </c>
      <c r="N894" s="3">
        <v>44518</v>
      </c>
      <c r="O894" s="3">
        <v>44518</v>
      </c>
      <c r="P894" s="3">
        <v>46356</v>
      </c>
    </row>
    <row r="895" spans="1:16" x14ac:dyDescent="0.15">
      <c r="A895" s="2" t="s">
        <v>49</v>
      </c>
      <c r="B895" s="2" t="s">
        <v>3400</v>
      </c>
      <c r="C895" s="4" t="s">
        <v>6</v>
      </c>
      <c r="D895" s="5" t="s">
        <v>3401</v>
      </c>
      <c r="E895" s="5" t="s">
        <v>3402</v>
      </c>
      <c r="F895" s="6" t="s">
        <v>5</v>
      </c>
      <c r="G895" s="2"/>
      <c r="H895" s="4"/>
      <c r="I895" s="5"/>
      <c r="J895" s="5"/>
      <c r="K895" s="5"/>
      <c r="L895" s="6"/>
      <c r="M895" s="2" t="s">
        <v>3403</v>
      </c>
      <c r="N895" s="3">
        <v>44562</v>
      </c>
      <c r="O895" s="3">
        <v>44562</v>
      </c>
      <c r="P895" s="3">
        <v>47026</v>
      </c>
    </row>
    <row r="896" spans="1:16" x14ac:dyDescent="0.15">
      <c r="A896" s="2" t="s">
        <v>49</v>
      </c>
      <c r="B896" s="2" t="s">
        <v>3404</v>
      </c>
      <c r="C896" s="4" t="s">
        <v>6</v>
      </c>
      <c r="D896" s="5" t="s">
        <v>3405</v>
      </c>
      <c r="E896" s="5" t="s">
        <v>5</v>
      </c>
      <c r="F896" s="6" t="s">
        <v>3406</v>
      </c>
      <c r="G896" s="2"/>
      <c r="H896" s="4"/>
      <c r="I896" s="5"/>
      <c r="J896" s="5"/>
      <c r="K896" s="5"/>
      <c r="L896" s="6"/>
      <c r="M896" s="2" t="s">
        <v>3407</v>
      </c>
      <c r="N896" s="3">
        <v>44531</v>
      </c>
      <c r="O896" s="3">
        <v>44531</v>
      </c>
      <c r="P896" s="3">
        <v>46721</v>
      </c>
    </row>
    <row r="897" spans="1:16" x14ac:dyDescent="0.15">
      <c r="A897" s="2" t="s">
        <v>49</v>
      </c>
      <c r="B897" s="2" t="s">
        <v>5368</v>
      </c>
      <c r="C897" s="4" t="s">
        <v>6</v>
      </c>
      <c r="D897" s="5" t="s">
        <v>762</v>
      </c>
      <c r="E897" s="5" t="s">
        <v>1821</v>
      </c>
      <c r="F897" s="6" t="s">
        <v>5</v>
      </c>
      <c r="G897" s="2" t="s">
        <v>5367</v>
      </c>
      <c r="H897" s="4" t="s">
        <v>9</v>
      </c>
      <c r="I897" s="5" t="s">
        <v>6</v>
      </c>
      <c r="J897" s="5" t="s">
        <v>762</v>
      </c>
      <c r="K897" s="5" t="s">
        <v>1821</v>
      </c>
      <c r="L897" s="6" t="s">
        <v>5</v>
      </c>
      <c r="M897" s="2" t="s">
        <v>5369</v>
      </c>
      <c r="N897" s="3">
        <v>37111</v>
      </c>
      <c r="O897" s="3">
        <v>44743</v>
      </c>
      <c r="P897" s="3">
        <v>46568</v>
      </c>
    </row>
    <row r="898" spans="1:16" x14ac:dyDescent="0.15">
      <c r="A898" s="2" t="s">
        <v>49</v>
      </c>
      <c r="B898" s="2" t="s">
        <v>5395</v>
      </c>
      <c r="C898" s="4" t="s">
        <v>6</v>
      </c>
      <c r="D898" s="5" t="s">
        <v>3986</v>
      </c>
      <c r="E898" s="5" t="s">
        <v>5396</v>
      </c>
      <c r="F898" s="6" t="s">
        <v>5</v>
      </c>
      <c r="G898" s="2" t="s">
        <v>5394</v>
      </c>
      <c r="H898" s="4" t="s">
        <v>9</v>
      </c>
      <c r="I898" s="5" t="s">
        <v>6</v>
      </c>
      <c r="J898" s="5" t="s">
        <v>464</v>
      </c>
      <c r="K898" s="5" t="s">
        <v>3463</v>
      </c>
      <c r="L898" s="6" t="s">
        <v>5</v>
      </c>
      <c r="M898" s="2" t="s">
        <v>5397</v>
      </c>
      <c r="N898" s="3">
        <v>44733</v>
      </c>
      <c r="O898" s="3">
        <v>44733</v>
      </c>
      <c r="P898" s="3">
        <v>47208</v>
      </c>
    </row>
    <row r="899" spans="1:16" x14ac:dyDescent="0.15">
      <c r="A899" s="2" t="s">
        <v>49</v>
      </c>
      <c r="B899" s="2" t="s">
        <v>5399</v>
      </c>
      <c r="C899" s="4" t="s">
        <v>6</v>
      </c>
      <c r="D899" s="5" t="s">
        <v>378</v>
      </c>
      <c r="E899" s="5" t="s">
        <v>5400</v>
      </c>
      <c r="F899" s="6" t="s">
        <v>5</v>
      </c>
      <c r="G899" s="2" t="s">
        <v>5394</v>
      </c>
      <c r="H899" s="4" t="s">
        <v>9</v>
      </c>
      <c r="I899" s="5" t="s">
        <v>6</v>
      </c>
      <c r="J899" s="5" t="s">
        <v>464</v>
      </c>
      <c r="K899" s="5" t="s">
        <v>3463</v>
      </c>
      <c r="L899" s="6" t="s">
        <v>5</v>
      </c>
      <c r="M899" s="2" t="s">
        <v>5401</v>
      </c>
      <c r="N899" s="3">
        <v>40948</v>
      </c>
      <c r="O899" s="3">
        <v>45444</v>
      </c>
      <c r="P899" s="3">
        <v>47634</v>
      </c>
    </row>
    <row r="900" spans="1:16" x14ac:dyDescent="0.15">
      <c r="A900" s="2" t="s">
        <v>49</v>
      </c>
      <c r="B900" s="2" t="s">
        <v>5402</v>
      </c>
      <c r="C900" s="4" t="s">
        <v>6</v>
      </c>
      <c r="D900" s="5" t="s">
        <v>500</v>
      </c>
      <c r="E900" s="5" t="s">
        <v>5403</v>
      </c>
      <c r="F900" s="6" t="s">
        <v>3909</v>
      </c>
      <c r="G900" s="2" t="s">
        <v>5394</v>
      </c>
      <c r="H900" s="4" t="s">
        <v>9</v>
      </c>
      <c r="I900" s="5" t="s">
        <v>6</v>
      </c>
      <c r="J900" s="5" t="s">
        <v>464</v>
      </c>
      <c r="K900" s="5" t="s">
        <v>3463</v>
      </c>
      <c r="L900" s="6" t="s">
        <v>5</v>
      </c>
      <c r="M900" s="2" t="s">
        <v>5404</v>
      </c>
      <c r="N900" s="3">
        <v>41716</v>
      </c>
      <c r="O900" s="3">
        <v>45444</v>
      </c>
      <c r="P900" s="3">
        <v>47269</v>
      </c>
    </row>
    <row r="901" spans="1:16" x14ac:dyDescent="0.15">
      <c r="A901" s="2" t="s">
        <v>49</v>
      </c>
      <c r="B901" s="2" t="s">
        <v>3424</v>
      </c>
      <c r="C901" s="4" t="s">
        <v>6</v>
      </c>
      <c r="D901" s="5" t="s">
        <v>1027</v>
      </c>
      <c r="E901" s="5" t="s">
        <v>1597</v>
      </c>
      <c r="F901" s="6" t="s">
        <v>3425</v>
      </c>
      <c r="G901" s="2"/>
      <c r="H901" s="4"/>
      <c r="I901" s="5"/>
      <c r="J901" s="5"/>
      <c r="K901" s="5"/>
      <c r="L901" s="6"/>
      <c r="M901" s="2" t="s">
        <v>3426</v>
      </c>
      <c r="N901" s="3">
        <v>44519</v>
      </c>
      <c r="O901" s="3">
        <v>44519</v>
      </c>
      <c r="P901" s="3">
        <v>46721</v>
      </c>
    </row>
    <row r="902" spans="1:16" x14ac:dyDescent="0.15">
      <c r="A902" s="2" t="s">
        <v>49</v>
      </c>
      <c r="B902" s="2" t="s">
        <v>3427</v>
      </c>
      <c r="C902" s="4" t="s">
        <v>6</v>
      </c>
      <c r="D902" s="5" t="s">
        <v>1027</v>
      </c>
      <c r="E902" s="5" t="s">
        <v>3428</v>
      </c>
      <c r="F902" s="6" t="s">
        <v>3429</v>
      </c>
      <c r="G902" s="2"/>
      <c r="H902" s="4"/>
      <c r="I902" s="5"/>
      <c r="J902" s="5"/>
      <c r="K902" s="5"/>
      <c r="L902" s="6"/>
      <c r="M902" s="2" t="s">
        <v>3430</v>
      </c>
      <c r="N902" s="3">
        <v>45040</v>
      </c>
      <c r="O902" s="3">
        <v>45040</v>
      </c>
      <c r="P902" s="3">
        <v>47452</v>
      </c>
    </row>
    <row r="903" spans="1:16" x14ac:dyDescent="0.15">
      <c r="A903" s="2" t="s">
        <v>16</v>
      </c>
      <c r="B903" s="2" t="s">
        <v>3431</v>
      </c>
      <c r="C903" s="4" t="s">
        <v>6</v>
      </c>
      <c r="D903" s="5" t="s">
        <v>1027</v>
      </c>
      <c r="E903" s="5" t="s">
        <v>1490</v>
      </c>
      <c r="F903" s="6" t="s">
        <v>5</v>
      </c>
      <c r="G903" s="2"/>
      <c r="H903" s="4"/>
      <c r="I903" s="5"/>
      <c r="J903" s="5"/>
      <c r="K903" s="5"/>
      <c r="L903" s="6"/>
      <c r="M903" s="2" t="s">
        <v>3432</v>
      </c>
      <c r="N903" s="3">
        <v>44520</v>
      </c>
      <c r="O903" s="3">
        <v>44520</v>
      </c>
      <c r="P903" s="3">
        <v>46356</v>
      </c>
    </row>
    <row r="904" spans="1:16" x14ac:dyDescent="0.15">
      <c r="A904" s="2" t="s">
        <v>49</v>
      </c>
      <c r="B904" s="2" t="s">
        <v>3433</v>
      </c>
      <c r="C904" s="4" t="s">
        <v>6</v>
      </c>
      <c r="D904" s="5" t="s">
        <v>755</v>
      </c>
      <c r="E904" s="5" t="s">
        <v>3434</v>
      </c>
      <c r="F904" s="6" t="s">
        <v>5</v>
      </c>
      <c r="G904" s="2"/>
      <c r="H904" s="4"/>
      <c r="I904" s="5"/>
      <c r="J904" s="5"/>
      <c r="K904" s="5"/>
      <c r="L904" s="6"/>
      <c r="M904" s="2" t="s">
        <v>3435</v>
      </c>
      <c r="N904" s="3">
        <v>44524</v>
      </c>
      <c r="O904" s="3">
        <v>44524</v>
      </c>
      <c r="P904" s="3">
        <v>46843</v>
      </c>
    </row>
    <row r="905" spans="1:16" x14ac:dyDescent="0.15">
      <c r="A905" s="2" t="s">
        <v>49</v>
      </c>
      <c r="B905" s="2" t="s">
        <v>5407</v>
      </c>
      <c r="C905" s="4" t="s">
        <v>6</v>
      </c>
      <c r="D905" s="5" t="s">
        <v>5236</v>
      </c>
      <c r="E905" s="5" t="s">
        <v>5406</v>
      </c>
      <c r="F905" s="6" t="s">
        <v>5</v>
      </c>
      <c r="G905" s="2" t="s">
        <v>5405</v>
      </c>
      <c r="H905" s="4" t="s">
        <v>9</v>
      </c>
      <c r="I905" s="5" t="s">
        <v>6</v>
      </c>
      <c r="J905" s="5" t="s">
        <v>5236</v>
      </c>
      <c r="K905" s="5" t="s">
        <v>5406</v>
      </c>
      <c r="L905" s="6" t="s">
        <v>5</v>
      </c>
      <c r="M905" s="2" t="s">
        <v>5408</v>
      </c>
      <c r="N905" s="3">
        <v>42647</v>
      </c>
      <c r="O905" s="3">
        <v>44743</v>
      </c>
      <c r="P905" s="3">
        <v>46568</v>
      </c>
    </row>
    <row r="906" spans="1:16" x14ac:dyDescent="0.15">
      <c r="A906" s="2" t="s">
        <v>49</v>
      </c>
      <c r="B906" s="2" t="s">
        <v>3444</v>
      </c>
      <c r="C906" s="4" t="s">
        <v>6</v>
      </c>
      <c r="D906" s="5" t="s">
        <v>1717</v>
      </c>
      <c r="E906" s="5" t="s">
        <v>3445</v>
      </c>
      <c r="F906" s="6" t="s">
        <v>3446</v>
      </c>
      <c r="G906" s="2"/>
      <c r="H906" s="4"/>
      <c r="I906" s="5"/>
      <c r="J906" s="5"/>
      <c r="K906" s="5"/>
      <c r="L906" s="6"/>
      <c r="M906" s="2" t="s">
        <v>3447</v>
      </c>
      <c r="N906" s="3">
        <v>44524</v>
      </c>
      <c r="O906" s="3">
        <v>44524</v>
      </c>
      <c r="P906" s="3">
        <v>47026</v>
      </c>
    </row>
    <row r="907" spans="1:16" x14ac:dyDescent="0.15">
      <c r="A907" s="2" t="s">
        <v>49</v>
      </c>
      <c r="B907" s="2" t="s">
        <v>3448</v>
      </c>
      <c r="C907" s="4" t="s">
        <v>6</v>
      </c>
      <c r="D907" s="5" t="s">
        <v>1983</v>
      </c>
      <c r="E907" s="5" t="s">
        <v>5</v>
      </c>
      <c r="F907" s="6" t="s">
        <v>5</v>
      </c>
      <c r="G907" s="2"/>
      <c r="H907" s="4"/>
      <c r="I907" s="5"/>
      <c r="J907" s="5"/>
      <c r="K907" s="5"/>
      <c r="L907" s="6"/>
      <c r="M907" s="2" t="s">
        <v>3449</v>
      </c>
      <c r="N907" s="3">
        <v>40758</v>
      </c>
      <c r="O907" s="3">
        <v>44713</v>
      </c>
      <c r="P907" s="3">
        <v>46538</v>
      </c>
    </row>
    <row r="908" spans="1:16" x14ac:dyDescent="0.15">
      <c r="A908" s="2" t="s">
        <v>49</v>
      </c>
      <c r="B908" s="2" t="s">
        <v>5420</v>
      </c>
      <c r="C908" s="4" t="s">
        <v>6</v>
      </c>
      <c r="D908" s="5" t="s">
        <v>4187</v>
      </c>
      <c r="E908" s="5" t="s">
        <v>2652</v>
      </c>
      <c r="F908" s="6" t="s">
        <v>5</v>
      </c>
      <c r="G908" s="2" t="s">
        <v>4085</v>
      </c>
      <c r="H908" s="4" t="s">
        <v>29</v>
      </c>
      <c r="I908" s="5" t="s">
        <v>30</v>
      </c>
      <c r="J908" s="5" t="s">
        <v>5419</v>
      </c>
      <c r="K908" s="5" t="s">
        <v>5</v>
      </c>
      <c r="L908" s="6" t="s">
        <v>5</v>
      </c>
      <c r="M908" s="2" t="s">
        <v>5421</v>
      </c>
      <c r="N908" s="3">
        <v>42367</v>
      </c>
      <c r="O908" s="3">
        <v>44743</v>
      </c>
      <c r="P908" s="3">
        <v>46934</v>
      </c>
    </row>
    <row r="909" spans="1:16" x14ac:dyDescent="0.15">
      <c r="A909" s="2" t="s">
        <v>49</v>
      </c>
      <c r="B909" s="2" t="s">
        <v>5425</v>
      </c>
      <c r="C909" s="4" t="s">
        <v>6</v>
      </c>
      <c r="D909" s="5" t="s">
        <v>5426</v>
      </c>
      <c r="E909" s="5" t="s">
        <v>5</v>
      </c>
      <c r="F909" s="6" t="s">
        <v>5</v>
      </c>
      <c r="G909" s="2" t="s">
        <v>4200</v>
      </c>
      <c r="H909" s="4" t="s">
        <v>195</v>
      </c>
      <c r="I909" s="5" t="s">
        <v>196</v>
      </c>
      <c r="J909" s="5" t="s">
        <v>5424</v>
      </c>
      <c r="K909" s="5" t="s">
        <v>5</v>
      </c>
      <c r="L909" s="6" t="s">
        <v>5</v>
      </c>
      <c r="M909" s="2" t="s">
        <v>5427</v>
      </c>
      <c r="N909" s="3">
        <v>42292</v>
      </c>
      <c r="O909" s="3">
        <v>44743</v>
      </c>
      <c r="P909" s="3">
        <v>46934</v>
      </c>
    </row>
    <row r="910" spans="1:16" x14ac:dyDescent="0.15">
      <c r="A910" s="2" t="s">
        <v>49</v>
      </c>
      <c r="B910" s="2" t="s">
        <v>5452</v>
      </c>
      <c r="C910" s="4" t="s">
        <v>6</v>
      </c>
      <c r="D910" s="5" t="s">
        <v>608</v>
      </c>
      <c r="E910" s="5" t="s">
        <v>3527</v>
      </c>
      <c r="F910" s="6" t="s">
        <v>5453</v>
      </c>
      <c r="G910" s="2" t="s">
        <v>5449</v>
      </c>
      <c r="H910" s="4" t="s">
        <v>384</v>
      </c>
      <c r="I910" s="5" t="s">
        <v>441</v>
      </c>
      <c r="J910" s="5" t="s">
        <v>5450</v>
      </c>
      <c r="K910" s="5" t="s">
        <v>5451</v>
      </c>
      <c r="L910" s="6" t="s">
        <v>5</v>
      </c>
      <c r="M910" s="2" t="s">
        <v>5455</v>
      </c>
      <c r="N910" s="3">
        <v>44720</v>
      </c>
      <c r="O910" s="3">
        <v>44720</v>
      </c>
      <c r="P910" s="3">
        <v>47087</v>
      </c>
    </row>
    <row r="911" spans="1:16" x14ac:dyDescent="0.15">
      <c r="A911" s="2" t="s">
        <v>16</v>
      </c>
      <c r="B911" s="2" t="s">
        <v>3467</v>
      </c>
      <c r="C911" s="4" t="s">
        <v>6</v>
      </c>
      <c r="D911" s="5" t="s">
        <v>3465</v>
      </c>
      <c r="E911" s="5" t="s">
        <v>3468</v>
      </c>
      <c r="F911" s="6" t="s">
        <v>5</v>
      </c>
      <c r="G911" s="2"/>
      <c r="H911" s="4"/>
      <c r="I911" s="5"/>
      <c r="J911" s="5"/>
      <c r="K911" s="5"/>
      <c r="L911" s="6"/>
      <c r="M911" s="2" t="s">
        <v>3469</v>
      </c>
      <c r="N911" s="3">
        <v>44525</v>
      </c>
      <c r="O911" s="3">
        <v>44525</v>
      </c>
      <c r="P911" s="3">
        <v>46477</v>
      </c>
    </row>
    <row r="912" spans="1:16" x14ac:dyDescent="0.15">
      <c r="A912" s="2" t="s">
        <v>49</v>
      </c>
      <c r="B912" s="2" t="s">
        <v>5478</v>
      </c>
      <c r="C912" s="4" t="s">
        <v>6</v>
      </c>
      <c r="D912" s="5" t="s">
        <v>69</v>
      </c>
      <c r="E912" s="5" t="s">
        <v>3751</v>
      </c>
      <c r="F912" s="6" t="s">
        <v>5479</v>
      </c>
      <c r="G912" s="2" t="s">
        <v>5476</v>
      </c>
      <c r="H912" s="4" t="s">
        <v>9</v>
      </c>
      <c r="I912" s="5" t="s">
        <v>6</v>
      </c>
      <c r="J912" s="5" t="s">
        <v>69</v>
      </c>
      <c r="K912" s="5" t="s">
        <v>5477</v>
      </c>
      <c r="L912" s="6" t="s">
        <v>5</v>
      </c>
      <c r="M912" s="2" t="s">
        <v>5480</v>
      </c>
      <c r="N912" s="3">
        <v>44728</v>
      </c>
      <c r="O912" s="3">
        <v>44728</v>
      </c>
      <c r="P912" s="3">
        <v>47269</v>
      </c>
    </row>
    <row r="913" spans="1:16" x14ac:dyDescent="0.15">
      <c r="A913" s="2" t="s">
        <v>49</v>
      </c>
      <c r="B913" s="2" t="s">
        <v>5481</v>
      </c>
      <c r="C913" s="4" t="s">
        <v>6</v>
      </c>
      <c r="D913" s="5" t="s">
        <v>848</v>
      </c>
      <c r="E913" s="5" t="s">
        <v>5482</v>
      </c>
      <c r="F913" s="6" t="s">
        <v>5483</v>
      </c>
      <c r="G913" s="2" t="s">
        <v>5476</v>
      </c>
      <c r="H913" s="4" t="s">
        <v>9</v>
      </c>
      <c r="I913" s="5" t="s">
        <v>6</v>
      </c>
      <c r="J913" s="5" t="s">
        <v>69</v>
      </c>
      <c r="K913" s="5" t="s">
        <v>5477</v>
      </c>
      <c r="L913" s="6" t="s">
        <v>5</v>
      </c>
      <c r="M913" s="2" t="s">
        <v>5484</v>
      </c>
      <c r="N913" s="3">
        <v>44713</v>
      </c>
      <c r="O913" s="3">
        <v>44713</v>
      </c>
      <c r="P913" s="3">
        <v>46538</v>
      </c>
    </row>
    <row r="914" spans="1:16" x14ac:dyDescent="0.15">
      <c r="A914" s="2" t="s">
        <v>49</v>
      </c>
      <c r="B914" s="2" t="s">
        <v>3479</v>
      </c>
      <c r="C914" s="4" t="s">
        <v>6</v>
      </c>
      <c r="D914" s="5" t="s">
        <v>3478</v>
      </c>
      <c r="E914" s="5" t="s">
        <v>5</v>
      </c>
      <c r="F914" s="6" t="s">
        <v>5</v>
      </c>
      <c r="G914" s="2"/>
      <c r="H914" s="4"/>
      <c r="I914" s="5"/>
      <c r="J914" s="5"/>
      <c r="K914" s="5"/>
      <c r="L914" s="6"/>
      <c r="M914" s="2" t="s">
        <v>3480</v>
      </c>
      <c r="N914" s="3">
        <v>44525</v>
      </c>
      <c r="O914" s="3">
        <v>44525</v>
      </c>
      <c r="P914" s="3">
        <v>47057</v>
      </c>
    </row>
    <row r="915" spans="1:16" x14ac:dyDescent="0.15">
      <c r="A915" s="2" t="s">
        <v>49</v>
      </c>
      <c r="B915" s="2" t="s">
        <v>5503</v>
      </c>
      <c r="C915" s="4" t="s">
        <v>6</v>
      </c>
      <c r="D915" s="5" t="s">
        <v>5246</v>
      </c>
      <c r="E915" s="5" t="s">
        <v>5247</v>
      </c>
      <c r="F915" s="6" t="s">
        <v>5504</v>
      </c>
      <c r="G915" s="2" t="s">
        <v>5500</v>
      </c>
      <c r="H915" s="4" t="s">
        <v>9</v>
      </c>
      <c r="I915" s="5" t="s">
        <v>6</v>
      </c>
      <c r="J915" s="5" t="s">
        <v>5501</v>
      </c>
      <c r="K915" s="5" t="s">
        <v>5502</v>
      </c>
      <c r="L915" s="6" t="s">
        <v>5</v>
      </c>
      <c r="M915" s="2" t="s">
        <v>5505</v>
      </c>
      <c r="N915" s="3">
        <v>38175</v>
      </c>
      <c r="O915" s="3">
        <v>44743</v>
      </c>
      <c r="P915" s="3">
        <v>46934</v>
      </c>
    </row>
    <row r="916" spans="1:16" x14ac:dyDescent="0.15">
      <c r="A916" s="2" t="s">
        <v>49</v>
      </c>
      <c r="B916" s="2" t="s">
        <v>5514</v>
      </c>
      <c r="C916" s="4" t="s">
        <v>6</v>
      </c>
      <c r="D916" s="5" t="s">
        <v>396</v>
      </c>
      <c r="E916" s="5" t="s">
        <v>397</v>
      </c>
      <c r="F916" s="6" t="s">
        <v>5515</v>
      </c>
      <c r="G916" s="2" t="s">
        <v>5511</v>
      </c>
      <c r="H916" s="4" t="s">
        <v>9</v>
      </c>
      <c r="I916" s="5" t="s">
        <v>6</v>
      </c>
      <c r="J916" s="5" t="s">
        <v>5512</v>
      </c>
      <c r="K916" s="5" t="s">
        <v>5513</v>
      </c>
      <c r="L916" s="6" t="s">
        <v>5</v>
      </c>
      <c r="M916" s="2" t="s">
        <v>5516</v>
      </c>
      <c r="N916" s="3">
        <v>36988</v>
      </c>
      <c r="O916" s="3">
        <v>44743</v>
      </c>
      <c r="P916" s="3">
        <v>46934</v>
      </c>
    </row>
    <row r="917" spans="1:16" x14ac:dyDescent="0.15">
      <c r="A917" s="2" t="s">
        <v>49</v>
      </c>
      <c r="B917" s="2" t="s">
        <v>5528</v>
      </c>
      <c r="C917" s="4" t="s">
        <v>6</v>
      </c>
      <c r="D917" s="5" t="s">
        <v>2454</v>
      </c>
      <c r="E917" s="5" t="s">
        <v>5527</v>
      </c>
      <c r="F917" s="6" t="s">
        <v>5</v>
      </c>
      <c r="G917" s="2" t="s">
        <v>5526</v>
      </c>
      <c r="H917" s="4" t="s">
        <v>9</v>
      </c>
      <c r="I917" s="5" t="s">
        <v>6</v>
      </c>
      <c r="J917" s="5" t="s">
        <v>2454</v>
      </c>
      <c r="K917" s="5" t="s">
        <v>5527</v>
      </c>
      <c r="L917" s="6" t="s">
        <v>5</v>
      </c>
      <c r="M917" s="2" t="s">
        <v>5529</v>
      </c>
      <c r="N917" s="3">
        <v>39185</v>
      </c>
      <c r="O917" s="3">
        <v>44743</v>
      </c>
      <c r="P917" s="3">
        <v>46568</v>
      </c>
    </row>
    <row r="918" spans="1:16" x14ac:dyDescent="0.15">
      <c r="A918" s="2" t="s">
        <v>49</v>
      </c>
      <c r="B918" s="2" t="s">
        <v>3125</v>
      </c>
      <c r="C918" s="4" t="s">
        <v>6</v>
      </c>
      <c r="D918" s="5" t="s">
        <v>500</v>
      </c>
      <c r="E918" s="5" t="s">
        <v>5532</v>
      </c>
      <c r="F918" s="6" t="s">
        <v>5</v>
      </c>
      <c r="G918" s="2" t="s">
        <v>5530</v>
      </c>
      <c r="H918" s="4" t="s">
        <v>9</v>
      </c>
      <c r="I918" s="5" t="s">
        <v>6</v>
      </c>
      <c r="J918" s="5" t="s">
        <v>842</v>
      </c>
      <c r="K918" s="5" t="s">
        <v>5531</v>
      </c>
      <c r="L918" s="6" t="s">
        <v>5</v>
      </c>
      <c r="M918" s="2" t="s">
        <v>5533</v>
      </c>
      <c r="N918" s="3">
        <v>42230</v>
      </c>
      <c r="O918" s="3">
        <v>44713</v>
      </c>
      <c r="P918" s="3">
        <v>46904</v>
      </c>
    </row>
    <row r="919" spans="1:16" x14ac:dyDescent="0.15">
      <c r="A919" s="2" t="s">
        <v>49</v>
      </c>
      <c r="B919" s="2" t="s">
        <v>3499</v>
      </c>
      <c r="C919" s="4" t="s">
        <v>6</v>
      </c>
      <c r="D919" s="5" t="s">
        <v>1898</v>
      </c>
      <c r="E919" s="5" t="s">
        <v>2772</v>
      </c>
      <c r="F919" s="6" t="s">
        <v>5</v>
      </c>
      <c r="G919" s="2"/>
      <c r="H919" s="4"/>
      <c r="I919" s="5"/>
      <c r="J919" s="5"/>
      <c r="K919" s="5"/>
      <c r="L919" s="6"/>
      <c r="M919" s="2" t="s">
        <v>3500</v>
      </c>
      <c r="N919" s="3">
        <v>44579</v>
      </c>
      <c r="O919" s="3">
        <v>44579</v>
      </c>
      <c r="P919" s="3">
        <v>46507</v>
      </c>
    </row>
    <row r="920" spans="1:16" x14ac:dyDescent="0.15">
      <c r="A920" s="2" t="s">
        <v>49</v>
      </c>
      <c r="B920" s="2" t="s">
        <v>3502</v>
      </c>
      <c r="C920" s="4" t="s">
        <v>6</v>
      </c>
      <c r="D920" s="5" t="s">
        <v>1758</v>
      </c>
      <c r="E920" s="5" t="s">
        <v>3501</v>
      </c>
      <c r="F920" s="6" t="s">
        <v>5</v>
      </c>
      <c r="G920" s="2"/>
      <c r="H920" s="4"/>
      <c r="I920" s="5"/>
      <c r="J920" s="5"/>
      <c r="K920" s="5"/>
      <c r="L920" s="6"/>
      <c r="M920" s="2" t="s">
        <v>3503</v>
      </c>
      <c r="N920" s="3">
        <v>44531</v>
      </c>
      <c r="O920" s="3">
        <v>44531</v>
      </c>
      <c r="P920" s="3">
        <v>46660</v>
      </c>
    </row>
    <row r="921" spans="1:16" x14ac:dyDescent="0.15">
      <c r="A921" s="2" t="s">
        <v>49</v>
      </c>
      <c r="B921" s="2" t="s">
        <v>5568</v>
      </c>
      <c r="C921" s="4" t="s">
        <v>6</v>
      </c>
      <c r="D921" s="5" t="s">
        <v>45</v>
      </c>
      <c r="E921" s="5" t="s">
        <v>5569</v>
      </c>
      <c r="F921" s="6" t="s">
        <v>5</v>
      </c>
      <c r="G921" s="2" t="s">
        <v>5566</v>
      </c>
      <c r="H921" s="4" t="s">
        <v>9</v>
      </c>
      <c r="I921" s="5" t="s">
        <v>6</v>
      </c>
      <c r="J921" s="5" t="s">
        <v>5567</v>
      </c>
      <c r="K921" s="5" t="s">
        <v>5</v>
      </c>
      <c r="L921" s="6" t="s">
        <v>5</v>
      </c>
      <c r="M921" s="2" t="s">
        <v>5570</v>
      </c>
      <c r="N921" s="3">
        <v>44719</v>
      </c>
      <c r="O921" s="3">
        <v>44719</v>
      </c>
      <c r="P921" s="3">
        <v>46721</v>
      </c>
    </row>
    <row r="922" spans="1:16" x14ac:dyDescent="0.15">
      <c r="A922" s="2" t="s">
        <v>49</v>
      </c>
      <c r="B922" s="2" t="s">
        <v>5578</v>
      </c>
      <c r="C922" s="4" t="s">
        <v>6</v>
      </c>
      <c r="D922" s="5" t="s">
        <v>1140</v>
      </c>
      <c r="E922" s="5" t="s">
        <v>5579</v>
      </c>
      <c r="F922" s="6" t="s">
        <v>5</v>
      </c>
      <c r="G922" s="2" t="s">
        <v>5578</v>
      </c>
      <c r="H922" s="4" t="s">
        <v>9</v>
      </c>
      <c r="I922" s="5" t="s">
        <v>6</v>
      </c>
      <c r="J922" s="5" t="s">
        <v>1140</v>
      </c>
      <c r="K922" s="5" t="s">
        <v>5579</v>
      </c>
      <c r="L922" s="6" t="s">
        <v>5</v>
      </c>
      <c r="M922" s="2" t="s">
        <v>5580</v>
      </c>
      <c r="N922" s="3">
        <v>28357</v>
      </c>
      <c r="O922" s="3">
        <v>44743</v>
      </c>
      <c r="P922" s="3">
        <v>46568</v>
      </c>
    </row>
    <row r="923" spans="1:16" x14ac:dyDescent="0.15">
      <c r="A923" s="2" t="s">
        <v>49</v>
      </c>
      <c r="B923" s="2" t="s">
        <v>5592</v>
      </c>
      <c r="C923" s="4" t="s">
        <v>6</v>
      </c>
      <c r="D923" s="5" t="s">
        <v>894</v>
      </c>
      <c r="E923" s="5" t="s">
        <v>5591</v>
      </c>
      <c r="F923" s="6" t="s">
        <v>5</v>
      </c>
      <c r="G923" s="2" t="s">
        <v>5590</v>
      </c>
      <c r="H923" s="4" t="s">
        <v>9</v>
      </c>
      <c r="I923" s="5" t="s">
        <v>6</v>
      </c>
      <c r="J923" s="5" t="s">
        <v>894</v>
      </c>
      <c r="K923" s="5" t="s">
        <v>5591</v>
      </c>
      <c r="L923" s="6" t="s">
        <v>5</v>
      </c>
      <c r="M923" s="2" t="s">
        <v>5593</v>
      </c>
      <c r="N923" s="3">
        <v>44752</v>
      </c>
      <c r="O923" s="3">
        <v>44752</v>
      </c>
      <c r="P923" s="3">
        <v>47299</v>
      </c>
    </row>
    <row r="924" spans="1:16" x14ac:dyDescent="0.15">
      <c r="A924" s="2" t="s">
        <v>49</v>
      </c>
      <c r="B924" s="2" t="s">
        <v>5600</v>
      </c>
      <c r="C924" s="4" t="s">
        <v>6</v>
      </c>
      <c r="D924" s="5" t="s">
        <v>848</v>
      </c>
      <c r="E924" s="5" t="s">
        <v>5601</v>
      </c>
      <c r="F924" s="6" t="s">
        <v>5602</v>
      </c>
      <c r="G924" s="2" t="s">
        <v>5598</v>
      </c>
      <c r="H924" s="4" t="s">
        <v>9</v>
      </c>
      <c r="I924" s="5" t="s">
        <v>6</v>
      </c>
      <c r="J924" s="5" t="s">
        <v>848</v>
      </c>
      <c r="K924" s="5" t="s">
        <v>5599</v>
      </c>
      <c r="L924" s="6" t="s">
        <v>5</v>
      </c>
      <c r="M924" s="2" t="s">
        <v>5603</v>
      </c>
      <c r="N924" s="3">
        <v>44725</v>
      </c>
      <c r="O924" s="3">
        <v>44725</v>
      </c>
      <c r="P924" s="3">
        <v>47269</v>
      </c>
    </row>
    <row r="925" spans="1:16" x14ac:dyDescent="0.15">
      <c r="A925" s="2" t="s">
        <v>49</v>
      </c>
      <c r="B925" s="2" t="s">
        <v>5606</v>
      </c>
      <c r="C925" s="4" t="s">
        <v>6</v>
      </c>
      <c r="D925" s="5" t="s">
        <v>2805</v>
      </c>
      <c r="E925" s="5" t="s">
        <v>5607</v>
      </c>
      <c r="F925" s="6" t="s">
        <v>5</v>
      </c>
      <c r="G925" s="2" t="s">
        <v>5604</v>
      </c>
      <c r="H925" s="4" t="s">
        <v>9</v>
      </c>
      <c r="I925" s="5" t="s">
        <v>663</v>
      </c>
      <c r="J925" s="5" t="s">
        <v>5605</v>
      </c>
      <c r="K925" s="5" t="s">
        <v>5</v>
      </c>
      <c r="L925" s="6" t="s">
        <v>5</v>
      </c>
      <c r="M925" s="2" t="s">
        <v>5608</v>
      </c>
      <c r="N925" s="3">
        <v>43028</v>
      </c>
      <c r="O925" s="3">
        <v>45231</v>
      </c>
      <c r="P925" s="3">
        <v>47422</v>
      </c>
    </row>
    <row r="926" spans="1:16" x14ac:dyDescent="0.15">
      <c r="A926" s="2" t="s">
        <v>49</v>
      </c>
      <c r="B926" s="2" t="s">
        <v>5624</v>
      </c>
      <c r="C926" s="4" t="s">
        <v>6</v>
      </c>
      <c r="D926" s="5" t="s">
        <v>5625</v>
      </c>
      <c r="E926" s="5" t="s">
        <v>5626</v>
      </c>
      <c r="F926" s="6" t="s">
        <v>5</v>
      </c>
      <c r="G926" s="2" t="s">
        <v>5621</v>
      </c>
      <c r="H926" s="4" t="s">
        <v>9</v>
      </c>
      <c r="I926" s="5" t="s">
        <v>6</v>
      </c>
      <c r="J926" s="5" t="s">
        <v>5622</v>
      </c>
      <c r="K926" s="5" t="s">
        <v>5</v>
      </c>
      <c r="L926" s="6" t="s">
        <v>5</v>
      </c>
      <c r="M926" s="2" t="s">
        <v>5627</v>
      </c>
      <c r="N926" s="3">
        <v>38927</v>
      </c>
      <c r="O926" s="3">
        <v>43374</v>
      </c>
      <c r="P926" s="3">
        <v>45565</v>
      </c>
    </row>
    <row r="927" spans="1:16" x14ac:dyDescent="0.15">
      <c r="A927" s="2" t="s">
        <v>49</v>
      </c>
      <c r="B927" s="2" t="s">
        <v>5632</v>
      </c>
      <c r="C927" s="4" t="s">
        <v>6</v>
      </c>
      <c r="D927" s="5" t="s">
        <v>2134</v>
      </c>
      <c r="E927" s="5" t="s">
        <v>5633</v>
      </c>
      <c r="F927" s="6" t="s">
        <v>5634</v>
      </c>
      <c r="G927" s="2" t="s">
        <v>5630</v>
      </c>
      <c r="H927" s="4" t="s">
        <v>9</v>
      </c>
      <c r="I927" s="5" t="s">
        <v>6</v>
      </c>
      <c r="J927" s="5" t="s">
        <v>111</v>
      </c>
      <c r="K927" s="5" t="s">
        <v>5631</v>
      </c>
      <c r="L927" s="6" t="s">
        <v>5</v>
      </c>
      <c r="M927" s="2" t="s">
        <v>5635</v>
      </c>
      <c r="N927" s="3">
        <v>41011</v>
      </c>
      <c r="O927" s="3">
        <v>44743</v>
      </c>
      <c r="P927" s="3">
        <v>46568</v>
      </c>
    </row>
    <row r="928" spans="1:16" x14ac:dyDescent="0.15">
      <c r="A928" s="2" t="s">
        <v>49</v>
      </c>
      <c r="B928" s="2" t="s">
        <v>5646</v>
      </c>
      <c r="C928" s="4" t="s">
        <v>6</v>
      </c>
      <c r="D928" s="5" t="s">
        <v>855</v>
      </c>
      <c r="E928" s="5" t="s">
        <v>3671</v>
      </c>
      <c r="F928" s="6" t="s">
        <v>5</v>
      </c>
      <c r="G928" s="2" t="s">
        <v>5644</v>
      </c>
      <c r="H928" s="4" t="s">
        <v>9</v>
      </c>
      <c r="I928" s="5" t="s">
        <v>6</v>
      </c>
      <c r="J928" s="5" t="s">
        <v>5645</v>
      </c>
      <c r="K928" s="5" t="s">
        <v>1755</v>
      </c>
      <c r="L928" s="6" t="s">
        <v>5</v>
      </c>
      <c r="M928" s="2" t="s">
        <v>5647</v>
      </c>
      <c r="N928" s="3">
        <v>42453</v>
      </c>
      <c r="O928" s="3">
        <v>44743</v>
      </c>
      <c r="P928" s="3">
        <v>46934</v>
      </c>
    </row>
    <row r="929" spans="1:16" x14ac:dyDescent="0.15">
      <c r="A929" s="2" t="s">
        <v>1562</v>
      </c>
      <c r="B929" s="2" t="s">
        <v>3537</v>
      </c>
      <c r="C929" s="4" t="s">
        <v>6</v>
      </c>
      <c r="D929" s="5" t="s">
        <v>179</v>
      </c>
      <c r="E929" s="5" t="s">
        <v>1561</v>
      </c>
      <c r="F929" s="6" t="s">
        <v>5</v>
      </c>
      <c r="G929" s="2"/>
      <c r="H929" s="4"/>
      <c r="I929" s="5"/>
      <c r="J929" s="5"/>
      <c r="K929" s="5"/>
      <c r="L929" s="6"/>
      <c r="M929" s="2" t="s">
        <v>3538</v>
      </c>
      <c r="N929" s="3">
        <v>45302</v>
      </c>
      <c r="O929" s="3">
        <v>45302</v>
      </c>
      <c r="P929" s="3">
        <v>47756</v>
      </c>
    </row>
    <row r="930" spans="1:16" x14ac:dyDescent="0.15">
      <c r="A930" s="2" t="s">
        <v>49</v>
      </c>
      <c r="B930" s="2" t="s">
        <v>5649</v>
      </c>
      <c r="C930" s="4" t="s">
        <v>6</v>
      </c>
      <c r="D930" s="5" t="s">
        <v>396</v>
      </c>
      <c r="E930" s="5" t="s">
        <v>397</v>
      </c>
      <c r="F930" s="6" t="s">
        <v>5650</v>
      </c>
      <c r="G930" s="2" t="s">
        <v>5648</v>
      </c>
      <c r="H930" s="4" t="s">
        <v>9</v>
      </c>
      <c r="I930" s="5" t="s">
        <v>6</v>
      </c>
      <c r="J930" s="5" t="s">
        <v>396</v>
      </c>
      <c r="K930" s="5" t="s">
        <v>397</v>
      </c>
      <c r="L930" s="6" t="s">
        <v>5</v>
      </c>
      <c r="M930" s="2" t="s">
        <v>5651</v>
      </c>
      <c r="N930" s="3">
        <v>40333</v>
      </c>
      <c r="O930" s="3">
        <v>44743</v>
      </c>
      <c r="P930" s="3">
        <v>46934</v>
      </c>
    </row>
    <row r="931" spans="1:16" x14ac:dyDescent="0.15">
      <c r="A931" s="2" t="s">
        <v>16</v>
      </c>
      <c r="B931" s="2" t="s">
        <v>3546</v>
      </c>
      <c r="C931" s="4" t="s">
        <v>6</v>
      </c>
      <c r="D931" s="5" t="s">
        <v>3544</v>
      </c>
      <c r="E931" s="5" t="s">
        <v>3545</v>
      </c>
      <c r="F931" s="6" t="s">
        <v>5</v>
      </c>
      <c r="G931" s="2"/>
      <c r="H931" s="4"/>
      <c r="I931" s="5"/>
      <c r="J931" s="5"/>
      <c r="K931" s="5"/>
      <c r="L931" s="6"/>
      <c r="M931" s="2" t="s">
        <v>3547</v>
      </c>
      <c r="N931" s="3">
        <v>44530</v>
      </c>
      <c r="O931" s="3">
        <v>44530</v>
      </c>
      <c r="P931" s="3">
        <v>46843</v>
      </c>
    </row>
    <row r="932" spans="1:16" x14ac:dyDescent="0.15">
      <c r="A932" s="2" t="s">
        <v>49</v>
      </c>
      <c r="B932" s="2" t="s">
        <v>3549</v>
      </c>
      <c r="C932" s="4" t="s">
        <v>6</v>
      </c>
      <c r="D932" s="5" t="s">
        <v>45</v>
      </c>
      <c r="E932" s="5" t="s">
        <v>3550</v>
      </c>
      <c r="F932" s="6" t="s">
        <v>3551</v>
      </c>
      <c r="G932" s="2"/>
      <c r="H932" s="4"/>
      <c r="I932" s="5"/>
      <c r="J932" s="5"/>
      <c r="K932" s="5"/>
      <c r="L932" s="6"/>
      <c r="M932" s="2" t="s">
        <v>3552</v>
      </c>
      <c r="N932" s="3">
        <v>45141</v>
      </c>
      <c r="O932" s="3">
        <v>45141</v>
      </c>
      <c r="P932" s="3">
        <v>47452</v>
      </c>
    </row>
    <row r="933" spans="1:16" x14ac:dyDescent="0.15">
      <c r="A933" s="2" t="s">
        <v>49</v>
      </c>
      <c r="B933" s="2" t="s">
        <v>5654</v>
      </c>
      <c r="C933" s="4" t="s">
        <v>6</v>
      </c>
      <c r="D933" s="5" t="s">
        <v>3245</v>
      </c>
      <c r="E933" s="5" t="s">
        <v>5655</v>
      </c>
      <c r="F933" s="6" t="s">
        <v>5</v>
      </c>
      <c r="G933" s="2" t="s">
        <v>5652</v>
      </c>
      <c r="H933" s="4" t="s">
        <v>9</v>
      </c>
      <c r="I933" s="5" t="s">
        <v>6</v>
      </c>
      <c r="J933" s="5" t="s">
        <v>5653</v>
      </c>
      <c r="K933" s="5" t="s">
        <v>3010</v>
      </c>
      <c r="L933" s="6" t="s">
        <v>5</v>
      </c>
      <c r="M933" s="2" t="s">
        <v>5656</v>
      </c>
      <c r="N933" s="3">
        <v>40271</v>
      </c>
      <c r="O933" s="3">
        <v>44743</v>
      </c>
      <c r="P933" s="3">
        <v>46934</v>
      </c>
    </row>
    <row r="934" spans="1:16" x14ac:dyDescent="0.15">
      <c r="A934" s="2" t="s">
        <v>49</v>
      </c>
      <c r="B934" s="2" t="s">
        <v>3559</v>
      </c>
      <c r="C934" s="4" t="s">
        <v>6</v>
      </c>
      <c r="D934" s="5" t="s">
        <v>608</v>
      </c>
      <c r="E934" s="5" t="s">
        <v>3560</v>
      </c>
      <c r="F934" s="6" t="s">
        <v>2752</v>
      </c>
      <c r="G934" s="2"/>
      <c r="H934" s="4"/>
      <c r="I934" s="5"/>
      <c r="J934" s="5"/>
      <c r="K934" s="5"/>
      <c r="L934" s="6"/>
      <c r="M934" s="2" t="s">
        <v>3561</v>
      </c>
      <c r="N934" s="3">
        <v>38779</v>
      </c>
      <c r="O934" s="3">
        <v>44531</v>
      </c>
      <c r="P934" s="3">
        <v>46721</v>
      </c>
    </row>
    <row r="935" spans="1:16" x14ac:dyDescent="0.15">
      <c r="A935" s="2" t="s">
        <v>49</v>
      </c>
      <c r="B935" s="2" t="s">
        <v>3562</v>
      </c>
      <c r="C935" s="4" t="s">
        <v>6</v>
      </c>
      <c r="D935" s="5" t="s">
        <v>608</v>
      </c>
      <c r="E935" s="5" t="s">
        <v>3563</v>
      </c>
      <c r="F935" s="6" t="s">
        <v>3564</v>
      </c>
      <c r="G935" s="2"/>
      <c r="H935" s="4"/>
      <c r="I935" s="5"/>
      <c r="J935" s="5"/>
      <c r="K935" s="5"/>
      <c r="L935" s="6"/>
      <c r="M935" s="2" t="s">
        <v>3565</v>
      </c>
      <c r="N935" s="3">
        <v>44531</v>
      </c>
      <c r="O935" s="3">
        <v>44531</v>
      </c>
      <c r="P935" s="3">
        <v>46721</v>
      </c>
    </row>
    <row r="936" spans="1:16" x14ac:dyDescent="0.15">
      <c r="A936" s="2" t="s">
        <v>49</v>
      </c>
      <c r="B936" s="2" t="s">
        <v>5660</v>
      </c>
      <c r="C936" s="4" t="s">
        <v>6</v>
      </c>
      <c r="D936" s="5" t="s">
        <v>5661</v>
      </c>
      <c r="E936" s="5" t="s">
        <v>5662</v>
      </c>
      <c r="F936" s="6" t="s">
        <v>5</v>
      </c>
      <c r="G936" s="2" t="s">
        <v>5657</v>
      </c>
      <c r="H936" s="4" t="s">
        <v>9</v>
      </c>
      <c r="I936" s="5" t="s">
        <v>58</v>
      </c>
      <c r="J936" s="5" t="s">
        <v>5658</v>
      </c>
      <c r="K936" s="5" t="s">
        <v>5659</v>
      </c>
      <c r="L936" s="6" t="s">
        <v>5</v>
      </c>
      <c r="M936" s="2" t="s">
        <v>5663</v>
      </c>
      <c r="N936" s="3">
        <v>44774</v>
      </c>
      <c r="O936" s="3">
        <v>44774</v>
      </c>
      <c r="P936" s="3">
        <v>47026</v>
      </c>
    </row>
    <row r="937" spans="1:16" x14ac:dyDescent="0.15">
      <c r="A937" s="2" t="s">
        <v>49</v>
      </c>
      <c r="B937" s="2" t="s">
        <v>5685</v>
      </c>
      <c r="C937" s="4" t="s">
        <v>6</v>
      </c>
      <c r="D937" s="5" t="s">
        <v>4717</v>
      </c>
      <c r="E937" s="5" t="s">
        <v>5686</v>
      </c>
      <c r="F937" s="6" t="s">
        <v>5</v>
      </c>
      <c r="G937" s="2" t="s">
        <v>5682</v>
      </c>
      <c r="H937" s="4" t="s">
        <v>9</v>
      </c>
      <c r="I937" s="5" t="s">
        <v>6</v>
      </c>
      <c r="J937" s="5" t="s">
        <v>4717</v>
      </c>
      <c r="K937" s="5" t="s">
        <v>5683</v>
      </c>
      <c r="L937" s="6" t="s">
        <v>5</v>
      </c>
      <c r="M937" s="2" t="s">
        <v>5687</v>
      </c>
      <c r="N937" s="3">
        <v>40731</v>
      </c>
      <c r="O937" s="3">
        <v>44743</v>
      </c>
      <c r="P937" s="3">
        <v>46568</v>
      </c>
    </row>
    <row r="938" spans="1:16" x14ac:dyDescent="0.15">
      <c r="A938" s="2" t="s">
        <v>49</v>
      </c>
      <c r="B938" s="2" t="s">
        <v>5713</v>
      </c>
      <c r="C938" s="4" t="s">
        <v>6</v>
      </c>
      <c r="D938" s="5" t="s">
        <v>608</v>
      </c>
      <c r="E938" s="5" t="s">
        <v>5015</v>
      </c>
      <c r="F938" s="6" t="s">
        <v>5714</v>
      </c>
      <c r="G938" s="2" t="s">
        <v>5711</v>
      </c>
      <c r="H938" s="4" t="s">
        <v>9</v>
      </c>
      <c r="I938" s="5" t="s">
        <v>6</v>
      </c>
      <c r="J938" s="5" t="s">
        <v>45</v>
      </c>
      <c r="K938" s="5" t="s">
        <v>5712</v>
      </c>
      <c r="L938" s="6" t="s">
        <v>5</v>
      </c>
      <c r="M938" s="2" t="s">
        <v>5715</v>
      </c>
      <c r="N938" s="3">
        <v>44736</v>
      </c>
      <c r="O938" s="3">
        <v>44736</v>
      </c>
      <c r="P938" s="3">
        <v>46721</v>
      </c>
    </row>
    <row r="939" spans="1:16" x14ac:dyDescent="0.15">
      <c r="A939" s="2" t="s">
        <v>49</v>
      </c>
      <c r="B939" s="2" t="s">
        <v>5748</v>
      </c>
      <c r="C939" s="4" t="s">
        <v>6</v>
      </c>
      <c r="D939" s="5" t="s">
        <v>2087</v>
      </c>
      <c r="E939" s="5" t="s">
        <v>5749</v>
      </c>
      <c r="F939" s="6" t="s">
        <v>5</v>
      </c>
      <c r="G939" s="2" t="s">
        <v>5746</v>
      </c>
      <c r="H939" s="4" t="s">
        <v>9</v>
      </c>
      <c r="I939" s="5" t="s">
        <v>6</v>
      </c>
      <c r="J939" s="5" t="s">
        <v>5625</v>
      </c>
      <c r="K939" s="5" t="s">
        <v>5747</v>
      </c>
      <c r="L939" s="6" t="s">
        <v>5</v>
      </c>
      <c r="M939" s="2" t="s">
        <v>5750</v>
      </c>
      <c r="N939" s="3">
        <v>44757</v>
      </c>
      <c r="O939" s="3">
        <v>44757</v>
      </c>
      <c r="P939" s="3">
        <v>47208</v>
      </c>
    </row>
    <row r="940" spans="1:16" x14ac:dyDescent="0.15">
      <c r="A940" s="2" t="s">
        <v>49</v>
      </c>
      <c r="B940" s="2" t="s">
        <v>3581</v>
      </c>
      <c r="C940" s="4" t="s">
        <v>6</v>
      </c>
      <c r="D940" s="5" t="s">
        <v>79</v>
      </c>
      <c r="E940" s="5" t="s">
        <v>3582</v>
      </c>
      <c r="F940" s="6" t="s">
        <v>3583</v>
      </c>
      <c r="G940" s="2"/>
      <c r="H940" s="4"/>
      <c r="I940" s="5"/>
      <c r="J940" s="5"/>
      <c r="K940" s="5"/>
      <c r="L940" s="6"/>
      <c r="M940" s="2" t="s">
        <v>3584</v>
      </c>
      <c r="N940" s="3">
        <v>44540</v>
      </c>
      <c r="O940" s="3">
        <v>44540</v>
      </c>
      <c r="P940" s="3">
        <v>47057</v>
      </c>
    </row>
    <row r="941" spans="1:16" x14ac:dyDescent="0.15">
      <c r="A941" s="2" t="s">
        <v>49</v>
      </c>
      <c r="B941" s="2" t="s">
        <v>3585</v>
      </c>
      <c r="C941" s="4" t="s">
        <v>6</v>
      </c>
      <c r="D941" s="5" t="s">
        <v>79</v>
      </c>
      <c r="E941" s="5" t="s">
        <v>3586</v>
      </c>
      <c r="F941" s="6" t="s">
        <v>5</v>
      </c>
      <c r="G941" s="2"/>
      <c r="H941" s="4"/>
      <c r="I941" s="5"/>
      <c r="J941" s="5"/>
      <c r="K941" s="5"/>
      <c r="L941" s="6"/>
      <c r="M941" s="2" t="s">
        <v>3587</v>
      </c>
      <c r="N941" s="3">
        <v>44028</v>
      </c>
      <c r="O941" s="3">
        <v>44028</v>
      </c>
      <c r="P941" s="3">
        <v>46326</v>
      </c>
    </row>
    <row r="942" spans="1:16" x14ac:dyDescent="0.15">
      <c r="A942" s="2" t="s">
        <v>49</v>
      </c>
      <c r="B942" s="2" t="s">
        <v>3588</v>
      </c>
      <c r="C942" s="4" t="s">
        <v>6</v>
      </c>
      <c r="D942" s="5" t="s">
        <v>79</v>
      </c>
      <c r="E942" s="5" t="s">
        <v>3586</v>
      </c>
      <c r="F942" s="6" t="s">
        <v>5</v>
      </c>
      <c r="G942" s="2"/>
      <c r="H942" s="4"/>
      <c r="I942" s="5"/>
      <c r="J942" s="5"/>
      <c r="K942" s="5"/>
      <c r="L942" s="6"/>
      <c r="M942" s="2" t="s">
        <v>3589</v>
      </c>
      <c r="N942" s="3">
        <v>43733</v>
      </c>
      <c r="O942" s="3">
        <v>43733</v>
      </c>
      <c r="P942" s="3">
        <v>45961</v>
      </c>
    </row>
    <row r="943" spans="1:16" x14ac:dyDescent="0.15">
      <c r="A943" s="2" t="s">
        <v>16</v>
      </c>
      <c r="B943" s="2" t="s">
        <v>3591</v>
      </c>
      <c r="C943" s="4" t="s">
        <v>6</v>
      </c>
      <c r="D943" s="5" t="s">
        <v>3592</v>
      </c>
      <c r="E943" s="5" t="s">
        <v>3593</v>
      </c>
      <c r="F943" s="6" t="s">
        <v>5</v>
      </c>
      <c r="G943" s="2"/>
      <c r="H943" s="4"/>
      <c r="I943" s="5"/>
      <c r="J943" s="5"/>
      <c r="K943" s="5"/>
      <c r="L943" s="6"/>
      <c r="M943" s="2" t="s">
        <v>3594</v>
      </c>
      <c r="N943" s="3">
        <v>44532</v>
      </c>
      <c r="O943" s="3">
        <v>44532</v>
      </c>
      <c r="P943" s="3">
        <v>46843</v>
      </c>
    </row>
    <row r="944" spans="1:16" x14ac:dyDescent="0.15">
      <c r="A944" s="2" t="s">
        <v>42</v>
      </c>
      <c r="B944" s="2" t="s">
        <v>3591</v>
      </c>
      <c r="C944" s="4" t="s">
        <v>6</v>
      </c>
      <c r="D944" s="5" t="s">
        <v>3592</v>
      </c>
      <c r="E944" s="5" t="s">
        <v>3593</v>
      </c>
      <c r="F944" s="6" t="s">
        <v>5</v>
      </c>
      <c r="G944" s="2"/>
      <c r="H944" s="4"/>
      <c r="I944" s="5"/>
      <c r="J944" s="5"/>
      <c r="K944" s="5"/>
      <c r="L944" s="6"/>
      <c r="M944" s="2" t="s">
        <v>3595</v>
      </c>
      <c r="N944" s="3">
        <v>44532</v>
      </c>
      <c r="O944" s="3">
        <v>44532</v>
      </c>
      <c r="P944" s="3">
        <v>46843</v>
      </c>
    </row>
    <row r="945" spans="1:16" x14ac:dyDescent="0.15">
      <c r="A945" s="2" t="s">
        <v>49</v>
      </c>
      <c r="B945" s="2" t="s">
        <v>3596</v>
      </c>
      <c r="C945" s="4" t="s">
        <v>6</v>
      </c>
      <c r="D945" s="5" t="s">
        <v>3597</v>
      </c>
      <c r="E945" s="5" t="s">
        <v>337</v>
      </c>
      <c r="F945" s="6" t="s">
        <v>5</v>
      </c>
      <c r="G945" s="2"/>
      <c r="H945" s="4"/>
      <c r="I945" s="5"/>
      <c r="J945" s="5"/>
      <c r="K945" s="5"/>
      <c r="L945" s="6"/>
      <c r="M945" s="2" t="s">
        <v>3598</v>
      </c>
      <c r="N945" s="3">
        <v>44533</v>
      </c>
      <c r="O945" s="3">
        <v>44533</v>
      </c>
      <c r="P945" s="3">
        <v>47026</v>
      </c>
    </row>
    <row r="946" spans="1:16" x14ac:dyDescent="0.15">
      <c r="A946" s="2" t="s">
        <v>49</v>
      </c>
      <c r="B946" s="2" t="s">
        <v>3599</v>
      </c>
      <c r="C946" s="4" t="s">
        <v>6</v>
      </c>
      <c r="D946" s="5" t="s">
        <v>1027</v>
      </c>
      <c r="E946" s="5" t="s">
        <v>3489</v>
      </c>
      <c r="F946" s="6" t="s">
        <v>3600</v>
      </c>
      <c r="G946" s="2"/>
      <c r="H946" s="4"/>
      <c r="I946" s="5"/>
      <c r="J946" s="5"/>
      <c r="K946" s="5"/>
      <c r="L946" s="6"/>
      <c r="M946" s="2" t="s">
        <v>3601</v>
      </c>
      <c r="N946" s="3">
        <v>44532</v>
      </c>
      <c r="O946" s="3">
        <v>44532</v>
      </c>
      <c r="P946" s="3">
        <v>46721</v>
      </c>
    </row>
    <row r="947" spans="1:16" x14ac:dyDescent="0.15">
      <c r="A947" s="2" t="s">
        <v>49</v>
      </c>
      <c r="B947" s="2" t="s">
        <v>5751</v>
      </c>
      <c r="C947" s="4" t="s">
        <v>6</v>
      </c>
      <c r="D947" s="5" t="s">
        <v>5625</v>
      </c>
      <c r="E947" s="5" t="s">
        <v>5752</v>
      </c>
      <c r="F947" s="6" t="s">
        <v>5</v>
      </c>
      <c r="G947" s="2" t="s">
        <v>5746</v>
      </c>
      <c r="H947" s="4" t="s">
        <v>9</v>
      </c>
      <c r="I947" s="5" t="s">
        <v>6</v>
      </c>
      <c r="J947" s="5" t="s">
        <v>5625</v>
      </c>
      <c r="K947" s="5" t="s">
        <v>5747</v>
      </c>
      <c r="L947" s="6" t="s">
        <v>5</v>
      </c>
      <c r="M947" s="2" t="s">
        <v>5753</v>
      </c>
      <c r="N947" s="3">
        <v>42675</v>
      </c>
      <c r="O947" s="3">
        <v>45200</v>
      </c>
      <c r="P947" s="3">
        <v>47391</v>
      </c>
    </row>
    <row r="948" spans="1:16" x14ac:dyDescent="0.15">
      <c r="A948" s="2" t="s">
        <v>66</v>
      </c>
      <c r="B948" s="2" t="s">
        <v>3606</v>
      </c>
      <c r="C948" s="4" t="s">
        <v>6</v>
      </c>
      <c r="D948" s="5" t="s">
        <v>2132</v>
      </c>
      <c r="E948" s="5" t="s">
        <v>3607</v>
      </c>
      <c r="F948" s="6" t="s">
        <v>5</v>
      </c>
      <c r="G948" s="2"/>
      <c r="H948" s="4"/>
      <c r="I948" s="5"/>
      <c r="J948" s="5"/>
      <c r="K948" s="5"/>
      <c r="L948" s="6"/>
      <c r="M948" s="2" t="s">
        <v>3608</v>
      </c>
      <c r="N948" s="3">
        <v>44532</v>
      </c>
      <c r="O948" s="3">
        <v>44532</v>
      </c>
      <c r="P948" s="3">
        <v>47057</v>
      </c>
    </row>
    <row r="949" spans="1:16" x14ac:dyDescent="0.15">
      <c r="A949" s="2" t="s">
        <v>49</v>
      </c>
      <c r="B949" s="2" t="s">
        <v>3609</v>
      </c>
      <c r="C949" s="4" t="s">
        <v>6</v>
      </c>
      <c r="D949" s="5" t="s">
        <v>456</v>
      </c>
      <c r="E949" s="5" t="s">
        <v>520</v>
      </c>
      <c r="F949" s="6" t="s">
        <v>5</v>
      </c>
      <c r="G949" s="2"/>
      <c r="H949" s="4"/>
      <c r="I949" s="5"/>
      <c r="J949" s="5"/>
      <c r="K949" s="5"/>
      <c r="L949" s="6"/>
      <c r="M949" s="2" t="s">
        <v>3610</v>
      </c>
      <c r="N949" s="3">
        <v>44533</v>
      </c>
      <c r="O949" s="3">
        <v>44533</v>
      </c>
      <c r="P949" s="3">
        <v>46538</v>
      </c>
    </row>
    <row r="950" spans="1:16" x14ac:dyDescent="0.15">
      <c r="A950" s="2" t="s">
        <v>49</v>
      </c>
      <c r="B950" s="2" t="s">
        <v>3611</v>
      </c>
      <c r="C950" s="4" t="s">
        <v>6</v>
      </c>
      <c r="D950" s="5" t="s">
        <v>608</v>
      </c>
      <c r="E950" s="5" t="s">
        <v>3612</v>
      </c>
      <c r="F950" s="6" t="s">
        <v>3613</v>
      </c>
      <c r="G950" s="2"/>
      <c r="H950" s="4"/>
      <c r="I950" s="5"/>
      <c r="J950" s="5"/>
      <c r="K950" s="5"/>
      <c r="L950" s="6"/>
      <c r="M950" s="2" t="s">
        <v>3614</v>
      </c>
      <c r="N950" s="3">
        <v>44537</v>
      </c>
      <c r="O950" s="3">
        <v>44537</v>
      </c>
      <c r="P950" s="3">
        <v>47087</v>
      </c>
    </row>
    <row r="951" spans="1:16" x14ac:dyDescent="0.15">
      <c r="A951" s="2" t="s">
        <v>49</v>
      </c>
      <c r="B951" s="2" t="s">
        <v>5757</v>
      </c>
      <c r="C951" s="4" t="s">
        <v>6</v>
      </c>
      <c r="D951" s="5" t="s">
        <v>1882</v>
      </c>
      <c r="E951" s="5" t="s">
        <v>5758</v>
      </c>
      <c r="F951" s="6" t="s">
        <v>5</v>
      </c>
      <c r="G951" s="2" t="s">
        <v>5754</v>
      </c>
      <c r="H951" s="4" t="s">
        <v>9</v>
      </c>
      <c r="I951" s="5" t="s">
        <v>58</v>
      </c>
      <c r="J951" s="5" t="s">
        <v>5755</v>
      </c>
      <c r="K951" s="5" t="s">
        <v>5756</v>
      </c>
      <c r="L951" s="6" t="s">
        <v>5</v>
      </c>
      <c r="M951" s="2" t="s">
        <v>5759</v>
      </c>
      <c r="N951" s="3">
        <v>44741</v>
      </c>
      <c r="O951" s="3">
        <v>44741</v>
      </c>
      <c r="P951" s="3">
        <v>47057</v>
      </c>
    </row>
    <row r="952" spans="1:16" x14ac:dyDescent="0.15">
      <c r="A952" s="2" t="s">
        <v>49</v>
      </c>
      <c r="B952" s="2" t="s">
        <v>5766</v>
      </c>
      <c r="C952" s="4" t="s">
        <v>6</v>
      </c>
      <c r="D952" s="5" t="s">
        <v>1461</v>
      </c>
      <c r="E952" s="5" t="s">
        <v>5765</v>
      </c>
      <c r="F952" s="6" t="s">
        <v>5</v>
      </c>
      <c r="G952" s="2" t="s">
        <v>5764</v>
      </c>
      <c r="H952" s="4" t="s">
        <v>9</v>
      </c>
      <c r="I952" s="5" t="s">
        <v>6</v>
      </c>
      <c r="J952" s="5" t="s">
        <v>1461</v>
      </c>
      <c r="K952" s="5" t="s">
        <v>5765</v>
      </c>
      <c r="L952" s="6" t="s">
        <v>5</v>
      </c>
      <c r="M952" s="2" t="s">
        <v>5767</v>
      </c>
      <c r="N952" s="3">
        <v>44761</v>
      </c>
      <c r="O952" s="3">
        <v>44761</v>
      </c>
      <c r="P952" s="3">
        <v>47238</v>
      </c>
    </row>
    <row r="953" spans="1:16" x14ac:dyDescent="0.15">
      <c r="A953" s="2" t="s">
        <v>49</v>
      </c>
      <c r="B953" s="2" t="s">
        <v>3625</v>
      </c>
      <c r="C953" s="4" t="s">
        <v>6</v>
      </c>
      <c r="D953" s="5" t="s">
        <v>848</v>
      </c>
      <c r="E953" s="5" t="s">
        <v>3626</v>
      </c>
      <c r="F953" s="6" t="s">
        <v>5</v>
      </c>
      <c r="G953" s="2"/>
      <c r="H953" s="4"/>
      <c r="I953" s="5"/>
      <c r="J953" s="5"/>
      <c r="K953" s="5"/>
      <c r="L953" s="6"/>
      <c r="M953" s="2" t="s">
        <v>3627</v>
      </c>
      <c r="N953" s="3">
        <v>44538</v>
      </c>
      <c r="O953" s="3">
        <v>44538</v>
      </c>
      <c r="P953" s="3">
        <v>46904</v>
      </c>
    </row>
    <row r="954" spans="1:16" x14ac:dyDescent="0.15">
      <c r="A954" s="2" t="s">
        <v>49</v>
      </c>
      <c r="B954" s="2" t="s">
        <v>5780</v>
      </c>
      <c r="C954" s="4" t="s">
        <v>6</v>
      </c>
      <c r="D954" s="5" t="s">
        <v>5781</v>
      </c>
      <c r="E954" s="5" t="s">
        <v>5782</v>
      </c>
      <c r="F954" s="6" t="s">
        <v>5</v>
      </c>
      <c r="G954" s="2" t="s">
        <v>5777</v>
      </c>
      <c r="H954" s="4" t="s">
        <v>29</v>
      </c>
      <c r="I954" s="5" t="s">
        <v>1423</v>
      </c>
      <c r="J954" s="5" t="s">
        <v>5778</v>
      </c>
      <c r="K954" s="5" t="s">
        <v>5779</v>
      </c>
      <c r="L954" s="6" t="s">
        <v>5</v>
      </c>
      <c r="M954" s="2" t="s">
        <v>5783</v>
      </c>
      <c r="N954" s="3">
        <v>44765</v>
      </c>
      <c r="O954" s="3">
        <v>44765</v>
      </c>
      <c r="P954" s="3">
        <v>47026</v>
      </c>
    </row>
    <row r="955" spans="1:16" x14ac:dyDescent="0.15">
      <c r="A955" s="2" t="s">
        <v>49</v>
      </c>
      <c r="B955" s="2" t="s">
        <v>3633</v>
      </c>
      <c r="C955" s="4" t="s">
        <v>6</v>
      </c>
      <c r="D955" s="5" t="s">
        <v>456</v>
      </c>
      <c r="E955" s="5" t="s">
        <v>520</v>
      </c>
      <c r="F955" s="6" t="s">
        <v>5</v>
      </c>
      <c r="G955" s="2"/>
      <c r="H955" s="4"/>
      <c r="I955" s="5"/>
      <c r="J955" s="5"/>
      <c r="K955" s="5"/>
      <c r="L955" s="6"/>
      <c r="M955" s="2" t="s">
        <v>3635</v>
      </c>
      <c r="N955" s="3">
        <v>44538</v>
      </c>
      <c r="O955" s="3">
        <v>44538</v>
      </c>
      <c r="P955" s="3">
        <v>46538</v>
      </c>
    </row>
    <row r="956" spans="1:16" x14ac:dyDescent="0.15">
      <c r="A956" s="2" t="s">
        <v>49</v>
      </c>
      <c r="B956" s="2" t="s">
        <v>3636</v>
      </c>
      <c r="C956" s="4" t="s">
        <v>6</v>
      </c>
      <c r="D956" s="5" t="s">
        <v>134</v>
      </c>
      <c r="E956" s="5" t="s">
        <v>3637</v>
      </c>
      <c r="F956" s="6" t="s">
        <v>5</v>
      </c>
      <c r="G956" s="2"/>
      <c r="H956" s="4"/>
      <c r="I956" s="5"/>
      <c r="J956" s="5"/>
      <c r="K956" s="5"/>
      <c r="L956" s="6"/>
      <c r="M956" s="2" t="s">
        <v>3638</v>
      </c>
      <c r="N956" s="3">
        <v>44896</v>
      </c>
      <c r="O956" s="3">
        <v>44896</v>
      </c>
      <c r="P956" s="3">
        <v>47422</v>
      </c>
    </row>
    <row r="957" spans="1:16" x14ac:dyDescent="0.15">
      <c r="A957" s="2" t="s">
        <v>16</v>
      </c>
      <c r="B957" s="2" t="s">
        <v>3640</v>
      </c>
      <c r="C957" s="4" t="s">
        <v>6</v>
      </c>
      <c r="D957" s="5" t="s">
        <v>2344</v>
      </c>
      <c r="E957" s="5" t="s">
        <v>3641</v>
      </c>
      <c r="F957" s="6" t="s">
        <v>3642</v>
      </c>
      <c r="G957" s="2"/>
      <c r="H957" s="4"/>
      <c r="I957" s="5"/>
      <c r="J957" s="5"/>
      <c r="K957" s="5"/>
      <c r="L957" s="6"/>
      <c r="M957" s="2" t="s">
        <v>3643</v>
      </c>
      <c r="N957" s="3">
        <v>45153</v>
      </c>
      <c r="O957" s="3">
        <v>45153</v>
      </c>
      <c r="P957" s="3">
        <v>47573</v>
      </c>
    </row>
    <row r="958" spans="1:16" x14ac:dyDescent="0.15">
      <c r="A958" s="2" t="s">
        <v>49</v>
      </c>
      <c r="B958" s="2" t="s">
        <v>3644</v>
      </c>
      <c r="C958" s="4" t="s">
        <v>6</v>
      </c>
      <c r="D958" s="5" t="s">
        <v>608</v>
      </c>
      <c r="E958" s="5" t="s">
        <v>3391</v>
      </c>
      <c r="F958" s="6" t="s">
        <v>3645</v>
      </c>
      <c r="G958" s="2"/>
      <c r="H958" s="4"/>
      <c r="I958" s="5"/>
      <c r="J958" s="5"/>
      <c r="K958" s="5"/>
      <c r="L958" s="6"/>
      <c r="M958" s="2" t="s">
        <v>3646</v>
      </c>
      <c r="N958" s="3">
        <v>44540</v>
      </c>
      <c r="O958" s="3">
        <v>44540</v>
      </c>
      <c r="P958" s="3">
        <v>46721</v>
      </c>
    </row>
    <row r="959" spans="1:16" x14ac:dyDescent="0.15">
      <c r="A959" s="2" t="s">
        <v>49</v>
      </c>
      <c r="B959" s="2" t="s">
        <v>3648</v>
      </c>
      <c r="C959" s="4" t="s">
        <v>6</v>
      </c>
      <c r="D959" s="5" t="s">
        <v>608</v>
      </c>
      <c r="E959" s="5" t="s">
        <v>3649</v>
      </c>
      <c r="F959" s="6" t="s">
        <v>3650</v>
      </c>
      <c r="G959" s="2"/>
      <c r="H959" s="4"/>
      <c r="I959" s="5"/>
      <c r="J959" s="5"/>
      <c r="K959" s="5"/>
      <c r="L959" s="6"/>
      <c r="M959" s="2" t="s">
        <v>3651</v>
      </c>
      <c r="N959" s="3">
        <v>40582</v>
      </c>
      <c r="O959" s="3">
        <v>44531</v>
      </c>
      <c r="P959" s="3">
        <v>46356</v>
      </c>
    </row>
    <row r="960" spans="1:16" x14ac:dyDescent="0.15">
      <c r="A960" s="2" t="s">
        <v>49</v>
      </c>
      <c r="B960" s="2" t="s">
        <v>3653</v>
      </c>
      <c r="C960" s="4" t="s">
        <v>6</v>
      </c>
      <c r="D960" s="5" t="s">
        <v>3654</v>
      </c>
      <c r="E960" s="5" t="s">
        <v>3655</v>
      </c>
      <c r="F960" s="6" t="s">
        <v>5</v>
      </c>
      <c r="G960" s="2"/>
      <c r="H960" s="4"/>
      <c r="I960" s="5"/>
      <c r="J960" s="5"/>
      <c r="K960" s="5"/>
      <c r="L960" s="6"/>
      <c r="M960" s="2" t="s">
        <v>3656</v>
      </c>
      <c r="N960" s="3">
        <v>44540</v>
      </c>
      <c r="O960" s="3">
        <v>44540</v>
      </c>
      <c r="P960" s="3">
        <v>46873</v>
      </c>
    </row>
    <row r="961" spans="1:16" x14ac:dyDescent="0.15">
      <c r="A961" s="2" t="s">
        <v>49</v>
      </c>
      <c r="B961" s="2" t="s">
        <v>5784</v>
      </c>
      <c r="C961" s="4" t="s">
        <v>6</v>
      </c>
      <c r="D961" s="5" t="s">
        <v>3361</v>
      </c>
      <c r="E961" s="5" t="s">
        <v>5785</v>
      </c>
      <c r="F961" s="6" t="s">
        <v>5</v>
      </c>
      <c r="G961" s="2" t="s">
        <v>5777</v>
      </c>
      <c r="H961" s="4" t="s">
        <v>29</v>
      </c>
      <c r="I961" s="5" t="s">
        <v>1423</v>
      </c>
      <c r="J961" s="5" t="s">
        <v>5778</v>
      </c>
      <c r="K961" s="5" t="s">
        <v>5779</v>
      </c>
      <c r="L961" s="6" t="s">
        <v>5</v>
      </c>
      <c r="M961" s="2" t="s">
        <v>5786</v>
      </c>
      <c r="N961" s="3">
        <v>42643</v>
      </c>
      <c r="O961" s="3">
        <v>45047</v>
      </c>
      <c r="P961" s="3">
        <v>47238</v>
      </c>
    </row>
    <row r="962" spans="1:16" x14ac:dyDescent="0.15">
      <c r="A962" s="2" t="s">
        <v>49</v>
      </c>
      <c r="B962" s="2" t="s">
        <v>5795</v>
      </c>
      <c r="C962" s="4" t="s">
        <v>6</v>
      </c>
      <c r="D962" s="5" t="s">
        <v>2548</v>
      </c>
      <c r="E962" s="5" t="s">
        <v>5796</v>
      </c>
      <c r="F962" s="6" t="s">
        <v>5797</v>
      </c>
      <c r="G962" s="2" t="s">
        <v>5793</v>
      </c>
      <c r="H962" s="4" t="s">
        <v>9</v>
      </c>
      <c r="I962" s="5" t="s">
        <v>6</v>
      </c>
      <c r="J962" s="5" t="s">
        <v>500</v>
      </c>
      <c r="K962" s="5" t="s">
        <v>5794</v>
      </c>
      <c r="L962" s="6" t="s">
        <v>5</v>
      </c>
      <c r="M962" s="2" t="s">
        <v>5798</v>
      </c>
      <c r="N962" s="3">
        <v>44757</v>
      </c>
      <c r="O962" s="3">
        <v>44757</v>
      </c>
      <c r="P962" s="3">
        <v>47087</v>
      </c>
    </row>
    <row r="963" spans="1:16" x14ac:dyDescent="0.15">
      <c r="A963" s="2" t="s">
        <v>49</v>
      </c>
      <c r="B963" s="2" t="s">
        <v>3670</v>
      </c>
      <c r="C963" s="4" t="s">
        <v>6</v>
      </c>
      <c r="D963" s="5" t="s">
        <v>855</v>
      </c>
      <c r="E963" s="5" t="s">
        <v>3671</v>
      </c>
      <c r="F963" s="6" t="s">
        <v>3672</v>
      </c>
      <c r="G963" s="2"/>
      <c r="H963" s="4"/>
      <c r="I963" s="5"/>
      <c r="J963" s="5"/>
      <c r="K963" s="5"/>
      <c r="L963" s="6"/>
      <c r="M963" s="2" t="s">
        <v>3673</v>
      </c>
      <c r="N963" s="3">
        <v>44544</v>
      </c>
      <c r="O963" s="3">
        <v>44544</v>
      </c>
      <c r="P963" s="3">
        <v>46934</v>
      </c>
    </row>
    <row r="964" spans="1:16" x14ac:dyDescent="0.15">
      <c r="A964" s="2" t="s">
        <v>49</v>
      </c>
      <c r="B964" s="2" t="s">
        <v>3674</v>
      </c>
      <c r="C964" s="4" t="s">
        <v>6</v>
      </c>
      <c r="D964" s="5" t="s">
        <v>3675</v>
      </c>
      <c r="E964" s="5" t="s">
        <v>5</v>
      </c>
      <c r="F964" s="6" t="s">
        <v>5</v>
      </c>
      <c r="G964" s="2"/>
      <c r="H964" s="4"/>
      <c r="I964" s="5"/>
      <c r="J964" s="5"/>
      <c r="K964" s="5"/>
      <c r="L964" s="6"/>
      <c r="M964" s="2" t="s">
        <v>3676</v>
      </c>
      <c r="N964" s="3">
        <v>44547</v>
      </c>
      <c r="O964" s="3">
        <v>44547</v>
      </c>
      <c r="P964" s="3">
        <v>47087</v>
      </c>
    </row>
    <row r="965" spans="1:16" x14ac:dyDescent="0.15">
      <c r="A965" s="2" t="s">
        <v>49</v>
      </c>
      <c r="B965" s="2" t="s">
        <v>5807</v>
      </c>
      <c r="C965" s="4" t="s">
        <v>6</v>
      </c>
      <c r="D965" s="5" t="s">
        <v>4435</v>
      </c>
      <c r="E965" s="5" t="s">
        <v>5808</v>
      </c>
      <c r="F965" s="6" t="s">
        <v>5</v>
      </c>
      <c r="G965" s="2" t="s">
        <v>5304</v>
      </c>
      <c r="H965" s="4" t="s">
        <v>9</v>
      </c>
      <c r="I965" s="5" t="s">
        <v>6</v>
      </c>
      <c r="J965" s="5" t="s">
        <v>4435</v>
      </c>
      <c r="K965" s="5" t="s">
        <v>5806</v>
      </c>
      <c r="L965" s="6" t="s">
        <v>5</v>
      </c>
      <c r="M965" s="2" t="s">
        <v>5809</v>
      </c>
      <c r="N965" s="3">
        <v>44767</v>
      </c>
      <c r="O965" s="3">
        <v>44767</v>
      </c>
      <c r="P965" s="3">
        <v>47299</v>
      </c>
    </row>
    <row r="966" spans="1:16" x14ac:dyDescent="0.15">
      <c r="A966" s="2" t="s">
        <v>660</v>
      </c>
      <c r="B966" s="2" t="s">
        <v>3683</v>
      </c>
      <c r="C966" s="4" t="s">
        <v>6</v>
      </c>
      <c r="D966" s="5" t="s">
        <v>3684</v>
      </c>
      <c r="E966" s="5" t="s">
        <v>3685</v>
      </c>
      <c r="F966" s="6" t="s">
        <v>5</v>
      </c>
      <c r="G966" s="2"/>
      <c r="H966" s="4"/>
      <c r="I966" s="5"/>
      <c r="J966" s="5"/>
      <c r="K966" s="5"/>
      <c r="L966" s="6"/>
      <c r="M966" s="2" t="s">
        <v>3686</v>
      </c>
      <c r="N966" s="3">
        <v>44545</v>
      </c>
      <c r="O966" s="3">
        <v>44545</v>
      </c>
      <c r="P966" s="3">
        <v>46660</v>
      </c>
    </row>
    <row r="967" spans="1:16" x14ac:dyDescent="0.15">
      <c r="A967" s="2" t="s">
        <v>49</v>
      </c>
      <c r="B967" s="2" t="s">
        <v>5810</v>
      </c>
      <c r="C967" s="4" t="s">
        <v>6</v>
      </c>
      <c r="D967" s="5" t="s">
        <v>4435</v>
      </c>
      <c r="E967" s="5" t="s">
        <v>5811</v>
      </c>
      <c r="F967" s="6" t="s">
        <v>5</v>
      </c>
      <c r="G967" s="2" t="s">
        <v>5304</v>
      </c>
      <c r="H967" s="4" t="s">
        <v>9</v>
      </c>
      <c r="I967" s="5" t="s">
        <v>6</v>
      </c>
      <c r="J967" s="5" t="s">
        <v>4435</v>
      </c>
      <c r="K967" s="5" t="s">
        <v>5806</v>
      </c>
      <c r="L967" s="6" t="s">
        <v>5</v>
      </c>
      <c r="M967" s="2" t="s">
        <v>5812</v>
      </c>
      <c r="N967" s="3">
        <v>44767</v>
      </c>
      <c r="O967" s="3">
        <v>44767</v>
      </c>
      <c r="P967" s="3">
        <v>47299</v>
      </c>
    </row>
    <row r="968" spans="1:16" x14ac:dyDescent="0.15">
      <c r="A968" s="2" t="s">
        <v>49</v>
      </c>
      <c r="B968" s="2" t="s">
        <v>5831</v>
      </c>
      <c r="C968" s="4" t="s">
        <v>6</v>
      </c>
      <c r="D968" s="5" t="s">
        <v>4435</v>
      </c>
      <c r="E968" s="5" t="s">
        <v>5830</v>
      </c>
      <c r="F968" s="6" t="s">
        <v>5</v>
      </c>
      <c r="G968" s="2" t="s">
        <v>5829</v>
      </c>
      <c r="H968" s="4" t="s">
        <v>9</v>
      </c>
      <c r="I968" s="5" t="s">
        <v>6</v>
      </c>
      <c r="J968" s="5" t="s">
        <v>4435</v>
      </c>
      <c r="K968" s="5" t="s">
        <v>5830</v>
      </c>
      <c r="L968" s="6" t="s">
        <v>5</v>
      </c>
      <c r="M968" s="2" t="s">
        <v>5832</v>
      </c>
      <c r="N968" s="3">
        <v>44757</v>
      </c>
      <c r="O968" s="3">
        <v>44757</v>
      </c>
      <c r="P968" s="3">
        <v>47299</v>
      </c>
    </row>
    <row r="969" spans="1:16" x14ac:dyDescent="0.15">
      <c r="A969" s="2" t="s">
        <v>49</v>
      </c>
      <c r="B969" s="2" t="s">
        <v>5841</v>
      </c>
      <c r="C969" s="4" t="s">
        <v>6</v>
      </c>
      <c r="D969" s="5" t="s">
        <v>2568</v>
      </c>
      <c r="E969" s="5" t="s">
        <v>5842</v>
      </c>
      <c r="F969" s="6" t="s">
        <v>5</v>
      </c>
      <c r="G969" s="2" t="s">
        <v>5838</v>
      </c>
      <c r="H969" s="4" t="s">
        <v>384</v>
      </c>
      <c r="I969" s="5" t="s">
        <v>441</v>
      </c>
      <c r="J969" s="5" t="s">
        <v>5839</v>
      </c>
      <c r="K969" s="5" t="s">
        <v>5840</v>
      </c>
      <c r="L969" s="6" t="s">
        <v>5</v>
      </c>
      <c r="M969" s="2" t="s">
        <v>5843</v>
      </c>
      <c r="N969" s="3">
        <v>44776</v>
      </c>
      <c r="O969" s="3">
        <v>44776</v>
      </c>
      <c r="P969" s="3">
        <v>47208</v>
      </c>
    </row>
    <row r="970" spans="1:16" x14ac:dyDescent="0.15">
      <c r="A970" s="2" t="s">
        <v>49</v>
      </c>
      <c r="B970" s="2" t="s">
        <v>3705</v>
      </c>
      <c r="C970" s="4" t="s">
        <v>6</v>
      </c>
      <c r="D970" s="5" t="s">
        <v>3703</v>
      </c>
      <c r="E970" s="5" t="s">
        <v>3704</v>
      </c>
      <c r="F970" s="6" t="s">
        <v>5</v>
      </c>
      <c r="G970" s="2"/>
      <c r="H970" s="4"/>
      <c r="I970" s="5"/>
      <c r="J970" s="5"/>
      <c r="K970" s="5"/>
      <c r="L970" s="6"/>
      <c r="M970" s="2" t="s">
        <v>3706</v>
      </c>
      <c r="N970" s="3">
        <v>44553</v>
      </c>
      <c r="O970" s="3">
        <v>44553</v>
      </c>
      <c r="P970" s="3">
        <v>46568</v>
      </c>
    </row>
    <row r="971" spans="1:16" x14ac:dyDescent="0.15">
      <c r="A971" s="2" t="s">
        <v>16</v>
      </c>
      <c r="B971" s="2" t="s">
        <v>3705</v>
      </c>
      <c r="C971" s="4" t="s">
        <v>6</v>
      </c>
      <c r="D971" s="5" t="s">
        <v>3703</v>
      </c>
      <c r="E971" s="5" t="s">
        <v>3704</v>
      </c>
      <c r="F971" s="6" t="s">
        <v>5</v>
      </c>
      <c r="G971" s="2"/>
      <c r="H971" s="4"/>
      <c r="I971" s="5"/>
      <c r="J971" s="5"/>
      <c r="K971" s="5"/>
      <c r="L971" s="6"/>
      <c r="M971" s="2" t="s">
        <v>3707</v>
      </c>
      <c r="N971" s="3">
        <v>44553</v>
      </c>
      <c r="O971" s="3">
        <v>44553</v>
      </c>
      <c r="P971" s="3">
        <v>46568</v>
      </c>
    </row>
    <row r="972" spans="1:16" x14ac:dyDescent="0.15">
      <c r="A972" s="2" t="s">
        <v>49</v>
      </c>
      <c r="B972" s="2" t="s">
        <v>5851</v>
      </c>
      <c r="C972" s="4" t="s">
        <v>6</v>
      </c>
      <c r="D972" s="5" t="s">
        <v>367</v>
      </c>
      <c r="E972" s="5" t="s">
        <v>5850</v>
      </c>
      <c r="F972" s="6" t="s">
        <v>5</v>
      </c>
      <c r="G972" s="2" t="s">
        <v>5849</v>
      </c>
      <c r="H972" s="4" t="s">
        <v>9</v>
      </c>
      <c r="I972" s="5" t="s">
        <v>6</v>
      </c>
      <c r="J972" s="5" t="s">
        <v>367</v>
      </c>
      <c r="K972" s="5" t="s">
        <v>5850</v>
      </c>
      <c r="L972" s="6" t="s">
        <v>5</v>
      </c>
      <c r="M972" s="2" t="s">
        <v>5852</v>
      </c>
      <c r="N972" s="3">
        <v>40812</v>
      </c>
      <c r="O972" s="3">
        <v>44835</v>
      </c>
      <c r="P972" s="3">
        <v>46660</v>
      </c>
    </row>
    <row r="973" spans="1:16" x14ac:dyDescent="0.15">
      <c r="A973" s="2" t="s">
        <v>49</v>
      </c>
      <c r="B973" s="2" t="s">
        <v>5859</v>
      </c>
      <c r="C973" s="4" t="s">
        <v>6</v>
      </c>
      <c r="D973" s="5" t="s">
        <v>2089</v>
      </c>
      <c r="E973" s="5" t="s">
        <v>2054</v>
      </c>
      <c r="F973" s="6" t="s">
        <v>5860</v>
      </c>
      <c r="G973" s="2" t="s">
        <v>5856</v>
      </c>
      <c r="H973" s="4" t="s">
        <v>184</v>
      </c>
      <c r="I973" s="5" t="s">
        <v>2811</v>
      </c>
      <c r="J973" s="5" t="s">
        <v>5857</v>
      </c>
      <c r="K973" s="5" t="s">
        <v>5858</v>
      </c>
      <c r="L973" s="6" t="s">
        <v>5</v>
      </c>
      <c r="M973" s="2" t="s">
        <v>5861</v>
      </c>
      <c r="N973" s="3">
        <v>44772</v>
      </c>
      <c r="O973" s="3">
        <v>44772</v>
      </c>
      <c r="P973" s="3">
        <v>47087</v>
      </c>
    </row>
    <row r="974" spans="1:16" x14ac:dyDescent="0.15">
      <c r="A974" s="2" t="s">
        <v>49</v>
      </c>
      <c r="B974" s="2" t="s">
        <v>3716</v>
      </c>
      <c r="C974" s="4" t="s">
        <v>6</v>
      </c>
      <c r="D974" s="5" t="s">
        <v>848</v>
      </c>
      <c r="E974" s="5" t="s">
        <v>3178</v>
      </c>
      <c r="F974" s="6" t="s">
        <v>3717</v>
      </c>
      <c r="G974" s="2"/>
      <c r="H974" s="4"/>
      <c r="I974" s="5"/>
      <c r="J974" s="5"/>
      <c r="K974" s="5"/>
      <c r="L974" s="6"/>
      <c r="M974" s="2" t="s">
        <v>3718</v>
      </c>
      <c r="N974" s="3">
        <v>44551</v>
      </c>
      <c r="O974" s="3">
        <v>44551</v>
      </c>
      <c r="P974" s="3">
        <v>46538</v>
      </c>
    </row>
    <row r="975" spans="1:16" x14ac:dyDescent="0.15">
      <c r="A975" s="2" t="s">
        <v>16</v>
      </c>
      <c r="B975" s="2" t="s">
        <v>3721</v>
      </c>
      <c r="C975" s="4" t="s">
        <v>6</v>
      </c>
      <c r="D975" s="5" t="s">
        <v>3722</v>
      </c>
      <c r="E975" s="5" t="s">
        <v>3723</v>
      </c>
      <c r="F975" s="6" t="s">
        <v>5</v>
      </c>
      <c r="G975" s="2"/>
      <c r="H975" s="4"/>
      <c r="I975" s="5"/>
      <c r="J975" s="5"/>
      <c r="K975" s="5"/>
      <c r="L975" s="6"/>
      <c r="M975" s="2" t="s">
        <v>3724</v>
      </c>
      <c r="N975" s="3">
        <v>44551</v>
      </c>
      <c r="O975" s="3">
        <v>44551</v>
      </c>
      <c r="P975" s="3">
        <v>46873</v>
      </c>
    </row>
    <row r="976" spans="1:16" x14ac:dyDescent="0.15">
      <c r="A976" s="2" t="s">
        <v>16</v>
      </c>
      <c r="B976" s="2" t="s">
        <v>3726</v>
      </c>
      <c r="C976" s="4" t="s">
        <v>6</v>
      </c>
      <c r="D976" s="5" t="s">
        <v>3315</v>
      </c>
      <c r="E976" s="5" t="s">
        <v>3725</v>
      </c>
      <c r="F976" s="6" t="s">
        <v>5</v>
      </c>
      <c r="G976" s="2"/>
      <c r="H976" s="4"/>
      <c r="I976" s="5"/>
      <c r="J976" s="5"/>
      <c r="K976" s="5"/>
      <c r="L976" s="6"/>
      <c r="M976" s="2" t="s">
        <v>3727</v>
      </c>
      <c r="N976" s="3">
        <v>44552</v>
      </c>
      <c r="O976" s="3">
        <v>44552</v>
      </c>
      <c r="P976" s="3">
        <v>46873</v>
      </c>
    </row>
    <row r="977" spans="1:16" x14ac:dyDescent="0.15">
      <c r="A977" s="2" t="s">
        <v>49</v>
      </c>
      <c r="B977" s="2" t="s">
        <v>5868</v>
      </c>
      <c r="C977" s="4" t="s">
        <v>6</v>
      </c>
      <c r="D977" s="5" t="s">
        <v>2805</v>
      </c>
      <c r="E977" s="5" t="s">
        <v>5867</v>
      </c>
      <c r="F977" s="6" t="s">
        <v>5</v>
      </c>
      <c r="G977" s="2" t="s">
        <v>5866</v>
      </c>
      <c r="H977" s="4" t="s">
        <v>9</v>
      </c>
      <c r="I977" s="5" t="s">
        <v>6</v>
      </c>
      <c r="J977" s="5" t="s">
        <v>2805</v>
      </c>
      <c r="K977" s="5" t="s">
        <v>5867</v>
      </c>
      <c r="L977" s="6" t="s">
        <v>5</v>
      </c>
      <c r="M977" s="2" t="s">
        <v>5869</v>
      </c>
      <c r="N977" s="3">
        <v>44774</v>
      </c>
      <c r="O977" s="3">
        <v>44774</v>
      </c>
      <c r="P977" s="3">
        <v>47057</v>
      </c>
    </row>
    <row r="978" spans="1:16" x14ac:dyDescent="0.15">
      <c r="A978" s="2" t="s">
        <v>49</v>
      </c>
      <c r="B978" s="2" t="s">
        <v>5870</v>
      </c>
      <c r="C978" s="4" t="s">
        <v>6</v>
      </c>
      <c r="D978" s="5" t="s">
        <v>1152</v>
      </c>
      <c r="E978" s="5" t="s">
        <v>599</v>
      </c>
      <c r="F978" s="6" t="s">
        <v>5</v>
      </c>
      <c r="G978" s="2" t="s">
        <v>5866</v>
      </c>
      <c r="H978" s="4" t="s">
        <v>9</v>
      </c>
      <c r="I978" s="5" t="s">
        <v>6</v>
      </c>
      <c r="J978" s="5" t="s">
        <v>2805</v>
      </c>
      <c r="K978" s="5" t="s">
        <v>5867</v>
      </c>
      <c r="L978" s="6" t="s">
        <v>5</v>
      </c>
      <c r="M978" s="2" t="s">
        <v>5871</v>
      </c>
      <c r="N978" s="3">
        <v>44774</v>
      </c>
      <c r="O978" s="3">
        <v>44774</v>
      </c>
      <c r="P978" s="3">
        <v>47087</v>
      </c>
    </row>
    <row r="979" spans="1:16" x14ac:dyDescent="0.15">
      <c r="A979" s="2" t="s">
        <v>49</v>
      </c>
      <c r="B979" s="2" t="s">
        <v>3734</v>
      </c>
      <c r="C979" s="4" t="s">
        <v>6</v>
      </c>
      <c r="D979" s="5" t="s">
        <v>1027</v>
      </c>
      <c r="E979" s="5" t="s">
        <v>3312</v>
      </c>
      <c r="F979" s="6" t="s">
        <v>3735</v>
      </c>
      <c r="G979" s="2"/>
      <c r="H979" s="4"/>
      <c r="I979" s="5"/>
      <c r="J979" s="5"/>
      <c r="K979" s="5"/>
      <c r="L979" s="6"/>
      <c r="M979" s="2" t="s">
        <v>3736</v>
      </c>
      <c r="N979" s="3">
        <v>44567</v>
      </c>
      <c r="O979" s="3">
        <v>44567</v>
      </c>
      <c r="P979" s="3">
        <v>46721</v>
      </c>
    </row>
    <row r="980" spans="1:16" x14ac:dyDescent="0.15">
      <c r="A980" s="2" t="s">
        <v>49</v>
      </c>
      <c r="B980" s="2" t="s">
        <v>5884</v>
      </c>
      <c r="C980" s="4" t="s">
        <v>6</v>
      </c>
      <c r="D980" s="5" t="s">
        <v>1478</v>
      </c>
      <c r="E980" s="5" t="s">
        <v>70</v>
      </c>
      <c r="F980" s="6" t="s">
        <v>5</v>
      </c>
      <c r="G980" s="2" t="s">
        <v>5883</v>
      </c>
      <c r="H980" s="4" t="s">
        <v>9</v>
      </c>
      <c r="I980" s="5" t="s">
        <v>6</v>
      </c>
      <c r="J980" s="5" t="s">
        <v>1478</v>
      </c>
      <c r="K980" s="5" t="s">
        <v>70</v>
      </c>
      <c r="L980" s="6" t="s">
        <v>5</v>
      </c>
      <c r="M980" s="2" t="s">
        <v>5885</v>
      </c>
      <c r="N980" s="3">
        <v>40299</v>
      </c>
      <c r="O980" s="3">
        <v>44835</v>
      </c>
      <c r="P980" s="3">
        <v>47026</v>
      </c>
    </row>
    <row r="981" spans="1:16" x14ac:dyDescent="0.15">
      <c r="A981" s="2" t="s">
        <v>49</v>
      </c>
      <c r="B981" s="2" t="s">
        <v>3745</v>
      </c>
      <c r="C981" s="4" t="s">
        <v>6</v>
      </c>
      <c r="D981" s="5" t="s">
        <v>1130</v>
      </c>
      <c r="E981" s="5" t="s">
        <v>3746</v>
      </c>
      <c r="F981" s="6" t="s">
        <v>5</v>
      </c>
      <c r="G981" s="2"/>
      <c r="H981" s="4"/>
      <c r="I981" s="5"/>
      <c r="J981" s="5"/>
      <c r="K981" s="5"/>
      <c r="L981" s="6"/>
      <c r="M981" s="2" t="s">
        <v>3747</v>
      </c>
      <c r="N981" s="3">
        <v>44566</v>
      </c>
      <c r="O981" s="3">
        <v>44566</v>
      </c>
      <c r="P981" s="3">
        <v>47057</v>
      </c>
    </row>
    <row r="982" spans="1:16" x14ac:dyDescent="0.15">
      <c r="A982" s="2" t="s">
        <v>49</v>
      </c>
      <c r="B982" s="2" t="s">
        <v>3748</v>
      </c>
      <c r="C982" s="4" t="s">
        <v>6</v>
      </c>
      <c r="D982" s="5" t="s">
        <v>247</v>
      </c>
      <c r="E982" s="5" t="s">
        <v>1690</v>
      </c>
      <c r="F982" s="6" t="s">
        <v>3749</v>
      </c>
      <c r="G982" s="2"/>
      <c r="H982" s="4"/>
      <c r="I982" s="5"/>
      <c r="J982" s="5"/>
      <c r="K982" s="5"/>
      <c r="L982" s="6"/>
      <c r="M982" s="2" t="s">
        <v>3750</v>
      </c>
      <c r="N982" s="3">
        <v>45212</v>
      </c>
      <c r="O982" s="3">
        <v>45212</v>
      </c>
      <c r="P982" s="3">
        <v>47269</v>
      </c>
    </row>
    <row r="983" spans="1:16" x14ac:dyDescent="0.15">
      <c r="A983" s="2" t="s">
        <v>49</v>
      </c>
      <c r="B983" s="2" t="s">
        <v>3752</v>
      </c>
      <c r="C983" s="4" t="s">
        <v>6</v>
      </c>
      <c r="D983" s="5" t="s">
        <v>3753</v>
      </c>
      <c r="E983" s="5" t="s">
        <v>41</v>
      </c>
      <c r="F983" s="6" t="s">
        <v>3754</v>
      </c>
      <c r="G983" s="2"/>
      <c r="H983" s="4"/>
      <c r="I983" s="5"/>
      <c r="J983" s="5"/>
      <c r="K983" s="5"/>
      <c r="L983" s="6"/>
      <c r="M983" s="2" t="s">
        <v>3755</v>
      </c>
      <c r="N983" s="3">
        <v>44572</v>
      </c>
      <c r="O983" s="3">
        <v>44572</v>
      </c>
      <c r="P983" s="3">
        <v>46477</v>
      </c>
    </row>
    <row r="984" spans="1:16" x14ac:dyDescent="0.15">
      <c r="A984" s="2" t="s">
        <v>16</v>
      </c>
      <c r="B984" s="2" t="s">
        <v>3752</v>
      </c>
      <c r="C984" s="4" t="s">
        <v>6</v>
      </c>
      <c r="D984" s="5" t="s">
        <v>3753</v>
      </c>
      <c r="E984" s="5" t="s">
        <v>41</v>
      </c>
      <c r="F984" s="6" t="s">
        <v>3754</v>
      </c>
      <c r="G984" s="2"/>
      <c r="H984" s="4"/>
      <c r="I984" s="5"/>
      <c r="J984" s="5"/>
      <c r="K984" s="5"/>
      <c r="L984" s="6"/>
      <c r="M984" s="2" t="s">
        <v>3756</v>
      </c>
      <c r="N984" s="3">
        <v>44572</v>
      </c>
      <c r="O984" s="3">
        <v>44572</v>
      </c>
      <c r="P984" s="3">
        <v>46477</v>
      </c>
    </row>
    <row r="985" spans="1:16" x14ac:dyDescent="0.15">
      <c r="A985" s="2" t="s">
        <v>49</v>
      </c>
      <c r="B985" s="2" t="s">
        <v>3757</v>
      </c>
      <c r="C985" s="4" t="s">
        <v>6</v>
      </c>
      <c r="D985" s="5" t="s">
        <v>3753</v>
      </c>
      <c r="E985" s="5" t="s">
        <v>41</v>
      </c>
      <c r="F985" s="6" t="s">
        <v>3754</v>
      </c>
      <c r="G985" s="2"/>
      <c r="H985" s="4"/>
      <c r="I985" s="5"/>
      <c r="J985" s="5"/>
      <c r="K985" s="5"/>
      <c r="L985" s="6"/>
      <c r="M985" s="2" t="s">
        <v>3758</v>
      </c>
      <c r="N985" s="3">
        <v>44572</v>
      </c>
      <c r="O985" s="3">
        <v>44572</v>
      </c>
      <c r="P985" s="3">
        <v>46477</v>
      </c>
    </row>
    <row r="986" spans="1:16" x14ac:dyDescent="0.15">
      <c r="A986" s="2" t="s">
        <v>16</v>
      </c>
      <c r="B986" s="2" t="s">
        <v>3757</v>
      </c>
      <c r="C986" s="4" t="s">
        <v>6</v>
      </c>
      <c r="D986" s="5" t="s">
        <v>3753</v>
      </c>
      <c r="E986" s="5" t="s">
        <v>41</v>
      </c>
      <c r="F986" s="6" t="s">
        <v>3754</v>
      </c>
      <c r="G986" s="2"/>
      <c r="H986" s="4"/>
      <c r="I986" s="5"/>
      <c r="J986" s="5"/>
      <c r="K986" s="5"/>
      <c r="L986" s="6"/>
      <c r="M986" s="2" t="s">
        <v>3759</v>
      </c>
      <c r="N986" s="3">
        <v>44572</v>
      </c>
      <c r="O986" s="3">
        <v>44572</v>
      </c>
      <c r="P986" s="3">
        <v>46477</v>
      </c>
    </row>
    <row r="987" spans="1:16" x14ac:dyDescent="0.15">
      <c r="A987" s="2" t="s">
        <v>49</v>
      </c>
      <c r="B987" s="2" t="s">
        <v>3761</v>
      </c>
      <c r="C987" s="4" t="s">
        <v>6</v>
      </c>
      <c r="D987" s="5" t="s">
        <v>3762</v>
      </c>
      <c r="E987" s="5" t="s">
        <v>3763</v>
      </c>
      <c r="F987" s="6" t="s">
        <v>3764</v>
      </c>
      <c r="G987" s="2"/>
      <c r="H987" s="4"/>
      <c r="I987" s="5"/>
      <c r="J987" s="5"/>
      <c r="K987" s="5"/>
      <c r="L987" s="6"/>
      <c r="M987" s="2" t="s">
        <v>3765</v>
      </c>
      <c r="N987" s="3">
        <v>44576</v>
      </c>
      <c r="O987" s="3">
        <v>44576</v>
      </c>
      <c r="P987" s="3">
        <v>47026</v>
      </c>
    </row>
    <row r="988" spans="1:16" x14ac:dyDescent="0.15">
      <c r="A988" s="2" t="s">
        <v>16</v>
      </c>
      <c r="B988" s="2" t="s">
        <v>3761</v>
      </c>
      <c r="C988" s="4" t="s">
        <v>6</v>
      </c>
      <c r="D988" s="5" t="s">
        <v>3762</v>
      </c>
      <c r="E988" s="5" t="s">
        <v>3763</v>
      </c>
      <c r="F988" s="6" t="s">
        <v>3764</v>
      </c>
      <c r="G988" s="2"/>
      <c r="H988" s="4"/>
      <c r="I988" s="5"/>
      <c r="J988" s="5"/>
      <c r="K988" s="5"/>
      <c r="L988" s="6"/>
      <c r="M988" s="2" t="s">
        <v>3766</v>
      </c>
      <c r="N988" s="3">
        <v>44576</v>
      </c>
      <c r="O988" s="3">
        <v>44576</v>
      </c>
      <c r="P988" s="3">
        <v>47026</v>
      </c>
    </row>
    <row r="989" spans="1:16" x14ac:dyDescent="0.15">
      <c r="A989" s="2" t="s">
        <v>49</v>
      </c>
      <c r="B989" s="2" t="s">
        <v>3767</v>
      </c>
      <c r="C989" s="4" t="s">
        <v>6</v>
      </c>
      <c r="D989" s="5" t="s">
        <v>1027</v>
      </c>
      <c r="E989" s="5" t="s">
        <v>2882</v>
      </c>
      <c r="F989" s="6" t="s">
        <v>3768</v>
      </c>
      <c r="G989" s="2"/>
      <c r="H989" s="4"/>
      <c r="I989" s="5"/>
      <c r="J989" s="5"/>
      <c r="K989" s="5"/>
      <c r="L989" s="6"/>
      <c r="M989" s="2" t="s">
        <v>3769</v>
      </c>
      <c r="N989" s="3">
        <v>44575</v>
      </c>
      <c r="O989" s="3">
        <v>44575</v>
      </c>
      <c r="P989" s="3">
        <v>46721</v>
      </c>
    </row>
    <row r="990" spans="1:16" x14ac:dyDescent="0.15">
      <c r="A990" s="2" t="s">
        <v>49</v>
      </c>
      <c r="B990" s="2" t="s">
        <v>5895</v>
      </c>
      <c r="C990" s="4" t="s">
        <v>6</v>
      </c>
      <c r="D990" s="5" t="s">
        <v>5625</v>
      </c>
      <c r="E990" s="5" t="s">
        <v>5894</v>
      </c>
      <c r="F990" s="6" t="s">
        <v>5</v>
      </c>
      <c r="G990" s="2" t="s">
        <v>5893</v>
      </c>
      <c r="H990" s="4" t="s">
        <v>9</v>
      </c>
      <c r="I990" s="5" t="s">
        <v>6</v>
      </c>
      <c r="J990" s="5" t="s">
        <v>5625</v>
      </c>
      <c r="K990" s="5" t="s">
        <v>5894</v>
      </c>
      <c r="L990" s="6" t="s">
        <v>5</v>
      </c>
      <c r="M990" s="2" t="s">
        <v>5896</v>
      </c>
      <c r="N990" s="3">
        <v>40947</v>
      </c>
      <c r="O990" s="3">
        <v>44835</v>
      </c>
      <c r="P990" s="3">
        <v>46660</v>
      </c>
    </row>
    <row r="991" spans="1:16" x14ac:dyDescent="0.15">
      <c r="A991" s="2" t="s">
        <v>49</v>
      </c>
      <c r="B991" s="2" t="s">
        <v>5903</v>
      </c>
      <c r="C991" s="4" t="s">
        <v>6</v>
      </c>
      <c r="D991" s="5" t="s">
        <v>284</v>
      </c>
      <c r="E991" s="5" t="s">
        <v>5904</v>
      </c>
      <c r="F991" s="6" t="s">
        <v>5</v>
      </c>
      <c r="G991" s="2" t="s">
        <v>5901</v>
      </c>
      <c r="H991" s="4" t="s">
        <v>9</v>
      </c>
      <c r="I991" s="5" t="s">
        <v>6</v>
      </c>
      <c r="J991" s="5" t="s">
        <v>2046</v>
      </c>
      <c r="K991" s="5" t="s">
        <v>5902</v>
      </c>
      <c r="L991" s="6" t="s">
        <v>5</v>
      </c>
      <c r="M991" s="2" t="s">
        <v>5905</v>
      </c>
      <c r="N991" s="3">
        <v>44772</v>
      </c>
      <c r="O991" s="3">
        <v>44772</v>
      </c>
      <c r="P991" s="3">
        <v>47208</v>
      </c>
    </row>
    <row r="992" spans="1:16" x14ac:dyDescent="0.15">
      <c r="A992" s="2" t="s">
        <v>49</v>
      </c>
      <c r="B992" s="2" t="s">
        <v>3781</v>
      </c>
      <c r="C992" s="4" t="s">
        <v>6</v>
      </c>
      <c r="D992" s="5" t="s">
        <v>3780</v>
      </c>
      <c r="E992" s="5" t="s">
        <v>3782</v>
      </c>
      <c r="F992" s="6" t="s">
        <v>3783</v>
      </c>
      <c r="G992" s="2"/>
      <c r="H992" s="4"/>
      <c r="I992" s="5"/>
      <c r="J992" s="5"/>
      <c r="K992" s="5"/>
      <c r="L992" s="6"/>
      <c r="M992" s="2" t="s">
        <v>3784</v>
      </c>
      <c r="N992" s="3">
        <v>44579</v>
      </c>
      <c r="O992" s="3">
        <v>44579</v>
      </c>
      <c r="P992" s="3">
        <v>47026</v>
      </c>
    </row>
    <row r="993" spans="1:16" x14ac:dyDescent="0.15">
      <c r="A993" s="2" t="s">
        <v>49</v>
      </c>
      <c r="B993" s="2" t="s">
        <v>5935</v>
      </c>
      <c r="C993" s="4" t="s">
        <v>6</v>
      </c>
      <c r="D993" s="5" t="s">
        <v>5936</v>
      </c>
      <c r="E993" s="5" t="s">
        <v>5937</v>
      </c>
      <c r="F993" s="6" t="s">
        <v>5</v>
      </c>
      <c r="G993" s="2" t="s">
        <v>5934</v>
      </c>
      <c r="H993" s="4" t="s">
        <v>9</v>
      </c>
      <c r="I993" s="5" t="s">
        <v>6</v>
      </c>
      <c r="J993" s="5" t="s">
        <v>5310</v>
      </c>
      <c r="K993" s="5" t="s">
        <v>3933</v>
      </c>
      <c r="L993" s="6" t="s">
        <v>5</v>
      </c>
      <c r="M993" s="2" t="s">
        <v>5938</v>
      </c>
      <c r="N993" s="3">
        <v>42825</v>
      </c>
      <c r="O993" s="3">
        <v>44835</v>
      </c>
      <c r="P993" s="3">
        <v>46660</v>
      </c>
    </row>
    <row r="994" spans="1:16" x14ac:dyDescent="0.15">
      <c r="A994" s="2" t="s">
        <v>49</v>
      </c>
      <c r="B994" s="2" t="s">
        <v>5947</v>
      </c>
      <c r="C994" s="4" t="s">
        <v>6</v>
      </c>
      <c r="D994" s="5" t="s">
        <v>3762</v>
      </c>
      <c r="E994" s="5" t="s">
        <v>5948</v>
      </c>
      <c r="F994" s="6" t="s">
        <v>5</v>
      </c>
      <c r="G994" s="2" t="s">
        <v>5945</v>
      </c>
      <c r="H994" s="4" t="s">
        <v>9</v>
      </c>
      <c r="I994" s="5" t="s">
        <v>6</v>
      </c>
      <c r="J994" s="5" t="s">
        <v>3762</v>
      </c>
      <c r="K994" s="5" t="s">
        <v>5946</v>
      </c>
      <c r="L994" s="6" t="s">
        <v>5</v>
      </c>
      <c r="M994" s="2" t="s">
        <v>5949</v>
      </c>
      <c r="N994" s="3">
        <v>44789</v>
      </c>
      <c r="O994" s="3">
        <v>44789</v>
      </c>
      <c r="P994" s="3">
        <v>46660</v>
      </c>
    </row>
    <row r="995" spans="1:16" x14ac:dyDescent="0.15">
      <c r="A995" s="2" t="s">
        <v>16</v>
      </c>
      <c r="B995" s="2" t="s">
        <v>3796</v>
      </c>
      <c r="C995" s="4" t="s">
        <v>6</v>
      </c>
      <c r="D995" s="5" t="s">
        <v>2371</v>
      </c>
      <c r="E995" s="5" t="s">
        <v>3797</v>
      </c>
      <c r="F995" s="6" t="s">
        <v>3798</v>
      </c>
      <c r="G995" s="2"/>
      <c r="H995" s="4"/>
      <c r="I995" s="5"/>
      <c r="J995" s="5"/>
      <c r="K995" s="5"/>
      <c r="L995" s="6"/>
      <c r="M995" s="2" t="s">
        <v>3799</v>
      </c>
      <c r="N995" s="3">
        <v>45327</v>
      </c>
      <c r="O995" s="3">
        <v>45327</v>
      </c>
      <c r="P995" s="3">
        <v>47573</v>
      </c>
    </row>
    <row r="996" spans="1:16" x14ac:dyDescent="0.15">
      <c r="A996" s="2" t="s">
        <v>49</v>
      </c>
      <c r="B996" s="2" t="s">
        <v>3800</v>
      </c>
      <c r="C996" s="4" t="s">
        <v>6</v>
      </c>
      <c r="D996" s="5" t="s">
        <v>3009</v>
      </c>
      <c r="E996" s="5" t="s">
        <v>3010</v>
      </c>
      <c r="F996" s="6" t="s">
        <v>3800</v>
      </c>
      <c r="G996" s="2"/>
      <c r="H996" s="4"/>
      <c r="I996" s="5"/>
      <c r="J996" s="5"/>
      <c r="K996" s="5"/>
      <c r="L996" s="6"/>
      <c r="M996" s="2" t="s">
        <v>3801</v>
      </c>
      <c r="N996" s="3">
        <v>44595</v>
      </c>
      <c r="O996" s="3">
        <v>44595</v>
      </c>
      <c r="P996" s="3">
        <v>47026</v>
      </c>
    </row>
    <row r="997" spans="1:16" x14ac:dyDescent="0.15">
      <c r="A997" s="2" t="s">
        <v>49</v>
      </c>
      <c r="B997" s="2" t="s">
        <v>3802</v>
      </c>
      <c r="C997" s="4" t="s">
        <v>6</v>
      </c>
      <c r="D997" s="5" t="s">
        <v>434</v>
      </c>
      <c r="E997" s="5" t="s">
        <v>3803</v>
      </c>
      <c r="F997" s="6" t="s">
        <v>5</v>
      </c>
      <c r="G997" s="2"/>
      <c r="H997" s="4"/>
      <c r="I997" s="5"/>
      <c r="J997" s="5"/>
      <c r="K997" s="5"/>
      <c r="L997" s="6"/>
      <c r="M997" s="2" t="s">
        <v>3804</v>
      </c>
      <c r="N997" s="3">
        <v>44835</v>
      </c>
      <c r="O997" s="3">
        <v>44835</v>
      </c>
      <c r="P997" s="3">
        <v>47057</v>
      </c>
    </row>
    <row r="998" spans="1:16" x14ac:dyDescent="0.15">
      <c r="A998" s="2" t="s">
        <v>49</v>
      </c>
      <c r="B998" s="2" t="s">
        <v>3805</v>
      </c>
      <c r="C998" s="4" t="s">
        <v>6</v>
      </c>
      <c r="D998" s="5" t="s">
        <v>3137</v>
      </c>
      <c r="E998" s="5" t="s">
        <v>3806</v>
      </c>
      <c r="F998" s="6" t="s">
        <v>3807</v>
      </c>
      <c r="G998" s="2"/>
      <c r="H998" s="4"/>
      <c r="I998" s="5"/>
      <c r="J998" s="5"/>
      <c r="K998" s="5"/>
      <c r="L998" s="6"/>
      <c r="M998" s="2" t="s">
        <v>3808</v>
      </c>
      <c r="N998" s="3">
        <v>44586</v>
      </c>
      <c r="O998" s="3">
        <v>44586</v>
      </c>
      <c r="P998" s="3">
        <v>46477</v>
      </c>
    </row>
    <row r="999" spans="1:16" x14ac:dyDescent="0.15">
      <c r="A999" s="2" t="s">
        <v>49</v>
      </c>
      <c r="B999" s="2" t="s">
        <v>3809</v>
      </c>
      <c r="C999" s="4" t="s">
        <v>6</v>
      </c>
      <c r="D999" s="5" t="s">
        <v>3810</v>
      </c>
      <c r="E999" s="5" t="s">
        <v>3811</v>
      </c>
      <c r="F999" s="6" t="s">
        <v>5</v>
      </c>
      <c r="G999" s="2"/>
      <c r="H999" s="4"/>
      <c r="I999" s="5"/>
      <c r="J999" s="5"/>
      <c r="K999" s="5"/>
      <c r="L999" s="6"/>
      <c r="M999" s="2" t="s">
        <v>3812</v>
      </c>
      <c r="N999" s="3">
        <v>44586</v>
      </c>
      <c r="O999" s="3">
        <v>44586</v>
      </c>
      <c r="P999" s="3">
        <v>46873</v>
      </c>
    </row>
    <row r="1000" spans="1:16" x14ac:dyDescent="0.15">
      <c r="A1000" s="2" t="s">
        <v>49</v>
      </c>
      <c r="B1000" s="2" t="s">
        <v>5954</v>
      </c>
      <c r="C1000" s="4" t="s">
        <v>6</v>
      </c>
      <c r="D1000" s="5" t="s">
        <v>608</v>
      </c>
      <c r="E1000" s="5" t="s">
        <v>4820</v>
      </c>
      <c r="F1000" s="6" t="s">
        <v>5955</v>
      </c>
      <c r="G1000" s="2" t="s">
        <v>5952</v>
      </c>
      <c r="H1000" s="4" t="s">
        <v>9</v>
      </c>
      <c r="I1000" s="5" t="s">
        <v>6</v>
      </c>
      <c r="J1000" s="5" t="s">
        <v>2167</v>
      </c>
      <c r="K1000" s="5" t="s">
        <v>5953</v>
      </c>
      <c r="L1000" s="6" t="s">
        <v>5</v>
      </c>
      <c r="M1000" s="2" t="s">
        <v>5956</v>
      </c>
      <c r="N1000" s="3">
        <v>44781</v>
      </c>
      <c r="O1000" s="3">
        <v>44781</v>
      </c>
      <c r="P1000" s="3">
        <v>46721</v>
      </c>
    </row>
    <row r="1001" spans="1:16" x14ac:dyDescent="0.15">
      <c r="A1001" s="2" t="s">
        <v>49</v>
      </c>
      <c r="B1001" s="2" t="s">
        <v>5958</v>
      </c>
      <c r="C1001" s="4" t="s">
        <v>6</v>
      </c>
      <c r="D1001" s="5" t="s">
        <v>1814</v>
      </c>
      <c r="E1001" s="5" t="s">
        <v>5959</v>
      </c>
      <c r="F1001" s="6" t="s">
        <v>5</v>
      </c>
      <c r="G1001" s="2" t="s">
        <v>5957</v>
      </c>
      <c r="H1001" s="4" t="s">
        <v>9</v>
      </c>
      <c r="I1001" s="5" t="s">
        <v>6</v>
      </c>
      <c r="J1001" s="5" t="s">
        <v>5916</v>
      </c>
      <c r="K1001" s="5" t="s">
        <v>4833</v>
      </c>
      <c r="L1001" s="6" t="s">
        <v>5</v>
      </c>
      <c r="M1001" s="2" t="s">
        <v>5960</v>
      </c>
      <c r="N1001" s="3">
        <v>44778</v>
      </c>
      <c r="O1001" s="3">
        <v>44778</v>
      </c>
      <c r="P1001" s="3">
        <v>47208</v>
      </c>
    </row>
    <row r="1002" spans="1:16" x14ac:dyDescent="0.15">
      <c r="A1002" s="2" t="s">
        <v>49</v>
      </c>
      <c r="B1002" s="2" t="s">
        <v>5972</v>
      </c>
      <c r="C1002" s="4" t="s">
        <v>6</v>
      </c>
      <c r="D1002" s="5" t="s">
        <v>5973</v>
      </c>
      <c r="E1002" s="5" t="s">
        <v>4833</v>
      </c>
      <c r="F1002" s="6" t="s">
        <v>5</v>
      </c>
      <c r="G1002" s="2" t="s">
        <v>5972</v>
      </c>
      <c r="H1002" s="4" t="s">
        <v>9</v>
      </c>
      <c r="I1002" s="5" t="s">
        <v>6</v>
      </c>
      <c r="J1002" s="5" t="s">
        <v>5973</v>
      </c>
      <c r="K1002" s="5" t="s">
        <v>4833</v>
      </c>
      <c r="L1002" s="6" t="s">
        <v>5</v>
      </c>
      <c r="M1002" s="2" t="s">
        <v>5974</v>
      </c>
      <c r="N1002" s="3">
        <v>40408</v>
      </c>
      <c r="O1002" s="3">
        <v>44835</v>
      </c>
      <c r="P1002" s="3">
        <v>47026</v>
      </c>
    </row>
    <row r="1003" spans="1:16" x14ac:dyDescent="0.15">
      <c r="A1003" s="2" t="s">
        <v>49</v>
      </c>
      <c r="B1003" s="2" t="s">
        <v>5977</v>
      </c>
      <c r="C1003" s="4" t="s">
        <v>6</v>
      </c>
      <c r="D1003" s="5" t="s">
        <v>1790</v>
      </c>
      <c r="E1003" s="5" t="s">
        <v>5978</v>
      </c>
      <c r="F1003" s="6" t="s">
        <v>5979</v>
      </c>
      <c r="G1003" s="2" t="s">
        <v>5975</v>
      </c>
      <c r="H1003" s="4" t="s">
        <v>9</v>
      </c>
      <c r="I1003" s="5" t="s">
        <v>6</v>
      </c>
      <c r="J1003" s="5" t="s">
        <v>5286</v>
      </c>
      <c r="K1003" s="5" t="s">
        <v>5976</v>
      </c>
      <c r="L1003" s="6" t="s">
        <v>5</v>
      </c>
      <c r="M1003" s="2" t="s">
        <v>5980</v>
      </c>
      <c r="N1003" s="3">
        <v>44789</v>
      </c>
      <c r="O1003" s="3">
        <v>44789</v>
      </c>
      <c r="P1003" s="3">
        <v>46873</v>
      </c>
    </row>
    <row r="1004" spans="1:16" x14ac:dyDescent="0.15">
      <c r="A1004" s="2" t="s">
        <v>49</v>
      </c>
      <c r="B1004" s="2" t="s">
        <v>6002</v>
      </c>
      <c r="C1004" s="4" t="s">
        <v>6</v>
      </c>
      <c r="D1004" s="5" t="s">
        <v>1669</v>
      </c>
      <c r="E1004" s="5" t="s">
        <v>6003</v>
      </c>
      <c r="F1004" s="6" t="s">
        <v>5</v>
      </c>
      <c r="G1004" s="2" t="s">
        <v>6000</v>
      </c>
      <c r="H1004" s="4" t="s">
        <v>9</v>
      </c>
      <c r="I1004" s="5" t="s">
        <v>6</v>
      </c>
      <c r="J1004" s="5" t="s">
        <v>3777</v>
      </c>
      <c r="K1004" s="5" t="s">
        <v>6001</v>
      </c>
      <c r="L1004" s="6" t="s">
        <v>5</v>
      </c>
      <c r="M1004" s="2" t="s">
        <v>6004</v>
      </c>
      <c r="N1004" s="3">
        <v>36586</v>
      </c>
      <c r="O1004" s="3">
        <v>44835</v>
      </c>
      <c r="P1004" s="3">
        <v>47026</v>
      </c>
    </row>
    <row r="1005" spans="1:16" x14ac:dyDescent="0.15">
      <c r="A1005" s="2" t="s">
        <v>49</v>
      </c>
      <c r="B1005" s="2" t="s">
        <v>3836</v>
      </c>
      <c r="C1005" s="4" t="s">
        <v>6</v>
      </c>
      <c r="D1005" s="5" t="s">
        <v>1860</v>
      </c>
      <c r="E1005" s="5" t="s">
        <v>3837</v>
      </c>
      <c r="F1005" s="6" t="s">
        <v>5</v>
      </c>
      <c r="G1005" s="2"/>
      <c r="H1005" s="4"/>
      <c r="I1005" s="5"/>
      <c r="J1005" s="5"/>
      <c r="K1005" s="5"/>
      <c r="L1005" s="6"/>
      <c r="M1005" s="2" t="s">
        <v>3838</v>
      </c>
      <c r="N1005" s="3">
        <v>42217</v>
      </c>
      <c r="O1005" s="3">
        <v>44652</v>
      </c>
      <c r="P1005" s="3">
        <v>46843</v>
      </c>
    </row>
    <row r="1006" spans="1:16" x14ac:dyDescent="0.15">
      <c r="A1006" s="2" t="s">
        <v>49</v>
      </c>
      <c r="B1006" s="2" t="s">
        <v>6005</v>
      </c>
      <c r="C1006" s="4" t="s">
        <v>6</v>
      </c>
      <c r="D1006" s="5" t="s">
        <v>324</v>
      </c>
      <c r="E1006" s="5" t="s">
        <v>6006</v>
      </c>
      <c r="F1006" s="6" t="s">
        <v>5</v>
      </c>
      <c r="G1006" s="2" t="s">
        <v>6000</v>
      </c>
      <c r="H1006" s="4" t="s">
        <v>9</v>
      </c>
      <c r="I1006" s="5" t="s">
        <v>6</v>
      </c>
      <c r="J1006" s="5" t="s">
        <v>3777</v>
      </c>
      <c r="K1006" s="5" t="s">
        <v>6001</v>
      </c>
      <c r="L1006" s="6" t="s">
        <v>5</v>
      </c>
      <c r="M1006" s="2" t="s">
        <v>6007</v>
      </c>
      <c r="N1006" s="3">
        <v>40253</v>
      </c>
      <c r="O1006" s="3">
        <v>45017</v>
      </c>
      <c r="P1006" s="3">
        <v>47573</v>
      </c>
    </row>
    <row r="1007" spans="1:16" x14ac:dyDescent="0.15">
      <c r="A1007" s="2" t="s">
        <v>49</v>
      </c>
      <c r="B1007" s="2" t="s">
        <v>3842</v>
      </c>
      <c r="C1007" s="4" t="s">
        <v>6</v>
      </c>
      <c r="D1007" s="5" t="s">
        <v>348</v>
      </c>
      <c r="E1007" s="5" t="s">
        <v>3843</v>
      </c>
      <c r="F1007" s="6" t="s">
        <v>5</v>
      </c>
      <c r="G1007" s="2"/>
      <c r="H1007" s="4"/>
      <c r="I1007" s="5"/>
      <c r="J1007" s="5"/>
      <c r="K1007" s="5"/>
      <c r="L1007" s="6"/>
      <c r="M1007" s="2" t="s">
        <v>3844</v>
      </c>
      <c r="N1007" s="3">
        <v>40193</v>
      </c>
      <c r="O1007" s="3">
        <v>44652</v>
      </c>
      <c r="P1007" s="3">
        <v>46843</v>
      </c>
    </row>
    <row r="1008" spans="1:16" x14ac:dyDescent="0.15">
      <c r="A1008" s="2" t="s">
        <v>66</v>
      </c>
      <c r="B1008" s="2" t="s">
        <v>3846</v>
      </c>
      <c r="C1008" s="4" t="s">
        <v>6</v>
      </c>
      <c r="D1008" s="5" t="s">
        <v>2167</v>
      </c>
      <c r="E1008" s="5" t="s">
        <v>3845</v>
      </c>
      <c r="F1008" s="6" t="s">
        <v>5</v>
      </c>
      <c r="G1008" s="2"/>
      <c r="H1008" s="4"/>
      <c r="I1008" s="5"/>
      <c r="J1008" s="5"/>
      <c r="K1008" s="5"/>
      <c r="L1008" s="6"/>
      <c r="M1008" s="2" t="s">
        <v>3847</v>
      </c>
      <c r="N1008" s="3">
        <v>33388</v>
      </c>
      <c r="O1008" s="3">
        <v>44652</v>
      </c>
      <c r="P1008" s="3">
        <v>46477</v>
      </c>
    </row>
    <row r="1009" spans="1:16" x14ac:dyDescent="0.15">
      <c r="A1009" s="2" t="s">
        <v>49</v>
      </c>
      <c r="B1009" s="2" t="s">
        <v>6008</v>
      </c>
      <c r="C1009" s="4" t="s">
        <v>6</v>
      </c>
      <c r="D1009" s="5" t="s">
        <v>6009</v>
      </c>
      <c r="E1009" s="5" t="s">
        <v>6010</v>
      </c>
      <c r="F1009" s="6" t="s">
        <v>6011</v>
      </c>
      <c r="G1009" s="2" t="s">
        <v>6000</v>
      </c>
      <c r="H1009" s="4" t="s">
        <v>9</v>
      </c>
      <c r="I1009" s="5" t="s">
        <v>6</v>
      </c>
      <c r="J1009" s="5" t="s">
        <v>3777</v>
      </c>
      <c r="K1009" s="5" t="s">
        <v>6001</v>
      </c>
      <c r="L1009" s="6" t="s">
        <v>5</v>
      </c>
      <c r="M1009" s="2" t="s">
        <v>6012</v>
      </c>
      <c r="N1009" s="3">
        <v>45231</v>
      </c>
      <c r="O1009" s="3">
        <v>45231</v>
      </c>
      <c r="P1009" s="3">
        <v>47756</v>
      </c>
    </row>
    <row r="1010" spans="1:16" x14ac:dyDescent="0.15">
      <c r="A1010" s="2" t="s">
        <v>49</v>
      </c>
      <c r="B1010" s="2" t="s">
        <v>3855</v>
      </c>
      <c r="C1010" s="4" t="s">
        <v>6</v>
      </c>
      <c r="D1010" s="5" t="s">
        <v>3856</v>
      </c>
      <c r="E1010" s="5" t="s">
        <v>2260</v>
      </c>
      <c r="F1010" s="6" t="s">
        <v>5</v>
      </c>
      <c r="G1010" s="2"/>
      <c r="H1010" s="4"/>
      <c r="I1010" s="5"/>
      <c r="J1010" s="5"/>
      <c r="K1010" s="5"/>
      <c r="L1010" s="6"/>
      <c r="M1010" s="2" t="s">
        <v>3857</v>
      </c>
      <c r="N1010" s="3">
        <v>44589</v>
      </c>
      <c r="O1010" s="3">
        <v>44589</v>
      </c>
      <c r="P1010" s="3">
        <v>46843</v>
      </c>
    </row>
    <row r="1011" spans="1:16" x14ac:dyDescent="0.15">
      <c r="A1011" s="2" t="s">
        <v>49</v>
      </c>
      <c r="B1011" s="2" t="s">
        <v>6013</v>
      </c>
      <c r="C1011" s="4" t="s">
        <v>6</v>
      </c>
      <c r="D1011" s="5" t="s">
        <v>1089</v>
      </c>
      <c r="E1011" s="5" t="s">
        <v>3902</v>
      </c>
      <c r="F1011" s="6" t="s">
        <v>5</v>
      </c>
      <c r="G1011" s="2" t="s">
        <v>6000</v>
      </c>
      <c r="H1011" s="4" t="s">
        <v>9</v>
      </c>
      <c r="I1011" s="5" t="s">
        <v>6</v>
      </c>
      <c r="J1011" s="5" t="s">
        <v>3777</v>
      </c>
      <c r="K1011" s="5" t="s">
        <v>6001</v>
      </c>
      <c r="L1011" s="6" t="s">
        <v>5</v>
      </c>
      <c r="M1011" s="2" t="s">
        <v>6014</v>
      </c>
      <c r="N1011" s="3">
        <v>39173</v>
      </c>
      <c r="O1011" s="3">
        <v>45383</v>
      </c>
      <c r="P1011" s="3">
        <v>47573</v>
      </c>
    </row>
    <row r="1012" spans="1:16" x14ac:dyDescent="0.15">
      <c r="A1012" s="2" t="s">
        <v>49</v>
      </c>
      <c r="B1012" s="2" t="s">
        <v>6019</v>
      </c>
      <c r="C1012" s="4" t="s">
        <v>6</v>
      </c>
      <c r="D1012" s="5" t="s">
        <v>6020</v>
      </c>
      <c r="E1012" s="5" t="s">
        <v>6021</v>
      </c>
      <c r="F1012" s="6" t="s">
        <v>5</v>
      </c>
      <c r="G1012" s="2" t="s">
        <v>6017</v>
      </c>
      <c r="H1012" s="4" t="s">
        <v>9</v>
      </c>
      <c r="I1012" s="5" t="s">
        <v>6</v>
      </c>
      <c r="J1012" s="5" t="s">
        <v>583</v>
      </c>
      <c r="K1012" s="5" t="s">
        <v>6018</v>
      </c>
      <c r="L1012" s="6" t="s">
        <v>5</v>
      </c>
      <c r="M1012" s="2" t="s">
        <v>6022</v>
      </c>
      <c r="N1012" s="3">
        <v>40269</v>
      </c>
      <c r="O1012" s="3">
        <v>44835</v>
      </c>
      <c r="P1012" s="3">
        <v>47026</v>
      </c>
    </row>
    <row r="1013" spans="1:16" x14ac:dyDescent="0.15">
      <c r="A1013" s="2" t="s">
        <v>49</v>
      </c>
      <c r="B1013" s="2" t="s">
        <v>6023</v>
      </c>
      <c r="C1013" s="4" t="s">
        <v>6</v>
      </c>
      <c r="D1013" s="5" t="s">
        <v>2439</v>
      </c>
      <c r="E1013" s="5" t="s">
        <v>6024</v>
      </c>
      <c r="F1013" s="6" t="s">
        <v>5</v>
      </c>
      <c r="G1013" s="2" t="s">
        <v>6023</v>
      </c>
      <c r="H1013" s="4" t="s">
        <v>9</v>
      </c>
      <c r="I1013" s="5" t="s">
        <v>6</v>
      </c>
      <c r="J1013" s="5" t="s">
        <v>2439</v>
      </c>
      <c r="K1013" s="5" t="s">
        <v>6024</v>
      </c>
      <c r="L1013" s="6" t="s">
        <v>5</v>
      </c>
      <c r="M1013" s="2" t="s">
        <v>6025</v>
      </c>
      <c r="N1013" s="3">
        <v>33958</v>
      </c>
      <c r="O1013" s="3">
        <v>44835</v>
      </c>
      <c r="P1013" s="3">
        <v>46660</v>
      </c>
    </row>
    <row r="1014" spans="1:16" x14ac:dyDescent="0.15">
      <c r="A1014" s="2" t="s">
        <v>49</v>
      </c>
      <c r="B1014" s="2" t="s">
        <v>3876</v>
      </c>
      <c r="C1014" s="4" t="s">
        <v>6</v>
      </c>
      <c r="D1014" s="5" t="s">
        <v>169</v>
      </c>
      <c r="E1014" s="5" t="s">
        <v>3877</v>
      </c>
      <c r="F1014" s="6" t="s">
        <v>5</v>
      </c>
      <c r="G1014" s="2" t="s">
        <v>3873</v>
      </c>
      <c r="H1014" s="4" t="s">
        <v>9</v>
      </c>
      <c r="I1014" s="5" t="s">
        <v>58</v>
      </c>
      <c r="J1014" s="5" t="s">
        <v>3874</v>
      </c>
      <c r="K1014" s="5" t="s">
        <v>3875</v>
      </c>
      <c r="L1014" s="6" t="s">
        <v>5</v>
      </c>
      <c r="M1014" s="2" t="s">
        <v>3878</v>
      </c>
      <c r="N1014" s="3">
        <v>39873</v>
      </c>
      <c r="O1014" s="3">
        <v>44652</v>
      </c>
      <c r="P1014" s="3">
        <v>47208</v>
      </c>
    </row>
    <row r="1015" spans="1:16" x14ac:dyDescent="0.15">
      <c r="A1015" s="2" t="s">
        <v>49</v>
      </c>
      <c r="B1015" s="2" t="s">
        <v>3879</v>
      </c>
      <c r="C1015" s="4" t="s">
        <v>6</v>
      </c>
      <c r="D1015" s="5" t="s">
        <v>324</v>
      </c>
      <c r="E1015" s="5" t="s">
        <v>3880</v>
      </c>
      <c r="F1015" s="6" t="s">
        <v>3881</v>
      </c>
      <c r="G1015" s="2"/>
      <c r="H1015" s="4"/>
      <c r="I1015" s="5"/>
      <c r="J1015" s="5"/>
      <c r="K1015" s="5"/>
      <c r="L1015" s="6"/>
      <c r="M1015" s="2" t="s">
        <v>3882</v>
      </c>
      <c r="N1015" s="3">
        <v>44589</v>
      </c>
      <c r="O1015" s="3">
        <v>44589</v>
      </c>
      <c r="P1015" s="3">
        <v>46477</v>
      </c>
    </row>
    <row r="1016" spans="1:16" x14ac:dyDescent="0.15">
      <c r="A1016" s="2" t="s">
        <v>49</v>
      </c>
      <c r="B1016" s="2" t="s">
        <v>3883</v>
      </c>
      <c r="C1016" s="4" t="s">
        <v>6</v>
      </c>
      <c r="D1016" s="5" t="s">
        <v>290</v>
      </c>
      <c r="E1016" s="5" t="s">
        <v>3884</v>
      </c>
      <c r="F1016" s="6" t="s">
        <v>5</v>
      </c>
      <c r="G1016" s="2"/>
      <c r="H1016" s="4"/>
      <c r="I1016" s="5"/>
      <c r="J1016" s="5"/>
      <c r="K1016" s="5"/>
      <c r="L1016" s="6"/>
      <c r="M1016" s="2" t="s">
        <v>3885</v>
      </c>
      <c r="N1016" s="3">
        <v>42665</v>
      </c>
      <c r="O1016" s="3">
        <v>45047</v>
      </c>
      <c r="P1016" s="3">
        <v>47238</v>
      </c>
    </row>
    <row r="1017" spans="1:16" x14ac:dyDescent="0.15">
      <c r="A1017" s="2" t="s">
        <v>49</v>
      </c>
      <c r="B1017" s="2" t="s">
        <v>6054</v>
      </c>
      <c r="C1017" s="4" t="s">
        <v>6</v>
      </c>
      <c r="D1017" s="5" t="s">
        <v>1027</v>
      </c>
      <c r="E1017" s="5" t="s">
        <v>4653</v>
      </c>
      <c r="F1017" s="6" t="s">
        <v>6055</v>
      </c>
      <c r="G1017" s="2" t="s">
        <v>6051</v>
      </c>
      <c r="H1017" s="4" t="s">
        <v>9</v>
      </c>
      <c r="I1017" s="5" t="s">
        <v>6</v>
      </c>
      <c r="J1017" s="5" t="s">
        <v>6052</v>
      </c>
      <c r="K1017" s="5" t="s">
        <v>6053</v>
      </c>
      <c r="L1017" s="6" t="s">
        <v>5</v>
      </c>
      <c r="M1017" s="2" t="s">
        <v>6056</v>
      </c>
      <c r="N1017" s="3">
        <v>44792</v>
      </c>
      <c r="O1017" s="3">
        <v>44792</v>
      </c>
      <c r="P1017" s="3">
        <v>46721</v>
      </c>
    </row>
    <row r="1018" spans="1:16" x14ac:dyDescent="0.15">
      <c r="A1018" s="2" t="s">
        <v>16</v>
      </c>
      <c r="B1018" s="2" t="s">
        <v>3893</v>
      </c>
      <c r="C1018" s="4" t="s">
        <v>6</v>
      </c>
      <c r="D1018" s="5" t="s">
        <v>3891</v>
      </c>
      <c r="E1018" s="5" t="s">
        <v>3892</v>
      </c>
      <c r="F1018" s="6" t="s">
        <v>5</v>
      </c>
      <c r="G1018" s="2"/>
      <c r="H1018" s="4"/>
      <c r="I1018" s="5"/>
      <c r="J1018" s="5"/>
      <c r="K1018" s="5"/>
      <c r="L1018" s="6"/>
      <c r="M1018" s="2" t="s">
        <v>3894</v>
      </c>
      <c r="N1018" s="3">
        <v>30655</v>
      </c>
      <c r="O1018" s="3">
        <v>44652</v>
      </c>
      <c r="P1018" s="3">
        <v>46477</v>
      </c>
    </row>
    <row r="1019" spans="1:16" x14ac:dyDescent="0.15">
      <c r="A1019" s="2" t="s">
        <v>49</v>
      </c>
      <c r="B1019" s="2" t="s">
        <v>6082</v>
      </c>
      <c r="C1019" s="4" t="s">
        <v>6</v>
      </c>
      <c r="D1019" s="5" t="s">
        <v>3762</v>
      </c>
      <c r="E1019" s="5" t="s">
        <v>1690</v>
      </c>
      <c r="F1019" s="6" t="s">
        <v>6083</v>
      </c>
      <c r="G1019" s="2" t="s">
        <v>6080</v>
      </c>
      <c r="H1019" s="4" t="s">
        <v>9</v>
      </c>
      <c r="I1019" s="5" t="s">
        <v>6</v>
      </c>
      <c r="J1019" s="5" t="s">
        <v>3762</v>
      </c>
      <c r="K1019" s="5" t="s">
        <v>6081</v>
      </c>
      <c r="L1019" s="6" t="s">
        <v>5</v>
      </c>
      <c r="M1019" s="2" t="s">
        <v>6084</v>
      </c>
      <c r="N1019" s="3">
        <v>40315</v>
      </c>
      <c r="O1019" s="3">
        <v>44835</v>
      </c>
      <c r="P1019" s="3">
        <v>47026</v>
      </c>
    </row>
    <row r="1020" spans="1:16" x14ac:dyDescent="0.15">
      <c r="A1020" s="2" t="s">
        <v>49</v>
      </c>
      <c r="B1020" s="2" t="s">
        <v>6085</v>
      </c>
      <c r="C1020" s="4" t="s">
        <v>6</v>
      </c>
      <c r="D1020" s="5" t="s">
        <v>1827</v>
      </c>
      <c r="E1020" s="5" t="s">
        <v>6086</v>
      </c>
      <c r="F1020" s="6" t="s">
        <v>5</v>
      </c>
      <c r="G1020" s="2" t="s">
        <v>6085</v>
      </c>
      <c r="H1020" s="4" t="s">
        <v>9</v>
      </c>
      <c r="I1020" s="5" t="s">
        <v>6</v>
      </c>
      <c r="J1020" s="5" t="s">
        <v>1827</v>
      </c>
      <c r="K1020" s="5" t="s">
        <v>6086</v>
      </c>
      <c r="L1020" s="6" t="s">
        <v>5</v>
      </c>
      <c r="M1020" s="2" t="s">
        <v>6087</v>
      </c>
      <c r="N1020" s="3">
        <v>39227</v>
      </c>
      <c r="O1020" s="3">
        <v>44835</v>
      </c>
      <c r="P1020" s="3">
        <v>46660</v>
      </c>
    </row>
    <row r="1021" spans="1:16" x14ac:dyDescent="0.15">
      <c r="A1021" s="2" t="s">
        <v>49</v>
      </c>
      <c r="B1021" s="2" t="s">
        <v>6122</v>
      </c>
      <c r="C1021" s="4" t="s">
        <v>6</v>
      </c>
      <c r="D1021" s="5" t="s">
        <v>301</v>
      </c>
      <c r="E1021" s="5" t="s">
        <v>6123</v>
      </c>
      <c r="F1021" s="6" t="s">
        <v>5</v>
      </c>
      <c r="G1021" s="2" t="s">
        <v>4741</v>
      </c>
      <c r="H1021" s="4" t="s">
        <v>29</v>
      </c>
      <c r="I1021" s="5" t="s">
        <v>1887</v>
      </c>
      <c r="J1021" s="5" t="s">
        <v>4675</v>
      </c>
      <c r="K1021" s="5" t="s">
        <v>1821</v>
      </c>
      <c r="L1021" s="6" t="s">
        <v>5</v>
      </c>
      <c r="M1021" s="2" t="s">
        <v>6124</v>
      </c>
      <c r="N1021" s="3">
        <v>44835</v>
      </c>
      <c r="O1021" s="3">
        <v>44835</v>
      </c>
      <c r="P1021" s="3">
        <v>47573</v>
      </c>
    </row>
    <row r="1022" spans="1:16" x14ac:dyDescent="0.15">
      <c r="A1022" s="2" t="s">
        <v>49</v>
      </c>
      <c r="B1022" s="2" t="s">
        <v>6127</v>
      </c>
      <c r="C1022" s="4" t="s">
        <v>6</v>
      </c>
      <c r="D1022" s="5" t="s">
        <v>4403</v>
      </c>
      <c r="E1022" s="5" t="s">
        <v>3825</v>
      </c>
      <c r="F1022" s="6" t="s">
        <v>5</v>
      </c>
      <c r="G1022" s="2" t="s">
        <v>6125</v>
      </c>
      <c r="H1022" s="4" t="s">
        <v>9</v>
      </c>
      <c r="I1022" s="5" t="s">
        <v>6</v>
      </c>
      <c r="J1022" s="5" t="s">
        <v>2454</v>
      </c>
      <c r="K1022" s="5" t="s">
        <v>6126</v>
      </c>
      <c r="L1022" s="6" t="s">
        <v>5</v>
      </c>
      <c r="M1022" s="2" t="s">
        <v>6128</v>
      </c>
      <c r="N1022" s="3">
        <v>44827</v>
      </c>
      <c r="O1022" s="3">
        <v>44827</v>
      </c>
      <c r="P1022" s="3">
        <v>47208</v>
      </c>
    </row>
    <row r="1023" spans="1:16" x14ac:dyDescent="0.15">
      <c r="A1023" s="2" t="s">
        <v>49</v>
      </c>
      <c r="B1023" s="2" t="s">
        <v>6157</v>
      </c>
      <c r="C1023" s="4" t="s">
        <v>6</v>
      </c>
      <c r="D1023" s="5" t="s">
        <v>6155</v>
      </c>
      <c r="E1023" s="5" t="s">
        <v>6156</v>
      </c>
      <c r="F1023" s="6" t="s">
        <v>5</v>
      </c>
      <c r="G1023" s="2" t="s">
        <v>6154</v>
      </c>
      <c r="H1023" s="4" t="s">
        <v>9</v>
      </c>
      <c r="I1023" s="5" t="s">
        <v>6</v>
      </c>
      <c r="J1023" s="5" t="s">
        <v>6155</v>
      </c>
      <c r="K1023" s="5" t="s">
        <v>6156</v>
      </c>
      <c r="L1023" s="6" t="s">
        <v>5</v>
      </c>
      <c r="M1023" s="2" t="s">
        <v>6158</v>
      </c>
      <c r="N1023" s="3">
        <v>42976</v>
      </c>
      <c r="O1023" s="3">
        <v>44835</v>
      </c>
      <c r="P1023" s="3">
        <v>46660</v>
      </c>
    </row>
    <row r="1024" spans="1:16" x14ac:dyDescent="0.15">
      <c r="A1024" s="2" t="s">
        <v>49</v>
      </c>
      <c r="B1024" s="2" t="s">
        <v>6159</v>
      </c>
      <c r="C1024" s="4" t="s">
        <v>6</v>
      </c>
      <c r="D1024" s="5" t="s">
        <v>6155</v>
      </c>
      <c r="E1024" s="5" t="s">
        <v>6156</v>
      </c>
      <c r="F1024" s="6" t="s">
        <v>5</v>
      </c>
      <c r="G1024" s="2" t="s">
        <v>6154</v>
      </c>
      <c r="H1024" s="4" t="s">
        <v>9</v>
      </c>
      <c r="I1024" s="5" t="s">
        <v>6</v>
      </c>
      <c r="J1024" s="5" t="s">
        <v>6155</v>
      </c>
      <c r="K1024" s="5" t="s">
        <v>6156</v>
      </c>
      <c r="L1024" s="6" t="s">
        <v>5</v>
      </c>
      <c r="M1024" s="2" t="s">
        <v>6160</v>
      </c>
      <c r="N1024" s="3">
        <v>42976</v>
      </c>
      <c r="O1024" s="3">
        <v>44835</v>
      </c>
      <c r="P1024" s="3">
        <v>46660</v>
      </c>
    </row>
    <row r="1025" spans="1:16" x14ac:dyDescent="0.15">
      <c r="A1025" s="2" t="s">
        <v>49</v>
      </c>
      <c r="B1025" s="2" t="s">
        <v>6161</v>
      </c>
      <c r="C1025" s="4" t="s">
        <v>6</v>
      </c>
      <c r="D1025" s="5" t="s">
        <v>6155</v>
      </c>
      <c r="E1025" s="5" t="s">
        <v>6156</v>
      </c>
      <c r="F1025" s="6" t="s">
        <v>5</v>
      </c>
      <c r="G1025" s="2" t="s">
        <v>6154</v>
      </c>
      <c r="H1025" s="4" t="s">
        <v>9</v>
      </c>
      <c r="I1025" s="5" t="s">
        <v>6</v>
      </c>
      <c r="J1025" s="5" t="s">
        <v>6155</v>
      </c>
      <c r="K1025" s="5" t="s">
        <v>6156</v>
      </c>
      <c r="L1025" s="6" t="s">
        <v>5</v>
      </c>
      <c r="M1025" s="2" t="s">
        <v>6162</v>
      </c>
      <c r="N1025" s="3">
        <v>42976</v>
      </c>
      <c r="O1025" s="3">
        <v>44835</v>
      </c>
      <c r="P1025" s="3">
        <v>46660</v>
      </c>
    </row>
    <row r="1026" spans="1:16" x14ac:dyDescent="0.15">
      <c r="A1026" s="2" t="s">
        <v>49</v>
      </c>
      <c r="B1026" s="2" t="s">
        <v>6163</v>
      </c>
      <c r="C1026" s="4" t="s">
        <v>6</v>
      </c>
      <c r="D1026" s="5" t="s">
        <v>6155</v>
      </c>
      <c r="E1026" s="5" t="s">
        <v>6156</v>
      </c>
      <c r="F1026" s="6" t="s">
        <v>5</v>
      </c>
      <c r="G1026" s="2" t="s">
        <v>6154</v>
      </c>
      <c r="H1026" s="4" t="s">
        <v>9</v>
      </c>
      <c r="I1026" s="5" t="s">
        <v>6</v>
      </c>
      <c r="J1026" s="5" t="s">
        <v>6155</v>
      </c>
      <c r="K1026" s="5" t="s">
        <v>6156</v>
      </c>
      <c r="L1026" s="6" t="s">
        <v>5</v>
      </c>
      <c r="M1026" s="2" t="s">
        <v>6164</v>
      </c>
      <c r="N1026" s="3">
        <v>42976</v>
      </c>
      <c r="O1026" s="3">
        <v>44835</v>
      </c>
      <c r="P1026" s="3">
        <v>46660</v>
      </c>
    </row>
    <row r="1027" spans="1:16" x14ac:dyDescent="0.15">
      <c r="A1027" s="2" t="s">
        <v>49</v>
      </c>
      <c r="B1027" s="2" t="s">
        <v>3924</v>
      </c>
      <c r="C1027" s="4" t="s">
        <v>6</v>
      </c>
      <c r="D1027" s="5" t="s">
        <v>608</v>
      </c>
      <c r="E1027" s="5" t="s">
        <v>609</v>
      </c>
      <c r="F1027" s="6" t="s">
        <v>3925</v>
      </c>
      <c r="G1027" s="2"/>
      <c r="H1027" s="4"/>
      <c r="I1027" s="5"/>
      <c r="J1027" s="5"/>
      <c r="K1027" s="5"/>
      <c r="L1027" s="6"/>
      <c r="M1027" s="2" t="s">
        <v>3926</v>
      </c>
      <c r="N1027" s="3">
        <v>44594</v>
      </c>
      <c r="O1027" s="3">
        <v>44594</v>
      </c>
      <c r="P1027" s="3">
        <v>46721</v>
      </c>
    </row>
    <row r="1028" spans="1:16" x14ac:dyDescent="0.15">
      <c r="A1028" s="2" t="s">
        <v>49</v>
      </c>
      <c r="B1028" s="2" t="s">
        <v>3927</v>
      </c>
      <c r="C1028" s="4" t="s">
        <v>6</v>
      </c>
      <c r="D1028" s="5" t="s">
        <v>1269</v>
      </c>
      <c r="E1028" s="5" t="s">
        <v>3928</v>
      </c>
      <c r="F1028" s="6" t="s">
        <v>5</v>
      </c>
      <c r="G1028" s="2"/>
      <c r="H1028" s="4"/>
      <c r="I1028" s="5"/>
      <c r="J1028" s="5"/>
      <c r="K1028" s="5"/>
      <c r="L1028" s="6"/>
      <c r="M1028" s="2" t="s">
        <v>3929</v>
      </c>
      <c r="N1028" s="3">
        <v>35313</v>
      </c>
      <c r="O1028" s="3">
        <v>44652</v>
      </c>
      <c r="P1028" s="3">
        <v>46477</v>
      </c>
    </row>
    <row r="1029" spans="1:16" x14ac:dyDescent="0.15">
      <c r="A1029" s="2" t="s">
        <v>16</v>
      </c>
      <c r="B1029" s="2" t="s">
        <v>3931</v>
      </c>
      <c r="C1029" s="4" t="s">
        <v>6</v>
      </c>
      <c r="D1029" s="5" t="s">
        <v>290</v>
      </c>
      <c r="E1029" s="5" t="s">
        <v>3930</v>
      </c>
      <c r="F1029" s="6" t="s">
        <v>5</v>
      </c>
      <c r="G1029" s="2"/>
      <c r="H1029" s="4"/>
      <c r="I1029" s="5"/>
      <c r="J1029" s="5"/>
      <c r="K1029" s="5"/>
      <c r="L1029" s="6"/>
      <c r="M1029" s="2" t="s">
        <v>3932</v>
      </c>
      <c r="N1029" s="3">
        <v>44595</v>
      </c>
      <c r="O1029" s="3">
        <v>44595</v>
      </c>
      <c r="P1029" s="3">
        <v>46477</v>
      </c>
    </row>
    <row r="1030" spans="1:16" x14ac:dyDescent="0.15">
      <c r="A1030" s="2" t="s">
        <v>49</v>
      </c>
      <c r="B1030" s="2" t="s">
        <v>3934</v>
      </c>
      <c r="C1030" s="4" t="s">
        <v>6</v>
      </c>
      <c r="D1030" s="5" t="s">
        <v>3229</v>
      </c>
      <c r="E1030" s="5" t="s">
        <v>609</v>
      </c>
      <c r="F1030" s="6" t="s">
        <v>3935</v>
      </c>
      <c r="G1030" s="2"/>
      <c r="H1030" s="4"/>
      <c r="I1030" s="5"/>
      <c r="J1030" s="5"/>
      <c r="K1030" s="5"/>
      <c r="L1030" s="6"/>
      <c r="M1030" s="2" t="s">
        <v>3936</v>
      </c>
      <c r="N1030" s="3">
        <v>36390</v>
      </c>
      <c r="O1030" s="3">
        <v>44652</v>
      </c>
      <c r="P1030" s="3">
        <v>46843</v>
      </c>
    </row>
    <row r="1031" spans="1:16" x14ac:dyDescent="0.15">
      <c r="A1031" s="2" t="s">
        <v>49</v>
      </c>
      <c r="B1031" s="2" t="s">
        <v>6208</v>
      </c>
      <c r="C1031" s="4" t="s">
        <v>6</v>
      </c>
      <c r="D1031" s="5" t="s">
        <v>6209</v>
      </c>
      <c r="E1031" s="5" t="s">
        <v>6210</v>
      </c>
      <c r="F1031" s="6" t="s">
        <v>5</v>
      </c>
      <c r="G1031" s="2" t="s">
        <v>6205</v>
      </c>
      <c r="H1031" s="4" t="s">
        <v>9</v>
      </c>
      <c r="I1031" s="5" t="s">
        <v>58</v>
      </c>
      <c r="J1031" s="5" t="s">
        <v>6206</v>
      </c>
      <c r="K1031" s="5" t="s">
        <v>6207</v>
      </c>
      <c r="L1031" s="6" t="s">
        <v>5</v>
      </c>
      <c r="M1031" s="2" t="s">
        <v>6211</v>
      </c>
      <c r="N1031" s="3">
        <v>38169</v>
      </c>
      <c r="O1031" s="3">
        <v>44835</v>
      </c>
      <c r="P1031" s="3">
        <v>47026</v>
      </c>
    </row>
    <row r="1032" spans="1:16" x14ac:dyDescent="0.15">
      <c r="A1032" s="2" t="s">
        <v>49</v>
      </c>
      <c r="B1032" s="2" t="s">
        <v>6234</v>
      </c>
      <c r="C1032" s="4" t="s">
        <v>6</v>
      </c>
      <c r="D1032" s="5" t="s">
        <v>479</v>
      </c>
      <c r="E1032" s="5" t="s">
        <v>6235</v>
      </c>
      <c r="F1032" s="6" t="s">
        <v>5</v>
      </c>
      <c r="G1032" s="2" t="s">
        <v>6232</v>
      </c>
      <c r="H1032" s="4" t="s">
        <v>9</v>
      </c>
      <c r="I1032" s="5" t="s">
        <v>6</v>
      </c>
      <c r="J1032" s="5" t="s">
        <v>1148</v>
      </c>
      <c r="K1032" s="5" t="s">
        <v>6233</v>
      </c>
      <c r="L1032" s="6" t="s">
        <v>5</v>
      </c>
      <c r="M1032" s="2" t="s">
        <v>6236</v>
      </c>
      <c r="N1032" s="3">
        <v>38456</v>
      </c>
      <c r="O1032" s="3">
        <v>44866</v>
      </c>
      <c r="P1032" s="3">
        <v>47057</v>
      </c>
    </row>
    <row r="1033" spans="1:16" x14ac:dyDescent="0.15">
      <c r="A1033" s="2" t="s">
        <v>49</v>
      </c>
      <c r="B1033" s="2" t="s">
        <v>6259</v>
      </c>
      <c r="C1033" s="4" t="s">
        <v>6</v>
      </c>
      <c r="D1033" s="5" t="s">
        <v>2167</v>
      </c>
      <c r="E1033" s="5" t="s">
        <v>6258</v>
      </c>
      <c r="F1033" s="6" t="s">
        <v>5</v>
      </c>
      <c r="G1033" s="2" t="s">
        <v>6257</v>
      </c>
      <c r="H1033" s="4" t="s">
        <v>9</v>
      </c>
      <c r="I1033" s="5" t="s">
        <v>6</v>
      </c>
      <c r="J1033" s="5" t="s">
        <v>2167</v>
      </c>
      <c r="K1033" s="5" t="s">
        <v>6258</v>
      </c>
      <c r="L1033" s="6" t="s">
        <v>5</v>
      </c>
      <c r="M1033" s="2" t="s">
        <v>6260</v>
      </c>
      <c r="N1033" s="3">
        <v>40842</v>
      </c>
      <c r="O1033" s="3">
        <v>45383</v>
      </c>
      <c r="P1033" s="3">
        <v>47573</v>
      </c>
    </row>
    <row r="1034" spans="1:16" x14ac:dyDescent="0.15">
      <c r="A1034" s="2" t="s">
        <v>49</v>
      </c>
      <c r="B1034" s="2" t="s">
        <v>3952</v>
      </c>
      <c r="C1034" s="4" t="s">
        <v>6</v>
      </c>
      <c r="D1034" s="5" t="s">
        <v>997</v>
      </c>
      <c r="E1034" s="5" t="s">
        <v>3951</v>
      </c>
      <c r="F1034" s="6" t="s">
        <v>5</v>
      </c>
      <c r="G1034" s="2"/>
      <c r="H1034" s="4"/>
      <c r="I1034" s="5"/>
      <c r="J1034" s="5"/>
      <c r="K1034" s="5"/>
      <c r="L1034" s="6"/>
      <c r="M1034" s="2" t="s">
        <v>3953</v>
      </c>
      <c r="N1034" s="3">
        <v>28441</v>
      </c>
      <c r="O1034" s="3">
        <v>44652</v>
      </c>
      <c r="P1034" s="3">
        <v>46477</v>
      </c>
    </row>
    <row r="1035" spans="1:16" x14ac:dyDescent="0.15">
      <c r="A1035" s="2" t="s">
        <v>16</v>
      </c>
      <c r="B1035" s="2" t="s">
        <v>3956</v>
      </c>
      <c r="C1035" s="4" t="s">
        <v>6</v>
      </c>
      <c r="D1035" s="5" t="s">
        <v>3954</v>
      </c>
      <c r="E1035" s="5" t="s">
        <v>3955</v>
      </c>
      <c r="F1035" s="6" t="s">
        <v>5</v>
      </c>
      <c r="G1035" s="2"/>
      <c r="H1035" s="4"/>
      <c r="I1035" s="5"/>
      <c r="J1035" s="5"/>
      <c r="K1035" s="5"/>
      <c r="L1035" s="6"/>
      <c r="M1035" s="2" t="s">
        <v>3957</v>
      </c>
      <c r="N1035" s="3">
        <v>42818</v>
      </c>
      <c r="O1035" s="3">
        <v>44652</v>
      </c>
      <c r="P1035" s="3">
        <v>46477</v>
      </c>
    </row>
    <row r="1036" spans="1:16" x14ac:dyDescent="0.15">
      <c r="A1036" s="2" t="s">
        <v>49</v>
      </c>
      <c r="B1036" s="2" t="s">
        <v>3958</v>
      </c>
      <c r="C1036" s="4" t="s">
        <v>6</v>
      </c>
      <c r="D1036" s="5" t="s">
        <v>3887</v>
      </c>
      <c r="E1036" s="5" t="s">
        <v>3090</v>
      </c>
      <c r="F1036" s="6" t="s">
        <v>5</v>
      </c>
      <c r="G1036" s="2"/>
      <c r="H1036" s="4"/>
      <c r="I1036" s="5"/>
      <c r="J1036" s="5"/>
      <c r="K1036" s="5"/>
      <c r="L1036" s="6"/>
      <c r="M1036" s="2" t="s">
        <v>3959</v>
      </c>
      <c r="N1036" s="3">
        <v>42247</v>
      </c>
      <c r="O1036" s="3">
        <v>44652</v>
      </c>
      <c r="P1036" s="3">
        <v>46843</v>
      </c>
    </row>
    <row r="1037" spans="1:16" x14ac:dyDescent="0.15">
      <c r="A1037" s="2" t="s">
        <v>36</v>
      </c>
      <c r="B1037" s="2" t="s">
        <v>3960</v>
      </c>
      <c r="C1037" s="4" t="s">
        <v>6</v>
      </c>
      <c r="D1037" s="5" t="s">
        <v>801</v>
      </c>
      <c r="E1037" s="5" t="s">
        <v>727</v>
      </c>
      <c r="F1037" s="6" t="s">
        <v>5</v>
      </c>
      <c r="G1037" s="2"/>
      <c r="H1037" s="4"/>
      <c r="I1037" s="5"/>
      <c r="J1037" s="5"/>
      <c r="K1037" s="5"/>
      <c r="L1037" s="6"/>
      <c r="M1037" s="2" t="s">
        <v>3961</v>
      </c>
      <c r="N1037" s="3">
        <v>44597</v>
      </c>
      <c r="O1037" s="3">
        <v>44597</v>
      </c>
      <c r="P1037" s="3">
        <v>46843</v>
      </c>
    </row>
    <row r="1038" spans="1:16" x14ac:dyDescent="0.15">
      <c r="A1038" s="2" t="s">
        <v>16</v>
      </c>
      <c r="B1038" s="2" t="s">
        <v>3960</v>
      </c>
      <c r="C1038" s="4" t="s">
        <v>6</v>
      </c>
      <c r="D1038" s="5" t="s">
        <v>801</v>
      </c>
      <c r="E1038" s="5" t="s">
        <v>727</v>
      </c>
      <c r="F1038" s="6" t="s">
        <v>5</v>
      </c>
      <c r="G1038" s="2"/>
      <c r="H1038" s="4"/>
      <c r="I1038" s="5"/>
      <c r="J1038" s="5"/>
      <c r="K1038" s="5"/>
      <c r="L1038" s="6"/>
      <c r="M1038" s="2" t="s">
        <v>3962</v>
      </c>
      <c r="N1038" s="3">
        <v>44597</v>
      </c>
      <c r="O1038" s="3">
        <v>44597</v>
      </c>
      <c r="P1038" s="3">
        <v>46843</v>
      </c>
    </row>
    <row r="1039" spans="1:16" x14ac:dyDescent="0.15">
      <c r="A1039" s="2" t="s">
        <v>49</v>
      </c>
      <c r="B1039" s="2" t="s">
        <v>6272</v>
      </c>
      <c r="C1039" s="4" t="s">
        <v>6</v>
      </c>
      <c r="D1039" s="5" t="s">
        <v>6270</v>
      </c>
      <c r="E1039" s="5" t="s">
        <v>6271</v>
      </c>
      <c r="F1039" s="6" t="s">
        <v>5</v>
      </c>
      <c r="G1039" s="2" t="s">
        <v>6269</v>
      </c>
      <c r="H1039" s="4" t="s">
        <v>9</v>
      </c>
      <c r="I1039" s="5" t="s">
        <v>6</v>
      </c>
      <c r="J1039" s="5" t="s">
        <v>6270</v>
      </c>
      <c r="K1039" s="5" t="s">
        <v>6271</v>
      </c>
      <c r="L1039" s="6" t="s">
        <v>5</v>
      </c>
      <c r="M1039" s="2" t="s">
        <v>6273</v>
      </c>
      <c r="N1039" s="3">
        <v>38612</v>
      </c>
      <c r="O1039" s="3">
        <v>44835</v>
      </c>
      <c r="P1039" s="3">
        <v>47026</v>
      </c>
    </row>
    <row r="1040" spans="1:16" x14ac:dyDescent="0.15">
      <c r="A1040" s="2" t="s">
        <v>49</v>
      </c>
      <c r="B1040" s="2" t="s">
        <v>3967</v>
      </c>
      <c r="C1040" s="4" t="s">
        <v>6</v>
      </c>
      <c r="D1040" s="5" t="s">
        <v>247</v>
      </c>
      <c r="E1040" s="5" t="s">
        <v>1690</v>
      </c>
      <c r="F1040" s="6" t="s">
        <v>3968</v>
      </c>
      <c r="G1040" s="2"/>
      <c r="H1040" s="4"/>
      <c r="I1040" s="5"/>
      <c r="J1040" s="5"/>
      <c r="K1040" s="5"/>
      <c r="L1040" s="6"/>
      <c r="M1040" s="2" t="s">
        <v>3969</v>
      </c>
      <c r="N1040" s="3">
        <v>45436</v>
      </c>
      <c r="O1040" s="3">
        <v>45436</v>
      </c>
      <c r="P1040" s="3">
        <v>47634</v>
      </c>
    </row>
    <row r="1041" spans="1:16" x14ac:dyDescent="0.15">
      <c r="A1041" s="2" t="s">
        <v>49</v>
      </c>
      <c r="B1041" s="2" t="s">
        <v>6281</v>
      </c>
      <c r="C1041" s="4" t="s">
        <v>6</v>
      </c>
      <c r="D1041" s="5" t="s">
        <v>1000</v>
      </c>
      <c r="E1041" s="5" t="s">
        <v>1843</v>
      </c>
      <c r="F1041" s="6" t="s">
        <v>5</v>
      </c>
      <c r="G1041" s="2" t="s">
        <v>6280</v>
      </c>
      <c r="H1041" s="4" t="s">
        <v>9</v>
      </c>
      <c r="I1041" s="5" t="s">
        <v>6</v>
      </c>
      <c r="J1041" s="5" t="s">
        <v>1000</v>
      </c>
      <c r="K1041" s="5" t="s">
        <v>1843</v>
      </c>
      <c r="L1041" s="6" t="s">
        <v>5</v>
      </c>
      <c r="M1041" s="2" t="s">
        <v>6282</v>
      </c>
      <c r="N1041" s="3">
        <v>36453</v>
      </c>
      <c r="O1041" s="3">
        <v>44835</v>
      </c>
      <c r="P1041" s="3">
        <v>47026</v>
      </c>
    </row>
    <row r="1042" spans="1:16" x14ac:dyDescent="0.15">
      <c r="A1042" s="2" t="s">
        <v>49</v>
      </c>
      <c r="B1042" s="2" t="s">
        <v>6283</v>
      </c>
      <c r="C1042" s="4" t="s">
        <v>6</v>
      </c>
      <c r="D1042" s="5" t="s">
        <v>1000</v>
      </c>
      <c r="E1042" s="5" t="s">
        <v>1843</v>
      </c>
      <c r="F1042" s="6" t="s">
        <v>5</v>
      </c>
      <c r="G1042" s="2" t="s">
        <v>6280</v>
      </c>
      <c r="H1042" s="4" t="s">
        <v>9</v>
      </c>
      <c r="I1042" s="5" t="s">
        <v>6</v>
      </c>
      <c r="J1042" s="5" t="s">
        <v>1000</v>
      </c>
      <c r="K1042" s="5" t="s">
        <v>1843</v>
      </c>
      <c r="L1042" s="6" t="s">
        <v>5</v>
      </c>
      <c r="M1042" s="2" t="s">
        <v>6284</v>
      </c>
      <c r="N1042" s="3">
        <v>36453</v>
      </c>
      <c r="O1042" s="3">
        <v>44835</v>
      </c>
      <c r="P1042" s="3">
        <v>47026</v>
      </c>
    </row>
    <row r="1043" spans="1:16" x14ac:dyDescent="0.15">
      <c r="A1043" s="2" t="s">
        <v>49</v>
      </c>
      <c r="B1043" s="2" t="s">
        <v>3982</v>
      </c>
      <c r="C1043" s="4" t="s">
        <v>6</v>
      </c>
      <c r="D1043" s="5" t="s">
        <v>3983</v>
      </c>
      <c r="E1043" s="5" t="s">
        <v>5</v>
      </c>
      <c r="F1043" s="6" t="s">
        <v>5</v>
      </c>
      <c r="G1043" s="2"/>
      <c r="H1043" s="4"/>
      <c r="I1043" s="5"/>
      <c r="J1043" s="5"/>
      <c r="K1043" s="5"/>
      <c r="L1043" s="6"/>
      <c r="M1043" s="2" t="s">
        <v>3984</v>
      </c>
      <c r="N1043" s="3">
        <v>44600</v>
      </c>
      <c r="O1043" s="3">
        <v>44600</v>
      </c>
      <c r="P1043" s="3">
        <v>46507</v>
      </c>
    </row>
    <row r="1044" spans="1:16" x14ac:dyDescent="0.15">
      <c r="A1044" s="2" t="s">
        <v>49</v>
      </c>
      <c r="B1044" s="2" t="s">
        <v>6285</v>
      </c>
      <c r="C1044" s="4" t="s">
        <v>6</v>
      </c>
      <c r="D1044" s="5" t="s">
        <v>2170</v>
      </c>
      <c r="E1044" s="5" t="s">
        <v>6286</v>
      </c>
      <c r="F1044" s="6" t="s">
        <v>5</v>
      </c>
      <c r="G1044" s="2" t="s">
        <v>6280</v>
      </c>
      <c r="H1044" s="4" t="s">
        <v>9</v>
      </c>
      <c r="I1044" s="5" t="s">
        <v>6</v>
      </c>
      <c r="J1044" s="5" t="s">
        <v>1000</v>
      </c>
      <c r="K1044" s="5" t="s">
        <v>1843</v>
      </c>
      <c r="L1044" s="6" t="s">
        <v>5</v>
      </c>
      <c r="M1044" s="2" t="s">
        <v>6287</v>
      </c>
      <c r="N1044" s="3">
        <v>40413</v>
      </c>
      <c r="O1044" s="3">
        <v>45047</v>
      </c>
      <c r="P1044" s="3">
        <v>47238</v>
      </c>
    </row>
    <row r="1045" spans="1:16" x14ac:dyDescent="0.15">
      <c r="A1045" s="2" t="s">
        <v>49</v>
      </c>
      <c r="B1045" s="2" t="s">
        <v>6296</v>
      </c>
      <c r="C1045" s="4" t="s">
        <v>6</v>
      </c>
      <c r="D1045" s="5" t="s">
        <v>6297</v>
      </c>
      <c r="E1045" s="5" t="s">
        <v>70</v>
      </c>
      <c r="F1045" s="6" t="s">
        <v>5</v>
      </c>
      <c r="G1045" s="2" t="s">
        <v>6294</v>
      </c>
      <c r="H1045" s="4" t="s">
        <v>9</v>
      </c>
      <c r="I1045" s="5" t="s">
        <v>6</v>
      </c>
      <c r="J1045" s="5" t="s">
        <v>6295</v>
      </c>
      <c r="K1045" s="5" t="s">
        <v>5</v>
      </c>
      <c r="L1045" s="6" t="s">
        <v>5</v>
      </c>
      <c r="M1045" s="2" t="s">
        <v>6298</v>
      </c>
      <c r="N1045" s="3">
        <v>33855</v>
      </c>
      <c r="O1045" s="3">
        <v>44835</v>
      </c>
      <c r="P1045" s="3">
        <v>47026</v>
      </c>
    </row>
    <row r="1046" spans="1:16" x14ac:dyDescent="0.15">
      <c r="A1046" s="2" t="s">
        <v>49</v>
      </c>
      <c r="B1046" s="2" t="s">
        <v>3991</v>
      </c>
      <c r="C1046" s="4" t="s">
        <v>6</v>
      </c>
      <c r="D1046" s="5" t="s">
        <v>608</v>
      </c>
      <c r="E1046" s="5" t="s">
        <v>3992</v>
      </c>
      <c r="F1046" s="6" t="s">
        <v>3993</v>
      </c>
      <c r="G1046" s="2"/>
      <c r="H1046" s="4"/>
      <c r="I1046" s="5"/>
      <c r="J1046" s="5"/>
      <c r="K1046" s="5"/>
      <c r="L1046" s="6"/>
      <c r="M1046" s="2" t="s">
        <v>3994</v>
      </c>
      <c r="N1046" s="3">
        <v>44600</v>
      </c>
      <c r="O1046" s="3">
        <v>44600</v>
      </c>
      <c r="P1046" s="3">
        <v>47087</v>
      </c>
    </row>
    <row r="1047" spans="1:16" x14ac:dyDescent="0.15">
      <c r="A1047" s="2" t="s">
        <v>49</v>
      </c>
      <c r="B1047" s="2" t="s">
        <v>6302</v>
      </c>
      <c r="C1047" s="4" t="s">
        <v>6</v>
      </c>
      <c r="D1047" s="5" t="s">
        <v>848</v>
      </c>
      <c r="E1047" s="5" t="s">
        <v>775</v>
      </c>
      <c r="F1047" s="6" t="s">
        <v>6303</v>
      </c>
      <c r="G1047" s="2" t="s">
        <v>6294</v>
      </c>
      <c r="H1047" s="4" t="s">
        <v>9</v>
      </c>
      <c r="I1047" s="5" t="s">
        <v>6</v>
      </c>
      <c r="J1047" s="5" t="s">
        <v>6295</v>
      </c>
      <c r="K1047" s="5" t="s">
        <v>5</v>
      </c>
      <c r="L1047" s="6" t="s">
        <v>5</v>
      </c>
      <c r="M1047" s="2" t="s">
        <v>6304</v>
      </c>
      <c r="N1047" s="3">
        <v>42669</v>
      </c>
      <c r="O1047" s="3">
        <v>45078</v>
      </c>
      <c r="P1047" s="3">
        <v>47269</v>
      </c>
    </row>
    <row r="1048" spans="1:16" x14ac:dyDescent="0.15">
      <c r="A1048" s="2" t="s">
        <v>49</v>
      </c>
      <c r="B1048" s="2" t="s">
        <v>6319</v>
      </c>
      <c r="C1048" s="4" t="s">
        <v>6</v>
      </c>
      <c r="D1048" s="5" t="s">
        <v>6222</v>
      </c>
      <c r="E1048" s="5" t="s">
        <v>6320</v>
      </c>
      <c r="F1048" s="6" t="s">
        <v>5</v>
      </c>
      <c r="G1048" s="2" t="s">
        <v>6314</v>
      </c>
      <c r="H1048" s="4" t="s">
        <v>6315</v>
      </c>
      <c r="I1048" s="5" t="s">
        <v>6316</v>
      </c>
      <c r="J1048" s="5" t="s">
        <v>6317</v>
      </c>
      <c r="K1048" s="5" t="s">
        <v>6318</v>
      </c>
      <c r="L1048" s="6" t="s">
        <v>5</v>
      </c>
      <c r="M1048" s="2" t="s">
        <v>6321</v>
      </c>
      <c r="N1048" s="3">
        <v>40308</v>
      </c>
      <c r="O1048" s="3">
        <v>44835</v>
      </c>
      <c r="P1048" s="3">
        <v>47026</v>
      </c>
    </row>
    <row r="1049" spans="1:16" x14ac:dyDescent="0.15">
      <c r="A1049" s="2" t="s">
        <v>49</v>
      </c>
      <c r="B1049" s="2" t="s">
        <v>4004</v>
      </c>
      <c r="C1049" s="4" t="s">
        <v>6</v>
      </c>
      <c r="D1049" s="5" t="s">
        <v>2167</v>
      </c>
      <c r="E1049" s="5" t="s">
        <v>4005</v>
      </c>
      <c r="F1049" s="6" t="s">
        <v>5</v>
      </c>
      <c r="G1049" s="2"/>
      <c r="H1049" s="4"/>
      <c r="I1049" s="5"/>
      <c r="J1049" s="5"/>
      <c r="K1049" s="5"/>
      <c r="L1049" s="6"/>
      <c r="M1049" s="2" t="s">
        <v>4006</v>
      </c>
      <c r="N1049" s="3">
        <v>35560</v>
      </c>
      <c r="O1049" s="3">
        <v>44652</v>
      </c>
      <c r="P1049" s="3">
        <v>46477</v>
      </c>
    </row>
    <row r="1050" spans="1:16" x14ac:dyDescent="0.15">
      <c r="A1050" s="2" t="s">
        <v>49</v>
      </c>
      <c r="B1050" s="2" t="s">
        <v>6329</v>
      </c>
      <c r="C1050" s="4" t="s">
        <v>6</v>
      </c>
      <c r="D1050" s="5" t="s">
        <v>1027</v>
      </c>
      <c r="E1050" s="5" t="s">
        <v>6330</v>
      </c>
      <c r="F1050" s="6" t="s">
        <v>6331</v>
      </c>
      <c r="G1050" s="2" t="s">
        <v>6326</v>
      </c>
      <c r="H1050" s="4" t="s">
        <v>9</v>
      </c>
      <c r="I1050" s="5" t="s">
        <v>6</v>
      </c>
      <c r="J1050" s="5" t="s">
        <v>6327</v>
      </c>
      <c r="K1050" s="5" t="s">
        <v>6328</v>
      </c>
      <c r="L1050" s="6" t="s">
        <v>5</v>
      </c>
      <c r="M1050" s="2" t="s">
        <v>6332</v>
      </c>
      <c r="N1050" s="3">
        <v>42962</v>
      </c>
      <c r="O1050" s="3">
        <v>44896</v>
      </c>
      <c r="P1050" s="3">
        <v>46721</v>
      </c>
    </row>
    <row r="1051" spans="1:16" x14ac:dyDescent="0.15">
      <c r="A1051" s="2" t="s">
        <v>49</v>
      </c>
      <c r="B1051" s="2" t="s">
        <v>6333</v>
      </c>
      <c r="C1051" s="4" t="s">
        <v>6</v>
      </c>
      <c r="D1051" s="5" t="s">
        <v>1000</v>
      </c>
      <c r="E1051" s="5" t="s">
        <v>6148</v>
      </c>
      <c r="F1051" s="6" t="s">
        <v>6334</v>
      </c>
      <c r="G1051" s="2" t="s">
        <v>6326</v>
      </c>
      <c r="H1051" s="4" t="s">
        <v>9</v>
      </c>
      <c r="I1051" s="5" t="s">
        <v>6</v>
      </c>
      <c r="J1051" s="5" t="s">
        <v>6327</v>
      </c>
      <c r="K1051" s="5" t="s">
        <v>6328</v>
      </c>
      <c r="L1051" s="6" t="s">
        <v>5</v>
      </c>
      <c r="M1051" s="2" t="s">
        <v>6335</v>
      </c>
      <c r="N1051" s="3">
        <v>42962</v>
      </c>
      <c r="O1051" s="3">
        <v>44835</v>
      </c>
      <c r="P1051" s="3">
        <v>46660</v>
      </c>
    </row>
    <row r="1052" spans="1:16" x14ac:dyDescent="0.15">
      <c r="A1052" s="2" t="s">
        <v>49</v>
      </c>
      <c r="B1052" s="2" t="s">
        <v>6336</v>
      </c>
      <c r="C1052" s="4" t="s">
        <v>6</v>
      </c>
      <c r="D1052" s="5" t="s">
        <v>6327</v>
      </c>
      <c r="E1052" s="5" t="s">
        <v>4031</v>
      </c>
      <c r="F1052" s="6" t="s">
        <v>5</v>
      </c>
      <c r="G1052" s="2" t="s">
        <v>6326</v>
      </c>
      <c r="H1052" s="4" t="s">
        <v>9</v>
      </c>
      <c r="I1052" s="5" t="s">
        <v>6</v>
      </c>
      <c r="J1052" s="5" t="s">
        <v>6327</v>
      </c>
      <c r="K1052" s="5" t="s">
        <v>6328</v>
      </c>
      <c r="L1052" s="6" t="s">
        <v>5</v>
      </c>
      <c r="M1052" s="2" t="s">
        <v>6337</v>
      </c>
      <c r="N1052" s="3">
        <v>42969</v>
      </c>
      <c r="O1052" s="3">
        <v>45200</v>
      </c>
      <c r="P1052" s="3">
        <v>47391</v>
      </c>
    </row>
    <row r="1053" spans="1:16" x14ac:dyDescent="0.15">
      <c r="A1053" s="2" t="s">
        <v>49</v>
      </c>
      <c r="B1053" s="2" t="s">
        <v>4018</v>
      </c>
      <c r="C1053" s="4" t="s">
        <v>6</v>
      </c>
      <c r="D1053" s="5" t="s">
        <v>4016</v>
      </c>
      <c r="E1053" s="5" t="s">
        <v>4019</v>
      </c>
      <c r="F1053" s="6" t="s">
        <v>5</v>
      </c>
      <c r="G1053" s="2" t="s">
        <v>4015</v>
      </c>
      <c r="H1053" s="4" t="s">
        <v>9</v>
      </c>
      <c r="I1053" s="5" t="s">
        <v>6</v>
      </c>
      <c r="J1053" s="5" t="s">
        <v>4016</v>
      </c>
      <c r="K1053" s="5" t="s">
        <v>4017</v>
      </c>
      <c r="L1053" s="6" t="s">
        <v>5</v>
      </c>
      <c r="M1053" s="2" t="s">
        <v>4020</v>
      </c>
      <c r="N1053" s="3">
        <v>44603</v>
      </c>
      <c r="O1053" s="3">
        <v>44603</v>
      </c>
      <c r="P1053" s="3">
        <v>46477</v>
      </c>
    </row>
    <row r="1054" spans="1:16" x14ac:dyDescent="0.15">
      <c r="A1054" s="2" t="s">
        <v>16</v>
      </c>
      <c r="B1054" s="2" t="s">
        <v>4018</v>
      </c>
      <c r="C1054" s="4" t="s">
        <v>6</v>
      </c>
      <c r="D1054" s="5" t="s">
        <v>4016</v>
      </c>
      <c r="E1054" s="5" t="s">
        <v>4019</v>
      </c>
      <c r="F1054" s="6" t="s">
        <v>5</v>
      </c>
      <c r="G1054" s="2" t="s">
        <v>4015</v>
      </c>
      <c r="H1054" s="4" t="s">
        <v>9</v>
      </c>
      <c r="I1054" s="5" t="s">
        <v>6</v>
      </c>
      <c r="J1054" s="5" t="s">
        <v>4016</v>
      </c>
      <c r="K1054" s="5" t="s">
        <v>4017</v>
      </c>
      <c r="L1054" s="6" t="s">
        <v>5</v>
      </c>
      <c r="M1054" s="2" t="s">
        <v>4021</v>
      </c>
      <c r="N1054" s="3">
        <v>44603</v>
      </c>
      <c r="O1054" s="3">
        <v>44603</v>
      </c>
      <c r="P1054" s="3">
        <v>46477</v>
      </c>
    </row>
    <row r="1055" spans="1:16" x14ac:dyDescent="0.15">
      <c r="A1055" s="2" t="s">
        <v>49</v>
      </c>
      <c r="B1055" s="2" t="s">
        <v>6344</v>
      </c>
      <c r="C1055" s="4" t="s">
        <v>6</v>
      </c>
      <c r="D1055" s="5" t="s">
        <v>2012</v>
      </c>
      <c r="E1055" s="5" t="s">
        <v>6345</v>
      </c>
      <c r="F1055" s="6" t="s">
        <v>5</v>
      </c>
      <c r="G1055" s="2" t="s">
        <v>6342</v>
      </c>
      <c r="H1055" s="4" t="s">
        <v>9</v>
      </c>
      <c r="I1055" s="5" t="s">
        <v>6</v>
      </c>
      <c r="J1055" s="5" t="s">
        <v>834</v>
      </c>
      <c r="K1055" s="5" t="s">
        <v>6343</v>
      </c>
      <c r="L1055" s="6" t="s">
        <v>5</v>
      </c>
      <c r="M1055" s="2" t="s">
        <v>6346</v>
      </c>
      <c r="N1055" s="3">
        <v>40976</v>
      </c>
      <c r="O1055" s="3">
        <v>45017</v>
      </c>
      <c r="P1055" s="3">
        <v>47208</v>
      </c>
    </row>
    <row r="1056" spans="1:16" x14ac:dyDescent="0.15">
      <c r="A1056" s="2" t="s">
        <v>49</v>
      </c>
      <c r="B1056" s="2" t="s">
        <v>6352</v>
      </c>
      <c r="C1056" s="4" t="s">
        <v>6</v>
      </c>
      <c r="D1056" s="5" t="s">
        <v>1510</v>
      </c>
      <c r="E1056" s="5" t="s">
        <v>6353</v>
      </c>
      <c r="F1056" s="6" t="s">
        <v>6354</v>
      </c>
      <c r="G1056" s="2" t="s">
        <v>6351</v>
      </c>
      <c r="H1056" s="4" t="s">
        <v>9</v>
      </c>
      <c r="I1056" s="5" t="s">
        <v>6</v>
      </c>
      <c r="J1056" s="5" t="s">
        <v>69</v>
      </c>
      <c r="K1056" s="5" t="s">
        <v>1187</v>
      </c>
      <c r="L1056" s="6" t="s">
        <v>5</v>
      </c>
      <c r="M1056" s="2" t="s">
        <v>6355</v>
      </c>
      <c r="N1056" s="3">
        <v>36791</v>
      </c>
      <c r="O1056" s="3">
        <v>44835</v>
      </c>
      <c r="P1056" s="3">
        <v>47026</v>
      </c>
    </row>
    <row r="1057" spans="1:16" x14ac:dyDescent="0.15">
      <c r="A1057" s="2" t="s">
        <v>49</v>
      </c>
      <c r="B1057" s="2" t="s">
        <v>6358</v>
      </c>
      <c r="C1057" s="4" t="s">
        <v>6</v>
      </c>
      <c r="D1057" s="5" t="s">
        <v>179</v>
      </c>
      <c r="E1057" s="5" t="s">
        <v>6359</v>
      </c>
      <c r="F1057" s="6" t="s">
        <v>5</v>
      </c>
      <c r="G1057" s="2" t="s">
        <v>6356</v>
      </c>
      <c r="H1057" s="4" t="s">
        <v>384</v>
      </c>
      <c r="I1057" s="5" t="s">
        <v>1058</v>
      </c>
      <c r="J1057" s="5" t="s">
        <v>3361</v>
      </c>
      <c r="K1057" s="5" t="s">
        <v>6357</v>
      </c>
      <c r="L1057" s="6" t="s">
        <v>5</v>
      </c>
      <c r="M1057" s="2" t="s">
        <v>6360</v>
      </c>
      <c r="N1057" s="3">
        <v>40452</v>
      </c>
      <c r="O1057" s="3">
        <v>44835</v>
      </c>
      <c r="P1057" s="3">
        <v>47026</v>
      </c>
    </row>
    <row r="1058" spans="1:16" x14ac:dyDescent="0.15">
      <c r="A1058" s="2" t="s">
        <v>49</v>
      </c>
      <c r="B1058" s="2" t="s">
        <v>4035</v>
      </c>
      <c r="C1058" s="4" t="s">
        <v>6</v>
      </c>
      <c r="D1058" s="5" t="s">
        <v>911</v>
      </c>
      <c r="E1058" s="5" t="s">
        <v>4036</v>
      </c>
      <c r="F1058" s="6" t="s">
        <v>5</v>
      </c>
      <c r="G1058" s="2"/>
      <c r="H1058" s="4"/>
      <c r="I1058" s="5"/>
      <c r="J1058" s="5"/>
      <c r="K1058" s="5"/>
      <c r="L1058" s="6"/>
      <c r="M1058" s="2" t="s">
        <v>4037</v>
      </c>
      <c r="N1058" s="3">
        <v>42551</v>
      </c>
      <c r="O1058" s="3">
        <v>44652</v>
      </c>
      <c r="P1058" s="3">
        <v>46477</v>
      </c>
    </row>
    <row r="1059" spans="1:16" x14ac:dyDescent="0.15">
      <c r="A1059" s="2" t="s">
        <v>49</v>
      </c>
      <c r="B1059" s="2" t="s">
        <v>6369</v>
      </c>
      <c r="C1059" s="4" t="s">
        <v>6</v>
      </c>
      <c r="D1059" s="5" t="s">
        <v>2132</v>
      </c>
      <c r="E1059" s="5" t="s">
        <v>6368</v>
      </c>
      <c r="F1059" s="6" t="s">
        <v>5</v>
      </c>
      <c r="G1059" s="2" t="s">
        <v>6367</v>
      </c>
      <c r="H1059" s="4" t="s">
        <v>9</v>
      </c>
      <c r="I1059" s="5" t="s">
        <v>6</v>
      </c>
      <c r="J1059" s="5" t="s">
        <v>2132</v>
      </c>
      <c r="K1059" s="5" t="s">
        <v>6368</v>
      </c>
      <c r="L1059" s="6" t="s">
        <v>5</v>
      </c>
      <c r="M1059" s="2" t="s">
        <v>6370</v>
      </c>
      <c r="N1059" s="3">
        <v>42664</v>
      </c>
      <c r="O1059" s="3">
        <v>44866</v>
      </c>
      <c r="P1059" s="3">
        <v>47057</v>
      </c>
    </row>
    <row r="1060" spans="1:16" x14ac:dyDescent="0.15">
      <c r="A1060" s="2" t="s">
        <v>49</v>
      </c>
      <c r="B1060" s="2" t="s">
        <v>6373</v>
      </c>
      <c r="C1060" s="4" t="s">
        <v>6</v>
      </c>
      <c r="D1060" s="5" t="s">
        <v>2617</v>
      </c>
      <c r="E1060" s="5" t="s">
        <v>6374</v>
      </c>
      <c r="F1060" s="6" t="s">
        <v>5</v>
      </c>
      <c r="G1060" s="2" t="s">
        <v>6373</v>
      </c>
      <c r="H1060" s="4" t="s">
        <v>9</v>
      </c>
      <c r="I1060" s="5" t="s">
        <v>6</v>
      </c>
      <c r="J1060" s="5" t="s">
        <v>2617</v>
      </c>
      <c r="K1060" s="5" t="s">
        <v>6374</v>
      </c>
      <c r="L1060" s="6" t="s">
        <v>5</v>
      </c>
      <c r="M1060" s="2" t="s">
        <v>6375</v>
      </c>
      <c r="N1060" s="3">
        <v>44816</v>
      </c>
      <c r="O1060" s="3">
        <v>44816</v>
      </c>
      <c r="P1060" s="3">
        <v>47057</v>
      </c>
    </row>
    <row r="1061" spans="1:16" x14ac:dyDescent="0.15">
      <c r="A1061" s="2" t="s">
        <v>49</v>
      </c>
      <c r="B1061" s="2" t="s">
        <v>6382</v>
      </c>
      <c r="C1061" s="4" t="s">
        <v>6</v>
      </c>
      <c r="D1061" s="5" t="s">
        <v>301</v>
      </c>
      <c r="E1061" s="5" t="s">
        <v>5683</v>
      </c>
      <c r="F1061" s="6" t="s">
        <v>5</v>
      </c>
      <c r="G1061" s="2" t="s">
        <v>6380</v>
      </c>
      <c r="H1061" s="4" t="s">
        <v>9</v>
      </c>
      <c r="I1061" s="5" t="s">
        <v>6</v>
      </c>
      <c r="J1061" s="5" t="s">
        <v>2384</v>
      </c>
      <c r="K1061" s="5" t="s">
        <v>6381</v>
      </c>
      <c r="L1061" s="6" t="s">
        <v>5</v>
      </c>
      <c r="M1061" s="2" t="s">
        <v>6383</v>
      </c>
      <c r="N1061" s="3">
        <v>44847</v>
      </c>
      <c r="O1061" s="3">
        <v>44847</v>
      </c>
      <c r="P1061" s="3">
        <v>47208</v>
      </c>
    </row>
    <row r="1062" spans="1:16" x14ac:dyDescent="0.15">
      <c r="A1062" s="2" t="s">
        <v>49</v>
      </c>
      <c r="B1062" s="2" t="s">
        <v>6387</v>
      </c>
      <c r="C1062" s="4" t="s">
        <v>6</v>
      </c>
      <c r="D1062" s="5" t="s">
        <v>179</v>
      </c>
      <c r="E1062" s="5" t="s">
        <v>646</v>
      </c>
      <c r="F1062" s="6" t="s">
        <v>6388</v>
      </c>
      <c r="G1062" s="2" t="s">
        <v>6384</v>
      </c>
      <c r="H1062" s="4" t="s">
        <v>384</v>
      </c>
      <c r="I1062" s="5" t="s">
        <v>441</v>
      </c>
      <c r="J1062" s="5" t="s">
        <v>6385</v>
      </c>
      <c r="K1062" s="5" t="s">
        <v>6386</v>
      </c>
      <c r="L1062" s="6" t="s">
        <v>5</v>
      </c>
      <c r="M1062" s="2" t="s">
        <v>6389</v>
      </c>
      <c r="N1062" s="3">
        <v>44813</v>
      </c>
      <c r="O1062" s="3">
        <v>44813</v>
      </c>
      <c r="P1062" s="3">
        <v>47026</v>
      </c>
    </row>
    <row r="1063" spans="1:16" x14ac:dyDescent="0.15">
      <c r="A1063" s="2" t="s">
        <v>49</v>
      </c>
      <c r="B1063" s="2" t="s">
        <v>4047</v>
      </c>
      <c r="C1063" s="4" t="s">
        <v>6</v>
      </c>
      <c r="D1063" s="5" t="s">
        <v>91</v>
      </c>
      <c r="E1063" s="5" t="s">
        <v>4048</v>
      </c>
      <c r="F1063" s="6" t="s">
        <v>5</v>
      </c>
      <c r="G1063" s="2"/>
      <c r="H1063" s="4"/>
      <c r="I1063" s="5"/>
      <c r="J1063" s="5"/>
      <c r="K1063" s="5"/>
      <c r="L1063" s="6"/>
      <c r="M1063" s="2" t="s">
        <v>4049</v>
      </c>
      <c r="N1063" s="3">
        <v>33705</v>
      </c>
      <c r="O1063" s="3">
        <v>44652</v>
      </c>
      <c r="P1063" s="3">
        <v>46843</v>
      </c>
    </row>
    <row r="1064" spans="1:16" x14ac:dyDescent="0.15">
      <c r="A1064" s="2" t="s">
        <v>49</v>
      </c>
      <c r="B1064" s="2" t="s">
        <v>6404</v>
      </c>
      <c r="C1064" s="4" t="s">
        <v>6</v>
      </c>
      <c r="D1064" s="5" t="s">
        <v>967</v>
      </c>
      <c r="E1064" s="5" t="s">
        <v>6405</v>
      </c>
      <c r="F1064" s="6" t="s">
        <v>5</v>
      </c>
      <c r="G1064" s="2" t="s">
        <v>5254</v>
      </c>
      <c r="H1064" s="4" t="s">
        <v>9</v>
      </c>
      <c r="I1064" s="5" t="s">
        <v>6</v>
      </c>
      <c r="J1064" s="5" t="s">
        <v>69</v>
      </c>
      <c r="K1064" s="5" t="s">
        <v>6403</v>
      </c>
      <c r="L1064" s="6" t="s">
        <v>5</v>
      </c>
      <c r="M1064" s="2" t="s">
        <v>6406</v>
      </c>
      <c r="N1064" s="3">
        <v>40442</v>
      </c>
      <c r="O1064" s="3">
        <v>44835</v>
      </c>
      <c r="P1064" s="3">
        <v>47026</v>
      </c>
    </row>
    <row r="1065" spans="1:16" x14ac:dyDescent="0.15">
      <c r="A1065" s="2" t="s">
        <v>49</v>
      </c>
      <c r="B1065" s="2" t="s">
        <v>6409</v>
      </c>
      <c r="C1065" s="4" t="s">
        <v>6</v>
      </c>
      <c r="D1065" s="5" t="s">
        <v>2805</v>
      </c>
      <c r="E1065" s="5" t="s">
        <v>6410</v>
      </c>
      <c r="F1065" s="6" t="s">
        <v>5</v>
      </c>
      <c r="G1065" s="2" t="s">
        <v>6407</v>
      </c>
      <c r="H1065" s="4" t="s">
        <v>9</v>
      </c>
      <c r="I1065" s="5" t="s">
        <v>6</v>
      </c>
      <c r="J1065" s="5" t="s">
        <v>2617</v>
      </c>
      <c r="K1065" s="5" t="s">
        <v>6408</v>
      </c>
      <c r="L1065" s="6" t="s">
        <v>5</v>
      </c>
      <c r="M1065" s="2" t="s">
        <v>6411</v>
      </c>
      <c r="N1065" s="3">
        <v>42367</v>
      </c>
      <c r="O1065" s="3">
        <v>44866</v>
      </c>
      <c r="P1065" s="3">
        <v>47057</v>
      </c>
    </row>
    <row r="1066" spans="1:16" x14ac:dyDescent="0.15">
      <c r="A1066" s="2" t="s">
        <v>49</v>
      </c>
      <c r="B1066" s="2" t="s">
        <v>6416</v>
      </c>
      <c r="C1066" s="4" t="s">
        <v>6</v>
      </c>
      <c r="D1066" s="5" t="s">
        <v>954</v>
      </c>
      <c r="E1066" s="5" t="s">
        <v>6394</v>
      </c>
      <c r="F1066" s="6" t="s">
        <v>6417</v>
      </c>
      <c r="G1066" s="2" t="s">
        <v>6414</v>
      </c>
      <c r="H1066" s="4" t="s">
        <v>9</v>
      </c>
      <c r="I1066" s="5" t="s">
        <v>6</v>
      </c>
      <c r="J1066" s="5" t="s">
        <v>954</v>
      </c>
      <c r="K1066" s="5" t="s">
        <v>6415</v>
      </c>
      <c r="L1066" s="6" t="s">
        <v>5</v>
      </c>
      <c r="M1066" s="2" t="s">
        <v>6418</v>
      </c>
      <c r="N1066" s="3">
        <v>40330</v>
      </c>
      <c r="O1066" s="3">
        <v>44835</v>
      </c>
      <c r="P1066" s="3">
        <v>47026</v>
      </c>
    </row>
    <row r="1067" spans="1:16" x14ac:dyDescent="0.15">
      <c r="A1067" s="2" t="s">
        <v>49</v>
      </c>
      <c r="B1067" s="2" t="s">
        <v>6424</v>
      </c>
      <c r="C1067" s="4" t="s">
        <v>6</v>
      </c>
      <c r="D1067" s="5" t="s">
        <v>1000</v>
      </c>
      <c r="E1067" s="5" t="s">
        <v>3037</v>
      </c>
      <c r="F1067" s="6" t="s">
        <v>6425</v>
      </c>
      <c r="G1067" s="2" t="s">
        <v>6422</v>
      </c>
      <c r="H1067" s="4" t="s">
        <v>9</v>
      </c>
      <c r="I1067" s="5" t="s">
        <v>6</v>
      </c>
      <c r="J1067" s="5" t="s">
        <v>3232</v>
      </c>
      <c r="K1067" s="5" t="s">
        <v>6423</v>
      </c>
      <c r="L1067" s="6" t="s">
        <v>5</v>
      </c>
      <c r="M1067" s="2" t="s">
        <v>6426</v>
      </c>
      <c r="N1067" s="3">
        <v>42347</v>
      </c>
      <c r="O1067" s="3">
        <v>44835</v>
      </c>
      <c r="P1067" s="3">
        <v>47026</v>
      </c>
    </row>
    <row r="1068" spans="1:16" x14ac:dyDescent="0.15">
      <c r="A1068" s="2" t="s">
        <v>49</v>
      </c>
      <c r="B1068" s="2" t="s">
        <v>4064</v>
      </c>
      <c r="C1068" s="4" t="s">
        <v>6</v>
      </c>
      <c r="D1068" s="5" t="s">
        <v>4062</v>
      </c>
      <c r="E1068" s="5" t="s">
        <v>4063</v>
      </c>
      <c r="F1068" s="6" t="s">
        <v>5</v>
      </c>
      <c r="G1068" s="2"/>
      <c r="H1068" s="4"/>
      <c r="I1068" s="5"/>
      <c r="J1068" s="5"/>
      <c r="K1068" s="5"/>
      <c r="L1068" s="6"/>
      <c r="M1068" s="2" t="s">
        <v>4065</v>
      </c>
      <c r="N1068" s="3">
        <v>31188</v>
      </c>
      <c r="O1068" s="3">
        <v>44652</v>
      </c>
      <c r="P1068" s="3">
        <v>46477</v>
      </c>
    </row>
    <row r="1069" spans="1:16" x14ac:dyDescent="0.15">
      <c r="A1069" s="2" t="s">
        <v>49</v>
      </c>
      <c r="B1069" s="2" t="s">
        <v>6440</v>
      </c>
      <c r="C1069" s="4" t="s">
        <v>6</v>
      </c>
      <c r="D1069" s="5" t="s">
        <v>408</v>
      </c>
      <c r="E1069" s="5" t="s">
        <v>409</v>
      </c>
      <c r="F1069" s="6" t="s">
        <v>5</v>
      </c>
      <c r="G1069" s="2" t="s">
        <v>1904</v>
      </c>
      <c r="H1069" s="4" t="s">
        <v>9</v>
      </c>
      <c r="I1069" s="5" t="s">
        <v>6</v>
      </c>
      <c r="J1069" s="5" t="s">
        <v>408</v>
      </c>
      <c r="K1069" s="5" t="s">
        <v>409</v>
      </c>
      <c r="L1069" s="6" t="s">
        <v>5</v>
      </c>
      <c r="M1069" s="2" t="s">
        <v>6441</v>
      </c>
      <c r="N1069" s="3">
        <v>38610</v>
      </c>
      <c r="O1069" s="3">
        <v>44835</v>
      </c>
      <c r="P1069" s="3">
        <v>47026</v>
      </c>
    </row>
    <row r="1070" spans="1:16" x14ac:dyDescent="0.15">
      <c r="A1070" s="2" t="s">
        <v>49</v>
      </c>
      <c r="B1070" s="2" t="s">
        <v>6449</v>
      </c>
      <c r="C1070" s="4" t="s">
        <v>6</v>
      </c>
      <c r="D1070" s="5" t="s">
        <v>6447</v>
      </c>
      <c r="E1070" s="5" t="s">
        <v>6448</v>
      </c>
      <c r="F1070" s="6" t="s">
        <v>5</v>
      </c>
      <c r="G1070" s="2" t="s">
        <v>6446</v>
      </c>
      <c r="H1070" s="4" t="s">
        <v>9</v>
      </c>
      <c r="I1070" s="5" t="s">
        <v>6</v>
      </c>
      <c r="J1070" s="5" t="s">
        <v>6447</v>
      </c>
      <c r="K1070" s="5" t="s">
        <v>6448</v>
      </c>
      <c r="L1070" s="6" t="s">
        <v>5</v>
      </c>
      <c r="M1070" s="2" t="s">
        <v>6450</v>
      </c>
      <c r="N1070" s="3">
        <v>44824</v>
      </c>
      <c r="O1070" s="3">
        <v>44824</v>
      </c>
      <c r="P1070" s="3">
        <v>47026</v>
      </c>
    </row>
    <row r="1071" spans="1:16" x14ac:dyDescent="0.15">
      <c r="A1071" s="2" t="s">
        <v>49</v>
      </c>
      <c r="B1071" s="2" t="s">
        <v>6458</v>
      </c>
      <c r="C1071" s="4" t="s">
        <v>6</v>
      </c>
      <c r="D1071" s="5" t="s">
        <v>1351</v>
      </c>
      <c r="E1071" s="5" t="s">
        <v>6457</v>
      </c>
      <c r="F1071" s="6" t="s">
        <v>5</v>
      </c>
      <c r="G1071" s="2" t="s">
        <v>6456</v>
      </c>
      <c r="H1071" s="4" t="s">
        <v>9</v>
      </c>
      <c r="I1071" s="5" t="s">
        <v>6</v>
      </c>
      <c r="J1071" s="5" t="s">
        <v>1351</v>
      </c>
      <c r="K1071" s="5" t="s">
        <v>6457</v>
      </c>
      <c r="L1071" s="6" t="s">
        <v>5</v>
      </c>
      <c r="M1071" s="2" t="s">
        <v>6459</v>
      </c>
      <c r="N1071" s="3">
        <v>39324</v>
      </c>
      <c r="O1071" s="3">
        <v>44866</v>
      </c>
      <c r="P1071" s="3">
        <v>46691</v>
      </c>
    </row>
    <row r="1072" spans="1:16" x14ac:dyDescent="0.15">
      <c r="A1072" s="2" t="s">
        <v>49</v>
      </c>
      <c r="B1072" s="2" t="s">
        <v>6468</v>
      </c>
      <c r="C1072" s="4" t="s">
        <v>6</v>
      </c>
      <c r="D1072" s="5" t="s">
        <v>111</v>
      </c>
      <c r="E1072" s="5" t="s">
        <v>6469</v>
      </c>
      <c r="F1072" s="6" t="s">
        <v>5</v>
      </c>
      <c r="G1072" s="2" t="s">
        <v>6466</v>
      </c>
      <c r="H1072" s="4" t="s">
        <v>9</v>
      </c>
      <c r="I1072" s="5" t="s">
        <v>6</v>
      </c>
      <c r="J1072" s="5" t="s">
        <v>4687</v>
      </c>
      <c r="K1072" s="5" t="s">
        <v>6467</v>
      </c>
      <c r="L1072" s="6" t="s">
        <v>5</v>
      </c>
      <c r="M1072" s="2" t="s">
        <v>6470</v>
      </c>
      <c r="N1072" s="3">
        <v>44866</v>
      </c>
      <c r="O1072" s="3">
        <v>44866</v>
      </c>
      <c r="P1072" s="3">
        <v>46691</v>
      </c>
    </row>
    <row r="1073" spans="1:16" x14ac:dyDescent="0.15">
      <c r="A1073" s="2" t="s">
        <v>49</v>
      </c>
      <c r="B1073" s="2" t="s">
        <v>6472</v>
      </c>
      <c r="C1073" s="4" t="s">
        <v>6</v>
      </c>
      <c r="D1073" s="5" t="s">
        <v>247</v>
      </c>
      <c r="E1073" s="5" t="s">
        <v>6473</v>
      </c>
      <c r="F1073" s="6" t="s">
        <v>6474</v>
      </c>
      <c r="G1073" s="2" t="s">
        <v>6471</v>
      </c>
      <c r="H1073" s="4" t="s">
        <v>9</v>
      </c>
      <c r="I1073" s="5" t="s">
        <v>6</v>
      </c>
      <c r="J1073" s="5" t="s">
        <v>247</v>
      </c>
      <c r="K1073" s="5" t="s">
        <v>1540</v>
      </c>
      <c r="L1073" s="6" t="s">
        <v>5</v>
      </c>
      <c r="M1073" s="2" t="s">
        <v>6475</v>
      </c>
      <c r="N1073" s="3">
        <v>44841</v>
      </c>
      <c r="O1073" s="3">
        <v>44841</v>
      </c>
      <c r="P1073" s="3">
        <v>47269</v>
      </c>
    </row>
    <row r="1074" spans="1:16" x14ac:dyDescent="0.15">
      <c r="A1074" s="2" t="s">
        <v>49</v>
      </c>
      <c r="B1074" s="2" t="s">
        <v>6486</v>
      </c>
      <c r="C1074" s="4" t="s">
        <v>6</v>
      </c>
      <c r="D1074" s="5" t="s">
        <v>5501</v>
      </c>
      <c r="E1074" s="5" t="s">
        <v>3471</v>
      </c>
      <c r="F1074" s="6" t="s">
        <v>5</v>
      </c>
      <c r="G1074" s="2" t="s">
        <v>6483</v>
      </c>
      <c r="H1074" s="4" t="s">
        <v>1694</v>
      </c>
      <c r="I1074" s="5" t="s">
        <v>2635</v>
      </c>
      <c r="J1074" s="5" t="s">
        <v>6484</v>
      </c>
      <c r="K1074" s="5" t="s">
        <v>6485</v>
      </c>
      <c r="L1074" s="6" t="s">
        <v>5</v>
      </c>
      <c r="M1074" s="2" t="s">
        <v>6487</v>
      </c>
      <c r="N1074" s="3">
        <v>44828</v>
      </c>
      <c r="O1074" s="3">
        <v>44828</v>
      </c>
      <c r="P1074" s="3">
        <v>47238</v>
      </c>
    </row>
    <row r="1075" spans="1:16" x14ac:dyDescent="0.15">
      <c r="A1075" s="2" t="s">
        <v>49</v>
      </c>
      <c r="B1075" s="2" t="s">
        <v>6488</v>
      </c>
      <c r="C1075" s="4" t="s">
        <v>6</v>
      </c>
      <c r="D1075" s="5" t="s">
        <v>3201</v>
      </c>
      <c r="E1075" s="5" t="s">
        <v>1816</v>
      </c>
      <c r="F1075" s="6" t="s">
        <v>5</v>
      </c>
      <c r="G1075" s="2" t="s">
        <v>6483</v>
      </c>
      <c r="H1075" s="4" t="s">
        <v>1694</v>
      </c>
      <c r="I1075" s="5" t="s">
        <v>2635</v>
      </c>
      <c r="J1075" s="5" t="s">
        <v>6484</v>
      </c>
      <c r="K1075" s="5" t="s">
        <v>6485</v>
      </c>
      <c r="L1075" s="6" t="s">
        <v>5</v>
      </c>
      <c r="M1075" s="2" t="s">
        <v>6489</v>
      </c>
      <c r="N1075" s="3">
        <v>44828</v>
      </c>
      <c r="O1075" s="3">
        <v>44828</v>
      </c>
      <c r="P1075" s="3">
        <v>47238</v>
      </c>
    </row>
    <row r="1076" spans="1:16" x14ac:dyDescent="0.15">
      <c r="A1076" s="2" t="s">
        <v>49</v>
      </c>
      <c r="B1076" s="2" t="s">
        <v>6490</v>
      </c>
      <c r="C1076" s="4" t="s">
        <v>6</v>
      </c>
      <c r="D1076" s="5" t="s">
        <v>3201</v>
      </c>
      <c r="E1076" s="5" t="s">
        <v>6491</v>
      </c>
      <c r="F1076" s="6" t="s">
        <v>5</v>
      </c>
      <c r="G1076" s="2" t="s">
        <v>6483</v>
      </c>
      <c r="H1076" s="4" t="s">
        <v>1694</v>
      </c>
      <c r="I1076" s="5" t="s">
        <v>2635</v>
      </c>
      <c r="J1076" s="5" t="s">
        <v>6484</v>
      </c>
      <c r="K1076" s="5" t="s">
        <v>6485</v>
      </c>
      <c r="L1076" s="6" t="s">
        <v>5</v>
      </c>
      <c r="M1076" s="2" t="s">
        <v>6492</v>
      </c>
      <c r="N1076" s="3">
        <v>44828</v>
      </c>
      <c r="O1076" s="3">
        <v>44828</v>
      </c>
      <c r="P1076" s="3">
        <v>47238</v>
      </c>
    </row>
    <row r="1077" spans="1:16" x14ac:dyDescent="0.15">
      <c r="A1077" s="2" t="s">
        <v>49</v>
      </c>
      <c r="B1077" s="2" t="s">
        <v>4104</v>
      </c>
      <c r="C1077" s="4" t="s">
        <v>6</v>
      </c>
      <c r="D1077" s="5" t="s">
        <v>4102</v>
      </c>
      <c r="E1077" s="5" t="s">
        <v>4103</v>
      </c>
      <c r="F1077" s="6" t="s">
        <v>5</v>
      </c>
      <c r="G1077" s="2"/>
      <c r="H1077" s="4"/>
      <c r="I1077" s="5"/>
      <c r="J1077" s="5"/>
      <c r="K1077" s="5"/>
      <c r="L1077" s="6"/>
      <c r="M1077" s="2" t="s">
        <v>4105</v>
      </c>
      <c r="N1077" s="3">
        <v>29204</v>
      </c>
      <c r="O1077" s="3">
        <v>44652</v>
      </c>
      <c r="P1077" s="3">
        <v>46843</v>
      </c>
    </row>
    <row r="1078" spans="1:16" x14ac:dyDescent="0.15">
      <c r="A1078" s="2" t="s">
        <v>49</v>
      </c>
      <c r="B1078" s="2" t="s">
        <v>4106</v>
      </c>
      <c r="C1078" s="4" t="s">
        <v>6</v>
      </c>
      <c r="D1078" s="5" t="s">
        <v>4107</v>
      </c>
      <c r="E1078" s="5" t="s">
        <v>5</v>
      </c>
      <c r="F1078" s="6" t="s">
        <v>5</v>
      </c>
      <c r="G1078" s="2"/>
      <c r="H1078" s="4"/>
      <c r="I1078" s="5"/>
      <c r="J1078" s="5"/>
      <c r="K1078" s="5"/>
      <c r="L1078" s="6"/>
      <c r="M1078" s="2" t="s">
        <v>4108</v>
      </c>
      <c r="N1078" s="3">
        <v>44614</v>
      </c>
      <c r="O1078" s="3">
        <v>44614</v>
      </c>
      <c r="P1078" s="3">
        <v>46477</v>
      </c>
    </row>
    <row r="1079" spans="1:16" x14ac:dyDescent="0.15">
      <c r="A1079" s="2" t="s">
        <v>49</v>
      </c>
      <c r="B1079" s="2" t="s">
        <v>4109</v>
      </c>
      <c r="C1079" s="4" t="s">
        <v>6</v>
      </c>
      <c r="D1079" s="5" t="s">
        <v>806</v>
      </c>
      <c r="E1079" s="5" t="s">
        <v>4110</v>
      </c>
      <c r="F1079" s="6" t="s">
        <v>4111</v>
      </c>
      <c r="G1079" s="2"/>
      <c r="H1079" s="4"/>
      <c r="I1079" s="5"/>
      <c r="J1079" s="5"/>
      <c r="K1079" s="5"/>
      <c r="L1079" s="6"/>
      <c r="M1079" s="2" t="s">
        <v>4112</v>
      </c>
      <c r="N1079" s="3">
        <v>40997</v>
      </c>
      <c r="O1079" s="3">
        <v>44652</v>
      </c>
      <c r="P1079" s="3">
        <v>46477</v>
      </c>
    </row>
    <row r="1080" spans="1:16" x14ac:dyDescent="0.15">
      <c r="A1080" s="2" t="s">
        <v>49</v>
      </c>
      <c r="B1080" s="2" t="s">
        <v>6493</v>
      </c>
      <c r="C1080" s="4" t="s">
        <v>6</v>
      </c>
      <c r="D1080" s="5" t="s">
        <v>2362</v>
      </c>
      <c r="E1080" s="5" t="s">
        <v>6494</v>
      </c>
      <c r="F1080" s="6" t="s">
        <v>5</v>
      </c>
      <c r="G1080" s="2" t="s">
        <v>6483</v>
      </c>
      <c r="H1080" s="4" t="s">
        <v>1694</v>
      </c>
      <c r="I1080" s="5" t="s">
        <v>2635</v>
      </c>
      <c r="J1080" s="5" t="s">
        <v>6484</v>
      </c>
      <c r="K1080" s="5" t="s">
        <v>6485</v>
      </c>
      <c r="L1080" s="6" t="s">
        <v>5</v>
      </c>
      <c r="M1080" s="2" t="s">
        <v>6495</v>
      </c>
      <c r="N1080" s="3">
        <v>42524</v>
      </c>
      <c r="O1080" s="3">
        <v>44866</v>
      </c>
      <c r="P1080" s="3">
        <v>47057</v>
      </c>
    </row>
    <row r="1081" spans="1:16" x14ac:dyDescent="0.15">
      <c r="A1081" s="2" t="s">
        <v>49</v>
      </c>
      <c r="B1081" s="2" t="s">
        <v>6501</v>
      </c>
      <c r="C1081" s="4" t="s">
        <v>6</v>
      </c>
      <c r="D1081" s="5" t="s">
        <v>2717</v>
      </c>
      <c r="E1081" s="5" t="s">
        <v>6502</v>
      </c>
      <c r="F1081" s="6" t="s">
        <v>5</v>
      </c>
      <c r="G1081" s="2" t="s">
        <v>6501</v>
      </c>
      <c r="H1081" s="4" t="s">
        <v>9</v>
      </c>
      <c r="I1081" s="5" t="s">
        <v>6</v>
      </c>
      <c r="J1081" s="5" t="s">
        <v>2717</v>
      </c>
      <c r="K1081" s="5" t="s">
        <v>6502</v>
      </c>
      <c r="L1081" s="6" t="s">
        <v>5</v>
      </c>
      <c r="M1081" s="2" t="s">
        <v>6503</v>
      </c>
      <c r="N1081" s="3">
        <v>33756</v>
      </c>
      <c r="O1081" s="3">
        <v>44866</v>
      </c>
      <c r="P1081" s="3">
        <v>47057</v>
      </c>
    </row>
    <row r="1082" spans="1:16" x14ac:dyDescent="0.15">
      <c r="A1082" s="2" t="s">
        <v>49</v>
      </c>
      <c r="B1082" s="2" t="s">
        <v>6508</v>
      </c>
      <c r="C1082" s="4" t="s">
        <v>6</v>
      </c>
      <c r="D1082" s="5" t="s">
        <v>123</v>
      </c>
      <c r="E1082" s="5" t="s">
        <v>6509</v>
      </c>
      <c r="F1082" s="6" t="s">
        <v>5</v>
      </c>
      <c r="G1082" s="2" t="s">
        <v>6504</v>
      </c>
      <c r="H1082" s="4" t="s">
        <v>184</v>
      </c>
      <c r="I1082" s="5" t="s">
        <v>6505</v>
      </c>
      <c r="J1082" s="5" t="s">
        <v>6506</v>
      </c>
      <c r="K1082" s="5" t="s">
        <v>6507</v>
      </c>
      <c r="L1082" s="6" t="s">
        <v>5</v>
      </c>
      <c r="M1082" s="2" t="s">
        <v>6510</v>
      </c>
      <c r="N1082" s="3">
        <v>44832</v>
      </c>
      <c r="O1082" s="3">
        <v>44832</v>
      </c>
      <c r="P1082" s="3">
        <v>47208</v>
      </c>
    </row>
    <row r="1083" spans="1:16" x14ac:dyDescent="0.15">
      <c r="A1083" s="2" t="s">
        <v>49</v>
      </c>
      <c r="B1083" s="2" t="s">
        <v>6511</v>
      </c>
      <c r="C1083" s="4" t="s">
        <v>6</v>
      </c>
      <c r="D1083" s="5" t="s">
        <v>834</v>
      </c>
      <c r="E1083" s="5" t="s">
        <v>5697</v>
      </c>
      <c r="F1083" s="6" t="s">
        <v>5</v>
      </c>
      <c r="G1083" s="2" t="s">
        <v>6504</v>
      </c>
      <c r="H1083" s="4" t="s">
        <v>184</v>
      </c>
      <c r="I1083" s="5" t="s">
        <v>6505</v>
      </c>
      <c r="J1083" s="5" t="s">
        <v>6506</v>
      </c>
      <c r="K1083" s="5" t="s">
        <v>6507</v>
      </c>
      <c r="L1083" s="6" t="s">
        <v>5</v>
      </c>
      <c r="M1083" s="2" t="s">
        <v>6512</v>
      </c>
      <c r="N1083" s="3">
        <v>45043</v>
      </c>
      <c r="O1083" s="3">
        <v>45043</v>
      </c>
      <c r="P1083" s="3">
        <v>47573</v>
      </c>
    </row>
    <row r="1084" spans="1:16" x14ac:dyDescent="0.15">
      <c r="A1084" s="2" t="s">
        <v>49</v>
      </c>
      <c r="B1084" s="2" t="s">
        <v>6513</v>
      </c>
      <c r="C1084" s="4" t="s">
        <v>6</v>
      </c>
      <c r="D1084" s="5" t="s">
        <v>378</v>
      </c>
      <c r="E1084" s="5" t="s">
        <v>835</v>
      </c>
      <c r="F1084" s="6" t="s">
        <v>6514</v>
      </c>
      <c r="G1084" s="2" t="s">
        <v>6504</v>
      </c>
      <c r="H1084" s="4" t="s">
        <v>184</v>
      </c>
      <c r="I1084" s="5" t="s">
        <v>6505</v>
      </c>
      <c r="J1084" s="5" t="s">
        <v>6506</v>
      </c>
      <c r="K1084" s="5" t="s">
        <v>6507</v>
      </c>
      <c r="L1084" s="6" t="s">
        <v>5</v>
      </c>
      <c r="M1084" s="2" t="s">
        <v>6515</v>
      </c>
      <c r="N1084" s="3">
        <v>38668</v>
      </c>
      <c r="O1084" s="3">
        <v>45078</v>
      </c>
      <c r="P1084" s="3">
        <v>47269</v>
      </c>
    </row>
    <row r="1085" spans="1:16" x14ac:dyDescent="0.15">
      <c r="A1085" s="2" t="s">
        <v>49</v>
      </c>
      <c r="B1085" s="2" t="s">
        <v>6540</v>
      </c>
      <c r="C1085" s="4" t="s">
        <v>6</v>
      </c>
      <c r="D1085" s="5" t="s">
        <v>111</v>
      </c>
      <c r="E1085" s="5" t="s">
        <v>6541</v>
      </c>
      <c r="F1085" s="6" t="s">
        <v>5</v>
      </c>
      <c r="G1085" s="2" t="s">
        <v>6538</v>
      </c>
      <c r="H1085" s="4" t="s">
        <v>9</v>
      </c>
      <c r="I1085" s="5" t="s">
        <v>6</v>
      </c>
      <c r="J1085" s="5" t="s">
        <v>2876</v>
      </c>
      <c r="K1085" s="5" t="s">
        <v>6539</v>
      </c>
      <c r="L1085" s="6" t="s">
        <v>5</v>
      </c>
      <c r="M1085" s="2" t="s">
        <v>6542</v>
      </c>
      <c r="N1085" s="3">
        <v>40316</v>
      </c>
      <c r="O1085" s="3">
        <v>44866</v>
      </c>
      <c r="P1085" s="3">
        <v>47057</v>
      </c>
    </row>
    <row r="1086" spans="1:16" x14ac:dyDescent="0.15">
      <c r="A1086" s="2" t="s">
        <v>49</v>
      </c>
      <c r="B1086" s="2" t="s">
        <v>6560</v>
      </c>
      <c r="C1086" s="4" t="s">
        <v>6</v>
      </c>
      <c r="D1086" s="5" t="s">
        <v>179</v>
      </c>
      <c r="E1086" s="5" t="s">
        <v>180</v>
      </c>
      <c r="F1086" s="6" t="s">
        <v>6561</v>
      </c>
      <c r="G1086" s="2" t="s">
        <v>6556</v>
      </c>
      <c r="H1086" s="4" t="s">
        <v>6315</v>
      </c>
      <c r="I1086" s="5" t="s">
        <v>6557</v>
      </c>
      <c r="J1086" s="5" t="s">
        <v>6558</v>
      </c>
      <c r="K1086" s="5" t="s">
        <v>6559</v>
      </c>
      <c r="L1086" s="6" t="s">
        <v>5</v>
      </c>
      <c r="M1086" s="2" t="s">
        <v>6562</v>
      </c>
      <c r="N1086" s="3">
        <v>42430</v>
      </c>
      <c r="O1086" s="3">
        <v>44835</v>
      </c>
      <c r="P1086" s="3">
        <v>47026</v>
      </c>
    </row>
    <row r="1087" spans="1:16" x14ac:dyDescent="0.15">
      <c r="A1087" s="2" t="s">
        <v>49</v>
      </c>
      <c r="B1087" s="2" t="s">
        <v>4133</v>
      </c>
      <c r="C1087" s="4" t="s">
        <v>6</v>
      </c>
      <c r="D1087" s="5" t="s">
        <v>4134</v>
      </c>
      <c r="E1087" s="5" t="s">
        <v>3489</v>
      </c>
      <c r="F1087" s="6" t="s">
        <v>4135</v>
      </c>
      <c r="G1087" s="2"/>
      <c r="H1087" s="4"/>
      <c r="I1087" s="5"/>
      <c r="J1087" s="5"/>
      <c r="K1087" s="5"/>
      <c r="L1087" s="6"/>
      <c r="M1087" s="2" t="s">
        <v>4136</v>
      </c>
      <c r="N1087" s="3">
        <v>44615</v>
      </c>
      <c r="O1087" s="3">
        <v>44615</v>
      </c>
      <c r="P1087" s="3">
        <v>47087</v>
      </c>
    </row>
    <row r="1088" spans="1:16" x14ac:dyDescent="0.15">
      <c r="A1088" s="2" t="s">
        <v>49</v>
      </c>
      <c r="B1088" s="2" t="s">
        <v>4138</v>
      </c>
      <c r="C1088" s="4" t="s">
        <v>6</v>
      </c>
      <c r="D1088" s="5" t="s">
        <v>2993</v>
      </c>
      <c r="E1088" s="5" t="s">
        <v>4139</v>
      </c>
      <c r="F1088" s="6" t="s">
        <v>5</v>
      </c>
      <c r="G1088" s="2"/>
      <c r="H1088" s="4"/>
      <c r="I1088" s="5"/>
      <c r="J1088" s="5"/>
      <c r="K1088" s="5"/>
      <c r="L1088" s="6"/>
      <c r="M1088" s="2" t="s">
        <v>4140</v>
      </c>
      <c r="N1088" s="3">
        <v>44627</v>
      </c>
      <c r="O1088" s="3">
        <v>44627</v>
      </c>
      <c r="P1088" s="3">
        <v>47026</v>
      </c>
    </row>
    <row r="1089" spans="1:16" x14ac:dyDescent="0.15">
      <c r="A1089" s="2" t="s">
        <v>49</v>
      </c>
      <c r="B1089" s="2" t="s">
        <v>4141</v>
      </c>
      <c r="C1089" s="4" t="s">
        <v>6</v>
      </c>
      <c r="D1089" s="5" t="s">
        <v>2089</v>
      </c>
      <c r="E1089" s="5" t="s">
        <v>4142</v>
      </c>
      <c r="F1089" s="6" t="s">
        <v>5</v>
      </c>
      <c r="G1089" s="2"/>
      <c r="H1089" s="4"/>
      <c r="I1089" s="5"/>
      <c r="J1089" s="5"/>
      <c r="K1089" s="5"/>
      <c r="L1089" s="6"/>
      <c r="M1089" s="2" t="s">
        <v>4143</v>
      </c>
      <c r="N1089" s="3">
        <v>44615</v>
      </c>
      <c r="O1089" s="3">
        <v>44615</v>
      </c>
      <c r="P1089" s="3">
        <v>47087</v>
      </c>
    </row>
    <row r="1090" spans="1:16" x14ac:dyDescent="0.15">
      <c r="A1090" s="2" t="s">
        <v>49</v>
      </c>
      <c r="B1090" s="2" t="s">
        <v>6586</v>
      </c>
      <c r="C1090" s="4" t="s">
        <v>6</v>
      </c>
      <c r="D1090" s="5" t="s">
        <v>1241</v>
      </c>
      <c r="E1090" s="5" t="s">
        <v>3352</v>
      </c>
      <c r="F1090" s="6" t="s">
        <v>5</v>
      </c>
      <c r="G1090" s="2" t="s">
        <v>6582</v>
      </c>
      <c r="H1090" s="4" t="s">
        <v>542</v>
      </c>
      <c r="I1090" s="5" t="s">
        <v>6583</v>
      </c>
      <c r="J1090" s="5" t="s">
        <v>6584</v>
      </c>
      <c r="K1090" s="5" t="s">
        <v>6585</v>
      </c>
      <c r="L1090" s="6" t="s">
        <v>5</v>
      </c>
      <c r="M1090" s="2" t="s">
        <v>6587</v>
      </c>
      <c r="N1090" s="3">
        <v>44835</v>
      </c>
      <c r="O1090" s="3">
        <v>44835</v>
      </c>
      <c r="P1090" s="3">
        <v>47238</v>
      </c>
    </row>
    <row r="1091" spans="1:16" x14ac:dyDescent="0.15">
      <c r="A1091" s="2" t="s">
        <v>49</v>
      </c>
      <c r="B1091" s="2" t="s">
        <v>6588</v>
      </c>
      <c r="C1091" s="4" t="s">
        <v>6</v>
      </c>
      <c r="D1091" s="5" t="s">
        <v>218</v>
      </c>
      <c r="E1091" s="5" t="s">
        <v>6589</v>
      </c>
      <c r="F1091" s="6" t="s">
        <v>5</v>
      </c>
      <c r="G1091" s="2" t="s">
        <v>6582</v>
      </c>
      <c r="H1091" s="4" t="s">
        <v>542</v>
      </c>
      <c r="I1091" s="5" t="s">
        <v>6583</v>
      </c>
      <c r="J1091" s="5" t="s">
        <v>6584</v>
      </c>
      <c r="K1091" s="5" t="s">
        <v>6585</v>
      </c>
      <c r="L1091" s="6" t="s">
        <v>5</v>
      </c>
      <c r="M1091" s="2" t="s">
        <v>6590</v>
      </c>
      <c r="N1091" s="3">
        <v>42678</v>
      </c>
      <c r="O1091" s="3">
        <v>45017</v>
      </c>
      <c r="P1091" s="3">
        <v>47208</v>
      </c>
    </row>
    <row r="1092" spans="1:16" x14ac:dyDescent="0.15">
      <c r="A1092" s="2" t="s">
        <v>49</v>
      </c>
      <c r="B1092" s="2" t="s">
        <v>6591</v>
      </c>
      <c r="C1092" s="4" t="s">
        <v>6</v>
      </c>
      <c r="D1092" s="5" t="s">
        <v>134</v>
      </c>
      <c r="E1092" s="5" t="s">
        <v>6592</v>
      </c>
      <c r="F1092" s="6" t="s">
        <v>5</v>
      </c>
      <c r="G1092" s="2" t="s">
        <v>6582</v>
      </c>
      <c r="H1092" s="4" t="s">
        <v>542</v>
      </c>
      <c r="I1092" s="5" t="s">
        <v>6583</v>
      </c>
      <c r="J1092" s="5" t="s">
        <v>6584</v>
      </c>
      <c r="K1092" s="5" t="s">
        <v>6585</v>
      </c>
      <c r="L1092" s="6" t="s">
        <v>5</v>
      </c>
      <c r="M1092" s="2" t="s">
        <v>6593</v>
      </c>
      <c r="N1092" s="3">
        <v>42992</v>
      </c>
      <c r="O1092" s="3">
        <v>45231</v>
      </c>
      <c r="P1092" s="3">
        <v>47422</v>
      </c>
    </row>
    <row r="1093" spans="1:16" x14ac:dyDescent="0.15">
      <c r="A1093" s="2" t="s">
        <v>49</v>
      </c>
      <c r="B1093" s="2" t="s">
        <v>6604</v>
      </c>
      <c r="C1093" s="4" t="s">
        <v>6</v>
      </c>
      <c r="D1093" s="5" t="s">
        <v>179</v>
      </c>
      <c r="E1093" s="5" t="s">
        <v>6605</v>
      </c>
      <c r="F1093" s="6" t="s">
        <v>5</v>
      </c>
      <c r="G1093" s="2" t="s">
        <v>6602</v>
      </c>
      <c r="H1093" s="4" t="s">
        <v>9</v>
      </c>
      <c r="I1093" s="5" t="s">
        <v>6</v>
      </c>
      <c r="J1093" s="5" t="s">
        <v>1148</v>
      </c>
      <c r="K1093" s="5" t="s">
        <v>6603</v>
      </c>
      <c r="L1093" s="6" t="s">
        <v>5</v>
      </c>
      <c r="M1093" s="2" t="s">
        <v>6606</v>
      </c>
      <c r="N1093" s="3">
        <v>44839</v>
      </c>
      <c r="O1093" s="3">
        <v>44839</v>
      </c>
      <c r="P1093" s="3">
        <v>47391</v>
      </c>
    </row>
    <row r="1094" spans="1:16" x14ac:dyDescent="0.15">
      <c r="A1094" s="2" t="s">
        <v>49</v>
      </c>
      <c r="B1094" s="2" t="s">
        <v>4158</v>
      </c>
      <c r="C1094" s="4" t="s">
        <v>6</v>
      </c>
      <c r="D1094" s="5" t="s">
        <v>1389</v>
      </c>
      <c r="E1094" s="5" t="s">
        <v>4159</v>
      </c>
      <c r="F1094" s="6" t="s">
        <v>4160</v>
      </c>
      <c r="G1094" s="2"/>
      <c r="H1094" s="4"/>
      <c r="I1094" s="5"/>
      <c r="J1094" s="5"/>
      <c r="K1094" s="5"/>
      <c r="L1094" s="6"/>
      <c r="M1094" s="2" t="s">
        <v>4161</v>
      </c>
      <c r="N1094" s="3">
        <v>44627</v>
      </c>
      <c r="O1094" s="3">
        <v>44627</v>
      </c>
      <c r="P1094" s="3">
        <v>46873</v>
      </c>
    </row>
    <row r="1095" spans="1:16" x14ac:dyDescent="0.15">
      <c r="A1095" s="2" t="s">
        <v>49</v>
      </c>
      <c r="B1095" s="2" t="s">
        <v>6619</v>
      </c>
      <c r="C1095" s="4" t="s">
        <v>6</v>
      </c>
      <c r="D1095" s="5" t="s">
        <v>4363</v>
      </c>
      <c r="E1095" s="5" t="s">
        <v>6618</v>
      </c>
      <c r="F1095" s="6" t="s">
        <v>5</v>
      </c>
      <c r="G1095" s="2" t="s">
        <v>6617</v>
      </c>
      <c r="H1095" s="4" t="s">
        <v>9</v>
      </c>
      <c r="I1095" s="5" t="s">
        <v>6</v>
      </c>
      <c r="J1095" s="5" t="s">
        <v>4363</v>
      </c>
      <c r="K1095" s="5" t="s">
        <v>6618</v>
      </c>
      <c r="L1095" s="6" t="s">
        <v>5</v>
      </c>
      <c r="M1095" s="2" t="s">
        <v>6620</v>
      </c>
      <c r="N1095" s="3">
        <v>44832</v>
      </c>
      <c r="O1095" s="3">
        <v>44832</v>
      </c>
      <c r="P1095" s="3">
        <v>46843</v>
      </c>
    </row>
    <row r="1096" spans="1:16" x14ac:dyDescent="0.15">
      <c r="A1096" s="2" t="s">
        <v>49</v>
      </c>
      <c r="B1096" s="2" t="s">
        <v>6632</v>
      </c>
      <c r="C1096" s="4" t="s">
        <v>6</v>
      </c>
      <c r="D1096" s="5" t="s">
        <v>152</v>
      </c>
      <c r="E1096" s="5" t="s">
        <v>6633</v>
      </c>
      <c r="F1096" s="6" t="s">
        <v>5</v>
      </c>
      <c r="G1096" s="2" t="s">
        <v>996</v>
      </c>
      <c r="H1096" s="4" t="s">
        <v>9</v>
      </c>
      <c r="I1096" s="5" t="s">
        <v>6</v>
      </c>
      <c r="J1096" s="5" t="s">
        <v>6630</v>
      </c>
      <c r="K1096" s="5" t="s">
        <v>6631</v>
      </c>
      <c r="L1096" s="6" t="s">
        <v>5</v>
      </c>
      <c r="M1096" s="2" t="s">
        <v>6634</v>
      </c>
      <c r="N1096" s="3">
        <v>44866</v>
      </c>
      <c r="O1096" s="3">
        <v>44866</v>
      </c>
      <c r="P1096" s="3">
        <v>47057</v>
      </c>
    </row>
    <row r="1097" spans="1:16" x14ac:dyDescent="0.15">
      <c r="A1097" s="2" t="s">
        <v>49</v>
      </c>
      <c r="B1097" s="2" t="s">
        <v>6655</v>
      </c>
      <c r="C1097" s="4" t="s">
        <v>6</v>
      </c>
      <c r="D1097" s="5" t="s">
        <v>6431</v>
      </c>
      <c r="E1097" s="5" t="s">
        <v>816</v>
      </c>
      <c r="F1097" s="6" t="s">
        <v>5</v>
      </c>
      <c r="G1097" s="2" t="s">
        <v>6654</v>
      </c>
      <c r="H1097" s="4" t="s">
        <v>9</v>
      </c>
      <c r="I1097" s="5" t="s">
        <v>6</v>
      </c>
      <c r="J1097" s="5" t="s">
        <v>6431</v>
      </c>
      <c r="K1097" s="5" t="s">
        <v>816</v>
      </c>
      <c r="L1097" s="6" t="s">
        <v>5</v>
      </c>
      <c r="M1097" s="2" t="s">
        <v>6656</v>
      </c>
      <c r="N1097" s="3">
        <v>44842</v>
      </c>
      <c r="O1097" s="3">
        <v>44842</v>
      </c>
      <c r="P1097" s="3">
        <v>47391</v>
      </c>
    </row>
    <row r="1098" spans="1:16" x14ac:dyDescent="0.15">
      <c r="A1098" s="2" t="s">
        <v>49</v>
      </c>
      <c r="B1098" s="2" t="s">
        <v>4173</v>
      </c>
      <c r="C1098" s="4" t="s">
        <v>6</v>
      </c>
      <c r="D1098" s="5" t="s">
        <v>123</v>
      </c>
      <c r="E1098" s="5" t="s">
        <v>4174</v>
      </c>
      <c r="F1098" s="6" t="s">
        <v>5</v>
      </c>
      <c r="G1098" s="2"/>
      <c r="H1098" s="4"/>
      <c r="I1098" s="5"/>
      <c r="J1098" s="5"/>
      <c r="K1098" s="5"/>
      <c r="L1098" s="6"/>
      <c r="M1098" s="2" t="s">
        <v>4175</v>
      </c>
      <c r="N1098" s="3">
        <v>42237</v>
      </c>
      <c r="O1098" s="3">
        <v>44652</v>
      </c>
      <c r="P1098" s="3">
        <v>46843</v>
      </c>
    </row>
    <row r="1099" spans="1:16" x14ac:dyDescent="0.15">
      <c r="A1099" s="2" t="s">
        <v>49</v>
      </c>
      <c r="B1099" s="2" t="s">
        <v>6673</v>
      </c>
      <c r="C1099" s="4" t="s">
        <v>6</v>
      </c>
      <c r="D1099" s="5" t="s">
        <v>1758</v>
      </c>
      <c r="E1099" s="5" t="s">
        <v>404</v>
      </c>
      <c r="F1099" s="6" t="s">
        <v>5</v>
      </c>
      <c r="G1099" s="2" t="s">
        <v>6671</v>
      </c>
      <c r="H1099" s="4" t="s">
        <v>9</v>
      </c>
      <c r="I1099" s="5" t="s">
        <v>6</v>
      </c>
      <c r="J1099" s="5" t="s">
        <v>4628</v>
      </c>
      <c r="K1099" s="5" t="s">
        <v>6672</v>
      </c>
      <c r="L1099" s="6" t="s">
        <v>5</v>
      </c>
      <c r="M1099" s="2" t="s">
        <v>6675</v>
      </c>
      <c r="N1099" s="3">
        <v>42956</v>
      </c>
      <c r="O1099" s="3">
        <v>44835</v>
      </c>
      <c r="P1099" s="3">
        <v>46660</v>
      </c>
    </row>
    <row r="1100" spans="1:16" x14ac:dyDescent="0.15">
      <c r="A1100" s="2" t="s">
        <v>49</v>
      </c>
      <c r="B1100" s="2" t="s">
        <v>6674</v>
      </c>
      <c r="C1100" s="4" t="s">
        <v>6</v>
      </c>
      <c r="D1100" s="5" t="s">
        <v>45</v>
      </c>
      <c r="E1100" s="5" t="s">
        <v>6676</v>
      </c>
      <c r="F1100" s="6" t="s">
        <v>3909</v>
      </c>
      <c r="G1100" s="2" t="s">
        <v>6671</v>
      </c>
      <c r="H1100" s="4" t="s">
        <v>9</v>
      </c>
      <c r="I1100" s="5" t="s">
        <v>6</v>
      </c>
      <c r="J1100" s="5" t="s">
        <v>4628</v>
      </c>
      <c r="K1100" s="5" t="s">
        <v>6672</v>
      </c>
      <c r="L1100" s="6" t="s">
        <v>5</v>
      </c>
      <c r="M1100" s="2" t="s">
        <v>6677</v>
      </c>
      <c r="N1100" s="3">
        <v>45323</v>
      </c>
      <c r="O1100" s="3">
        <v>45323</v>
      </c>
      <c r="P1100" s="3">
        <v>47817</v>
      </c>
    </row>
    <row r="1101" spans="1:16" x14ac:dyDescent="0.15">
      <c r="A1101" s="2" t="s">
        <v>49</v>
      </c>
      <c r="B1101" s="2" t="s">
        <v>4180</v>
      </c>
      <c r="C1101" s="4" t="s">
        <v>6</v>
      </c>
      <c r="D1101" s="5" t="s">
        <v>848</v>
      </c>
      <c r="E1101" s="5" t="s">
        <v>4181</v>
      </c>
      <c r="F1101" s="6" t="s">
        <v>767</v>
      </c>
      <c r="G1101" s="2"/>
      <c r="H1101" s="4"/>
      <c r="I1101" s="5"/>
      <c r="J1101" s="5"/>
      <c r="K1101" s="5"/>
      <c r="L1101" s="6"/>
      <c r="M1101" s="2" t="s">
        <v>4182</v>
      </c>
      <c r="N1101" s="3">
        <v>44621</v>
      </c>
      <c r="O1101" s="3">
        <v>44621</v>
      </c>
      <c r="P1101" s="3">
        <v>46904</v>
      </c>
    </row>
    <row r="1102" spans="1:16" x14ac:dyDescent="0.15">
      <c r="A1102" s="2" t="s">
        <v>49</v>
      </c>
      <c r="B1102" s="2" t="s">
        <v>4186</v>
      </c>
      <c r="C1102" s="4" t="s">
        <v>6</v>
      </c>
      <c r="D1102" s="5" t="s">
        <v>4187</v>
      </c>
      <c r="E1102" s="5" t="s">
        <v>4188</v>
      </c>
      <c r="F1102" s="6" t="s">
        <v>4189</v>
      </c>
      <c r="G1102" s="2" t="s">
        <v>4183</v>
      </c>
      <c r="H1102" s="4" t="s">
        <v>9</v>
      </c>
      <c r="I1102" s="5" t="s">
        <v>6</v>
      </c>
      <c r="J1102" s="5" t="s">
        <v>4184</v>
      </c>
      <c r="K1102" s="5" t="s">
        <v>4185</v>
      </c>
      <c r="L1102" s="6" t="s">
        <v>5</v>
      </c>
      <c r="M1102" s="2" t="s">
        <v>4190</v>
      </c>
      <c r="N1102" s="3">
        <v>44620</v>
      </c>
      <c r="O1102" s="3">
        <v>44620</v>
      </c>
      <c r="P1102" s="3">
        <v>46934</v>
      </c>
    </row>
    <row r="1103" spans="1:16" x14ac:dyDescent="0.15">
      <c r="A1103" s="2" t="s">
        <v>49</v>
      </c>
      <c r="B1103" s="2" t="s">
        <v>4191</v>
      </c>
      <c r="C1103" s="4" t="s">
        <v>6</v>
      </c>
      <c r="D1103" s="5" t="s">
        <v>4192</v>
      </c>
      <c r="E1103" s="5" t="s">
        <v>216</v>
      </c>
      <c r="F1103" s="6" t="s">
        <v>5</v>
      </c>
      <c r="G1103" s="2" t="s">
        <v>4183</v>
      </c>
      <c r="H1103" s="4" t="s">
        <v>9</v>
      </c>
      <c r="I1103" s="5" t="s">
        <v>6</v>
      </c>
      <c r="J1103" s="5" t="s">
        <v>4184</v>
      </c>
      <c r="K1103" s="5" t="s">
        <v>4185</v>
      </c>
      <c r="L1103" s="6" t="s">
        <v>5</v>
      </c>
      <c r="M1103" s="2" t="s">
        <v>4193</v>
      </c>
      <c r="N1103" s="3">
        <v>43207</v>
      </c>
      <c r="O1103" s="3">
        <v>45474</v>
      </c>
      <c r="P1103" s="3">
        <v>47664</v>
      </c>
    </row>
    <row r="1104" spans="1:16" x14ac:dyDescent="0.15">
      <c r="A1104" s="2" t="s">
        <v>16</v>
      </c>
      <c r="B1104" s="2" t="s">
        <v>4191</v>
      </c>
      <c r="C1104" s="4" t="s">
        <v>6</v>
      </c>
      <c r="D1104" s="5" t="s">
        <v>4192</v>
      </c>
      <c r="E1104" s="5" t="s">
        <v>216</v>
      </c>
      <c r="F1104" s="6" t="s">
        <v>5</v>
      </c>
      <c r="G1104" s="2" t="s">
        <v>4183</v>
      </c>
      <c r="H1104" s="4" t="s">
        <v>9</v>
      </c>
      <c r="I1104" s="5" t="s">
        <v>6</v>
      </c>
      <c r="J1104" s="5" t="s">
        <v>4184</v>
      </c>
      <c r="K1104" s="5" t="s">
        <v>4185</v>
      </c>
      <c r="L1104" s="6" t="s">
        <v>5</v>
      </c>
      <c r="M1104" s="2" t="s">
        <v>4194</v>
      </c>
      <c r="N1104" s="3">
        <v>43207</v>
      </c>
      <c r="O1104" s="3">
        <v>45474</v>
      </c>
      <c r="P1104" s="3">
        <v>47664</v>
      </c>
    </row>
    <row r="1105" spans="1:16" x14ac:dyDescent="0.15">
      <c r="A1105" s="2" t="s">
        <v>49</v>
      </c>
      <c r="B1105" s="2" t="s">
        <v>6686</v>
      </c>
      <c r="C1105" s="4" t="s">
        <v>6</v>
      </c>
      <c r="D1105" s="5" t="s">
        <v>218</v>
      </c>
      <c r="E1105" s="5" t="s">
        <v>6687</v>
      </c>
      <c r="F1105" s="6" t="s">
        <v>5</v>
      </c>
      <c r="G1105" s="2" t="s">
        <v>6683</v>
      </c>
      <c r="H1105" s="4" t="s">
        <v>29</v>
      </c>
      <c r="I1105" s="5" t="s">
        <v>165</v>
      </c>
      <c r="J1105" s="5" t="s">
        <v>6684</v>
      </c>
      <c r="K1105" s="5" t="s">
        <v>6685</v>
      </c>
      <c r="L1105" s="6" t="s">
        <v>5</v>
      </c>
      <c r="M1105" s="2" t="s">
        <v>6688</v>
      </c>
      <c r="N1105" s="3">
        <v>44841</v>
      </c>
      <c r="O1105" s="3">
        <v>44841</v>
      </c>
      <c r="P1105" s="3">
        <v>47208</v>
      </c>
    </row>
    <row r="1106" spans="1:16" x14ac:dyDescent="0.15">
      <c r="A1106" s="2" t="s">
        <v>49</v>
      </c>
      <c r="B1106" s="2" t="s">
        <v>6696</v>
      </c>
      <c r="C1106" s="4" t="s">
        <v>6</v>
      </c>
      <c r="D1106" s="5" t="s">
        <v>500</v>
      </c>
      <c r="E1106" s="5" t="s">
        <v>6697</v>
      </c>
      <c r="F1106" s="6" t="s">
        <v>6698</v>
      </c>
      <c r="G1106" s="2" t="s">
        <v>6693</v>
      </c>
      <c r="H1106" s="4" t="s">
        <v>685</v>
      </c>
      <c r="I1106" s="5" t="s">
        <v>686</v>
      </c>
      <c r="J1106" s="5" t="s">
        <v>6694</v>
      </c>
      <c r="K1106" s="5" t="s">
        <v>6695</v>
      </c>
      <c r="L1106" s="6" t="s">
        <v>5</v>
      </c>
      <c r="M1106" s="2" t="s">
        <v>6699</v>
      </c>
      <c r="N1106" s="3">
        <v>44861</v>
      </c>
      <c r="O1106" s="3">
        <v>44861</v>
      </c>
      <c r="P1106" s="3">
        <v>47269</v>
      </c>
    </row>
    <row r="1107" spans="1:16" x14ac:dyDescent="0.15">
      <c r="A1107" s="2" t="s">
        <v>49</v>
      </c>
      <c r="B1107" s="2" t="s">
        <v>6714</v>
      </c>
      <c r="C1107" s="4" t="s">
        <v>6</v>
      </c>
      <c r="D1107" s="5" t="s">
        <v>2805</v>
      </c>
      <c r="E1107" s="5" t="s">
        <v>6715</v>
      </c>
      <c r="F1107" s="6" t="s">
        <v>6716</v>
      </c>
      <c r="G1107" s="2" t="s">
        <v>6712</v>
      </c>
      <c r="H1107" s="4" t="s">
        <v>9</v>
      </c>
      <c r="I1107" s="5" t="s">
        <v>6</v>
      </c>
      <c r="J1107" s="5" t="s">
        <v>627</v>
      </c>
      <c r="K1107" s="5" t="s">
        <v>6713</v>
      </c>
      <c r="L1107" s="6" t="s">
        <v>5</v>
      </c>
      <c r="M1107" s="2" t="s">
        <v>6717</v>
      </c>
      <c r="N1107" s="3">
        <v>40893</v>
      </c>
      <c r="O1107" s="3">
        <v>44866</v>
      </c>
      <c r="P1107" s="3">
        <v>46691</v>
      </c>
    </row>
    <row r="1108" spans="1:16" x14ac:dyDescent="0.15">
      <c r="A1108" s="2" t="s">
        <v>49</v>
      </c>
      <c r="B1108" s="2" t="s">
        <v>6718</v>
      </c>
      <c r="C1108" s="4" t="s">
        <v>6</v>
      </c>
      <c r="D1108" s="5" t="s">
        <v>111</v>
      </c>
      <c r="E1108" s="5" t="s">
        <v>6719</v>
      </c>
      <c r="F1108" s="6" t="s">
        <v>5</v>
      </c>
      <c r="G1108" s="2" t="s">
        <v>6712</v>
      </c>
      <c r="H1108" s="4" t="s">
        <v>9</v>
      </c>
      <c r="I1108" s="5" t="s">
        <v>6</v>
      </c>
      <c r="J1108" s="5" t="s">
        <v>627</v>
      </c>
      <c r="K1108" s="5" t="s">
        <v>6713</v>
      </c>
      <c r="L1108" s="6" t="s">
        <v>5</v>
      </c>
      <c r="M1108" s="2" t="s">
        <v>6720</v>
      </c>
      <c r="N1108" s="3">
        <v>40656</v>
      </c>
      <c r="O1108" s="3">
        <v>45231</v>
      </c>
      <c r="P1108" s="3">
        <v>47422</v>
      </c>
    </row>
    <row r="1109" spans="1:16" x14ac:dyDescent="0.15">
      <c r="A1109" s="2" t="s">
        <v>49</v>
      </c>
      <c r="B1109" s="2" t="s">
        <v>6729</v>
      </c>
      <c r="C1109" s="4" t="s">
        <v>6</v>
      </c>
      <c r="D1109" s="5" t="s">
        <v>6730</v>
      </c>
      <c r="E1109" s="5" t="s">
        <v>6731</v>
      </c>
      <c r="F1109" s="6" t="s">
        <v>5</v>
      </c>
      <c r="G1109" s="2" t="s">
        <v>2754</v>
      </c>
      <c r="H1109" s="4" t="s">
        <v>9</v>
      </c>
      <c r="I1109" s="5" t="s">
        <v>6</v>
      </c>
      <c r="J1109" s="5" t="s">
        <v>2312</v>
      </c>
      <c r="K1109" s="5" t="s">
        <v>6728</v>
      </c>
      <c r="L1109" s="6" t="s">
        <v>5</v>
      </c>
      <c r="M1109" s="2" t="s">
        <v>6732</v>
      </c>
      <c r="N1109" s="3">
        <v>35178</v>
      </c>
      <c r="O1109" s="3">
        <v>44866</v>
      </c>
      <c r="P1109" s="3">
        <v>47057</v>
      </c>
    </row>
    <row r="1110" spans="1:16" x14ac:dyDescent="0.15">
      <c r="A1110" s="2" t="s">
        <v>49</v>
      </c>
      <c r="B1110" s="2" t="s">
        <v>6739</v>
      </c>
      <c r="C1110" s="4" t="s">
        <v>6</v>
      </c>
      <c r="D1110" s="5" t="s">
        <v>2362</v>
      </c>
      <c r="E1110" s="5" t="s">
        <v>6740</v>
      </c>
      <c r="F1110" s="6" t="s">
        <v>5</v>
      </c>
      <c r="G1110" s="2" t="s">
        <v>2913</v>
      </c>
      <c r="H1110" s="4" t="s">
        <v>9</v>
      </c>
      <c r="I1110" s="5" t="s">
        <v>6</v>
      </c>
      <c r="J1110" s="5" t="s">
        <v>290</v>
      </c>
      <c r="K1110" s="5" t="s">
        <v>3920</v>
      </c>
      <c r="L1110" s="6" t="s">
        <v>5</v>
      </c>
      <c r="M1110" s="2" t="s">
        <v>6741</v>
      </c>
      <c r="N1110" s="3">
        <v>42455</v>
      </c>
      <c r="O1110" s="3">
        <v>44866</v>
      </c>
      <c r="P1110" s="3">
        <v>47057</v>
      </c>
    </row>
    <row r="1111" spans="1:16" x14ac:dyDescent="0.15">
      <c r="A1111" s="2" t="s">
        <v>49</v>
      </c>
      <c r="B1111" s="2" t="s">
        <v>6742</v>
      </c>
      <c r="C1111" s="4" t="s">
        <v>6</v>
      </c>
      <c r="D1111" s="5" t="s">
        <v>3259</v>
      </c>
      <c r="E1111" s="5" t="s">
        <v>6743</v>
      </c>
      <c r="F1111" s="6" t="s">
        <v>6744</v>
      </c>
      <c r="G1111" s="2" t="s">
        <v>2913</v>
      </c>
      <c r="H1111" s="4" t="s">
        <v>9</v>
      </c>
      <c r="I1111" s="5" t="s">
        <v>6</v>
      </c>
      <c r="J1111" s="5" t="s">
        <v>290</v>
      </c>
      <c r="K1111" s="5" t="s">
        <v>3920</v>
      </c>
      <c r="L1111" s="6" t="s">
        <v>5</v>
      </c>
      <c r="M1111" s="2" t="s">
        <v>6745</v>
      </c>
      <c r="N1111" s="3">
        <v>45323</v>
      </c>
      <c r="O1111" s="3">
        <v>45323</v>
      </c>
      <c r="P1111" s="3">
        <v>47603</v>
      </c>
    </row>
    <row r="1112" spans="1:16" x14ac:dyDescent="0.15">
      <c r="A1112" s="2" t="s">
        <v>49</v>
      </c>
      <c r="B1112" s="2" t="s">
        <v>6757</v>
      </c>
      <c r="C1112" s="4" t="s">
        <v>6</v>
      </c>
      <c r="D1112" s="5" t="s">
        <v>6758</v>
      </c>
      <c r="E1112" s="5" t="s">
        <v>3352</v>
      </c>
      <c r="F1112" s="6" t="s">
        <v>5</v>
      </c>
      <c r="G1112" s="2" t="s">
        <v>6755</v>
      </c>
      <c r="H1112" s="4" t="s">
        <v>9</v>
      </c>
      <c r="I1112" s="5" t="s">
        <v>6</v>
      </c>
      <c r="J1112" s="5" t="s">
        <v>6756</v>
      </c>
      <c r="K1112" s="5" t="s">
        <v>5353</v>
      </c>
      <c r="L1112" s="6" t="s">
        <v>5</v>
      </c>
      <c r="M1112" s="2" t="s">
        <v>6759</v>
      </c>
      <c r="N1112" s="3">
        <v>44841</v>
      </c>
      <c r="O1112" s="3">
        <v>44841</v>
      </c>
      <c r="P1112" s="3">
        <v>47391</v>
      </c>
    </row>
    <row r="1113" spans="1:16" x14ac:dyDescent="0.15">
      <c r="A1113" s="2" t="s">
        <v>49</v>
      </c>
      <c r="B1113" s="2" t="s">
        <v>6760</v>
      </c>
      <c r="C1113" s="4" t="s">
        <v>6</v>
      </c>
      <c r="D1113" s="5" t="s">
        <v>6761</v>
      </c>
      <c r="E1113" s="5" t="s">
        <v>2030</v>
      </c>
      <c r="F1113" s="6" t="s">
        <v>5</v>
      </c>
      <c r="G1113" s="2" t="s">
        <v>6755</v>
      </c>
      <c r="H1113" s="4" t="s">
        <v>9</v>
      </c>
      <c r="I1113" s="5" t="s">
        <v>6</v>
      </c>
      <c r="J1113" s="5" t="s">
        <v>6756</v>
      </c>
      <c r="K1113" s="5" t="s">
        <v>5353</v>
      </c>
      <c r="L1113" s="6" t="s">
        <v>5</v>
      </c>
      <c r="M1113" s="2" t="s">
        <v>6762</v>
      </c>
      <c r="N1113" s="3">
        <v>42601</v>
      </c>
      <c r="O1113" s="3">
        <v>45108</v>
      </c>
      <c r="P1113" s="3">
        <v>47299</v>
      </c>
    </row>
    <row r="1114" spans="1:16" x14ac:dyDescent="0.15">
      <c r="A1114" s="2" t="s">
        <v>49</v>
      </c>
      <c r="B1114" s="2" t="s">
        <v>4223</v>
      </c>
      <c r="C1114" s="4" t="s">
        <v>6</v>
      </c>
      <c r="D1114" s="5" t="s">
        <v>4221</v>
      </c>
      <c r="E1114" s="5" t="s">
        <v>4222</v>
      </c>
      <c r="F1114" s="6" t="s">
        <v>5</v>
      </c>
      <c r="G1114" s="2"/>
      <c r="H1114" s="4"/>
      <c r="I1114" s="5"/>
      <c r="J1114" s="5"/>
      <c r="K1114" s="5"/>
      <c r="L1114" s="6"/>
      <c r="M1114" s="2" t="s">
        <v>4224</v>
      </c>
      <c r="N1114" s="3">
        <v>37040</v>
      </c>
      <c r="O1114" s="3">
        <v>44652</v>
      </c>
      <c r="P1114" s="3">
        <v>46477</v>
      </c>
    </row>
    <row r="1115" spans="1:16" x14ac:dyDescent="0.15">
      <c r="A1115" s="2" t="s">
        <v>36</v>
      </c>
      <c r="B1115" s="2" t="s">
        <v>4223</v>
      </c>
      <c r="C1115" s="4" t="s">
        <v>6</v>
      </c>
      <c r="D1115" s="5" t="s">
        <v>4221</v>
      </c>
      <c r="E1115" s="5" t="s">
        <v>4222</v>
      </c>
      <c r="F1115" s="6" t="s">
        <v>5</v>
      </c>
      <c r="G1115" s="2"/>
      <c r="H1115" s="4"/>
      <c r="I1115" s="5"/>
      <c r="J1115" s="5"/>
      <c r="K1115" s="5"/>
      <c r="L1115" s="6"/>
      <c r="M1115" s="2" t="s">
        <v>4225</v>
      </c>
      <c r="N1115" s="3">
        <v>37040</v>
      </c>
      <c r="O1115" s="3">
        <v>44652</v>
      </c>
      <c r="P1115" s="3">
        <v>46477</v>
      </c>
    </row>
    <row r="1116" spans="1:16" x14ac:dyDescent="0.15">
      <c r="A1116" s="2" t="s">
        <v>49</v>
      </c>
      <c r="B1116" s="2" t="s">
        <v>6776</v>
      </c>
      <c r="C1116" s="4" t="s">
        <v>6</v>
      </c>
      <c r="D1116" s="5" t="s">
        <v>270</v>
      </c>
      <c r="E1116" s="5" t="s">
        <v>6777</v>
      </c>
      <c r="F1116" s="6" t="s">
        <v>5</v>
      </c>
      <c r="G1116" s="2" t="s">
        <v>6774</v>
      </c>
      <c r="H1116" s="4" t="s">
        <v>9</v>
      </c>
      <c r="I1116" s="5" t="s">
        <v>6</v>
      </c>
      <c r="J1116" s="5" t="s">
        <v>2805</v>
      </c>
      <c r="K1116" s="5" t="s">
        <v>6775</v>
      </c>
      <c r="L1116" s="6" t="s">
        <v>5</v>
      </c>
      <c r="M1116" s="2" t="s">
        <v>6778</v>
      </c>
      <c r="N1116" s="3">
        <v>44845</v>
      </c>
      <c r="O1116" s="3">
        <v>44845</v>
      </c>
      <c r="P1116" s="3">
        <v>47208</v>
      </c>
    </row>
    <row r="1117" spans="1:16" x14ac:dyDescent="0.15">
      <c r="A1117" s="2" t="s">
        <v>49</v>
      </c>
      <c r="B1117" s="2" t="s">
        <v>4231</v>
      </c>
      <c r="C1117" s="4" t="s">
        <v>6</v>
      </c>
      <c r="D1117" s="5" t="s">
        <v>307</v>
      </c>
      <c r="E1117" s="5" t="s">
        <v>4230</v>
      </c>
      <c r="F1117" s="6" t="s">
        <v>5</v>
      </c>
      <c r="G1117" s="2"/>
      <c r="H1117" s="4"/>
      <c r="I1117" s="5"/>
      <c r="J1117" s="5"/>
      <c r="K1117" s="5"/>
      <c r="L1117" s="6"/>
      <c r="M1117" s="2" t="s">
        <v>4232</v>
      </c>
      <c r="N1117" s="3">
        <v>42829</v>
      </c>
      <c r="O1117" s="3">
        <v>44682</v>
      </c>
      <c r="P1117" s="3">
        <v>46507</v>
      </c>
    </row>
    <row r="1118" spans="1:16" x14ac:dyDescent="0.15">
      <c r="A1118" s="2" t="s">
        <v>49</v>
      </c>
      <c r="B1118" s="2" t="s">
        <v>6818</v>
      </c>
      <c r="C1118" s="4" t="s">
        <v>6</v>
      </c>
      <c r="D1118" s="5" t="s">
        <v>6819</v>
      </c>
      <c r="E1118" s="5" t="s">
        <v>6820</v>
      </c>
      <c r="F1118" s="6" t="s">
        <v>5</v>
      </c>
      <c r="G1118" s="2" t="s">
        <v>6817</v>
      </c>
      <c r="H1118" s="4" t="s">
        <v>9</v>
      </c>
      <c r="I1118" s="5" t="s">
        <v>6</v>
      </c>
      <c r="J1118" s="5" t="s">
        <v>2243</v>
      </c>
      <c r="K1118" s="5" t="s">
        <v>3416</v>
      </c>
      <c r="L1118" s="6" t="s">
        <v>5</v>
      </c>
      <c r="M1118" s="2" t="s">
        <v>6821</v>
      </c>
      <c r="N1118" s="3">
        <v>33691</v>
      </c>
      <c r="O1118" s="3">
        <v>44896</v>
      </c>
      <c r="P1118" s="3">
        <v>47087</v>
      </c>
    </row>
    <row r="1119" spans="1:16" x14ac:dyDescent="0.15">
      <c r="A1119" s="2" t="s">
        <v>49</v>
      </c>
      <c r="B1119" s="2" t="s">
        <v>6841</v>
      </c>
      <c r="C1119" s="4" t="s">
        <v>6</v>
      </c>
      <c r="D1119" s="5" t="s">
        <v>1758</v>
      </c>
      <c r="E1119" s="5" t="s">
        <v>6842</v>
      </c>
      <c r="F1119" s="6" t="s">
        <v>5</v>
      </c>
      <c r="G1119" s="2" t="s">
        <v>6838</v>
      </c>
      <c r="H1119" s="4" t="s">
        <v>9</v>
      </c>
      <c r="I1119" s="5" t="s">
        <v>1280</v>
      </c>
      <c r="J1119" s="5" t="s">
        <v>6839</v>
      </c>
      <c r="K1119" s="5" t="s">
        <v>6840</v>
      </c>
      <c r="L1119" s="6" t="s">
        <v>5</v>
      </c>
      <c r="M1119" s="2" t="s">
        <v>6843</v>
      </c>
      <c r="N1119" s="3">
        <v>44856</v>
      </c>
      <c r="O1119" s="3">
        <v>44856</v>
      </c>
      <c r="P1119" s="3">
        <v>47391</v>
      </c>
    </row>
    <row r="1120" spans="1:16" x14ac:dyDescent="0.15">
      <c r="A1120" s="2" t="s">
        <v>49</v>
      </c>
      <c r="B1120" s="2" t="s">
        <v>6849</v>
      </c>
      <c r="C1120" s="4" t="s">
        <v>6</v>
      </c>
      <c r="D1120" s="5" t="s">
        <v>111</v>
      </c>
      <c r="E1120" s="5" t="s">
        <v>6850</v>
      </c>
      <c r="F1120" s="6" t="s">
        <v>5</v>
      </c>
      <c r="G1120" s="2" t="s">
        <v>722</v>
      </c>
      <c r="H1120" s="4" t="s">
        <v>724</v>
      </c>
      <c r="I1120" s="5" t="s">
        <v>725</v>
      </c>
      <c r="J1120" s="5" t="s">
        <v>6847</v>
      </c>
      <c r="K1120" s="5" t="s">
        <v>6848</v>
      </c>
      <c r="L1120" s="6" t="s">
        <v>5</v>
      </c>
      <c r="M1120" s="2" t="s">
        <v>6851</v>
      </c>
      <c r="N1120" s="3">
        <v>40269</v>
      </c>
      <c r="O1120" s="3">
        <v>44866</v>
      </c>
      <c r="P1120" s="3">
        <v>47057</v>
      </c>
    </row>
    <row r="1121" spans="1:16" x14ac:dyDescent="0.15">
      <c r="A1121" s="2" t="s">
        <v>49</v>
      </c>
      <c r="B1121" s="2" t="s">
        <v>4247</v>
      </c>
      <c r="C1121" s="4" t="s">
        <v>6</v>
      </c>
      <c r="D1121" s="5" t="s">
        <v>4248</v>
      </c>
      <c r="E1121" s="5" t="s">
        <v>5</v>
      </c>
      <c r="F1121" s="6" t="s">
        <v>5</v>
      </c>
      <c r="G1121" s="2"/>
      <c r="H1121" s="4"/>
      <c r="I1121" s="5"/>
      <c r="J1121" s="5"/>
      <c r="K1121" s="5"/>
      <c r="L1121" s="6"/>
      <c r="M1121" s="2" t="s">
        <v>4249</v>
      </c>
      <c r="N1121" s="3">
        <v>40031</v>
      </c>
      <c r="O1121" s="3">
        <v>44652</v>
      </c>
      <c r="P1121" s="3">
        <v>46843</v>
      </c>
    </row>
    <row r="1122" spans="1:16" x14ac:dyDescent="0.15">
      <c r="A1122" s="2" t="s">
        <v>49</v>
      </c>
      <c r="B1122" s="2" t="s">
        <v>6852</v>
      </c>
      <c r="C1122" s="4" t="s">
        <v>6</v>
      </c>
      <c r="D1122" s="5" t="s">
        <v>6853</v>
      </c>
      <c r="E1122" s="5" t="s">
        <v>403</v>
      </c>
      <c r="F1122" s="6" t="s">
        <v>5</v>
      </c>
      <c r="G1122" s="2" t="s">
        <v>6852</v>
      </c>
      <c r="H1122" s="4" t="s">
        <v>9</v>
      </c>
      <c r="I1122" s="5" t="s">
        <v>6</v>
      </c>
      <c r="J1122" s="5" t="s">
        <v>6853</v>
      </c>
      <c r="K1122" s="5" t="s">
        <v>403</v>
      </c>
      <c r="L1122" s="6" t="s">
        <v>5</v>
      </c>
      <c r="M1122" s="2" t="s">
        <v>6854</v>
      </c>
      <c r="N1122" s="3">
        <v>40887</v>
      </c>
      <c r="O1122" s="3">
        <v>44896</v>
      </c>
      <c r="P1122" s="3">
        <v>46721</v>
      </c>
    </row>
    <row r="1123" spans="1:16" x14ac:dyDescent="0.15">
      <c r="A1123" s="2" t="s">
        <v>49</v>
      </c>
      <c r="B1123" s="2" t="s">
        <v>6861</v>
      </c>
      <c r="C1123" s="4" t="s">
        <v>6</v>
      </c>
      <c r="D1123" s="5" t="s">
        <v>2132</v>
      </c>
      <c r="E1123" s="5" t="s">
        <v>6862</v>
      </c>
      <c r="F1123" s="6" t="s">
        <v>5</v>
      </c>
      <c r="G1123" s="2" t="s">
        <v>6859</v>
      </c>
      <c r="H1123" s="4" t="s">
        <v>9</v>
      </c>
      <c r="I1123" s="5" t="s">
        <v>6</v>
      </c>
      <c r="J1123" s="5" t="s">
        <v>200</v>
      </c>
      <c r="K1123" s="5" t="s">
        <v>6860</v>
      </c>
      <c r="L1123" s="6" t="s">
        <v>5</v>
      </c>
      <c r="M1123" s="2" t="s">
        <v>6863</v>
      </c>
      <c r="N1123" s="3">
        <v>42607</v>
      </c>
      <c r="O1123" s="3">
        <v>44866</v>
      </c>
      <c r="P1123" s="3">
        <v>47057</v>
      </c>
    </row>
    <row r="1124" spans="1:16" x14ac:dyDescent="0.15">
      <c r="A1124" s="2" t="s">
        <v>49</v>
      </c>
      <c r="B1124" s="2" t="s">
        <v>6880</v>
      </c>
      <c r="C1124" s="4" t="s">
        <v>6</v>
      </c>
      <c r="D1124" s="5" t="s">
        <v>608</v>
      </c>
      <c r="E1124" s="5" t="s">
        <v>3391</v>
      </c>
      <c r="F1124" s="6" t="s">
        <v>6881</v>
      </c>
      <c r="G1124" s="2" t="s">
        <v>6877</v>
      </c>
      <c r="H1124" s="4" t="s">
        <v>9</v>
      </c>
      <c r="I1124" s="5" t="s">
        <v>6</v>
      </c>
      <c r="J1124" s="5" t="s">
        <v>6878</v>
      </c>
      <c r="K1124" s="5" t="s">
        <v>6879</v>
      </c>
      <c r="L1124" s="6" t="s">
        <v>5</v>
      </c>
      <c r="M1124" s="2" t="s">
        <v>6882</v>
      </c>
      <c r="N1124" s="3">
        <v>40354</v>
      </c>
      <c r="O1124" s="3">
        <v>44896</v>
      </c>
      <c r="P1124" s="3">
        <v>47087</v>
      </c>
    </row>
    <row r="1125" spans="1:16" x14ac:dyDescent="0.15">
      <c r="A1125" s="2" t="s">
        <v>49</v>
      </c>
      <c r="B1125" s="2" t="s">
        <v>6903</v>
      </c>
      <c r="C1125" s="4" t="s">
        <v>6</v>
      </c>
      <c r="D1125" s="5" t="s">
        <v>45</v>
      </c>
      <c r="E1125" s="5" t="s">
        <v>6902</v>
      </c>
      <c r="F1125" s="6" t="s">
        <v>5</v>
      </c>
      <c r="G1125" s="2" t="s">
        <v>6901</v>
      </c>
      <c r="H1125" s="4" t="s">
        <v>9</v>
      </c>
      <c r="I1125" s="5" t="s">
        <v>6</v>
      </c>
      <c r="J1125" s="5" t="s">
        <v>45</v>
      </c>
      <c r="K1125" s="5" t="s">
        <v>6902</v>
      </c>
      <c r="L1125" s="6" t="s">
        <v>5</v>
      </c>
      <c r="M1125" s="2" t="s">
        <v>6904</v>
      </c>
      <c r="N1125" s="3">
        <v>35376</v>
      </c>
      <c r="O1125" s="3">
        <v>44896</v>
      </c>
      <c r="P1125" s="3">
        <v>47087</v>
      </c>
    </row>
    <row r="1126" spans="1:16" x14ac:dyDescent="0.15">
      <c r="A1126" s="2" t="s">
        <v>16</v>
      </c>
      <c r="B1126" s="2" t="s">
        <v>4260</v>
      </c>
      <c r="C1126" s="4" t="s">
        <v>6</v>
      </c>
      <c r="D1126" s="5" t="s">
        <v>4259</v>
      </c>
      <c r="E1126" s="5" t="s">
        <v>5</v>
      </c>
      <c r="F1126" s="6" t="s">
        <v>5</v>
      </c>
      <c r="G1126" s="2"/>
      <c r="H1126" s="4"/>
      <c r="I1126" s="5"/>
      <c r="J1126" s="5"/>
      <c r="K1126" s="5"/>
      <c r="L1126" s="6"/>
      <c r="M1126" s="2" t="s">
        <v>4261</v>
      </c>
      <c r="N1126" s="3">
        <v>39906</v>
      </c>
      <c r="O1126" s="3">
        <v>44652</v>
      </c>
      <c r="P1126" s="3">
        <v>46843</v>
      </c>
    </row>
    <row r="1127" spans="1:16" x14ac:dyDescent="0.15">
      <c r="A1127" s="2" t="s">
        <v>16</v>
      </c>
      <c r="B1127" s="2" t="s">
        <v>4263</v>
      </c>
      <c r="C1127" s="4" t="s">
        <v>6</v>
      </c>
      <c r="D1127" s="5" t="s">
        <v>4262</v>
      </c>
      <c r="E1127" s="5" t="s">
        <v>4264</v>
      </c>
      <c r="F1127" s="6" t="s">
        <v>5</v>
      </c>
      <c r="G1127" s="2"/>
      <c r="H1127" s="4"/>
      <c r="I1127" s="5"/>
      <c r="J1127" s="5"/>
      <c r="K1127" s="5"/>
      <c r="L1127" s="6"/>
      <c r="M1127" s="2" t="s">
        <v>4265</v>
      </c>
      <c r="N1127" s="3">
        <v>42856</v>
      </c>
      <c r="O1127" s="3">
        <v>44682</v>
      </c>
      <c r="P1127" s="3">
        <v>46507</v>
      </c>
    </row>
    <row r="1128" spans="1:16" x14ac:dyDescent="0.15">
      <c r="A1128" s="2" t="s">
        <v>49</v>
      </c>
      <c r="B1128" s="2" t="s">
        <v>6910</v>
      </c>
      <c r="C1128" s="4" t="s">
        <v>6</v>
      </c>
      <c r="D1128" s="5" t="s">
        <v>111</v>
      </c>
      <c r="E1128" s="5" t="s">
        <v>6911</v>
      </c>
      <c r="F1128" s="6" t="s">
        <v>5</v>
      </c>
      <c r="G1128" s="2" t="s">
        <v>6906</v>
      </c>
      <c r="H1128" s="4" t="s">
        <v>384</v>
      </c>
      <c r="I1128" s="5" t="s">
        <v>6907</v>
      </c>
      <c r="J1128" s="5" t="s">
        <v>6908</v>
      </c>
      <c r="K1128" s="5" t="s">
        <v>6909</v>
      </c>
      <c r="L1128" s="6" t="s">
        <v>5</v>
      </c>
      <c r="M1128" s="2" t="s">
        <v>6912</v>
      </c>
      <c r="N1128" s="3">
        <v>44870</v>
      </c>
      <c r="O1128" s="3">
        <v>44870</v>
      </c>
      <c r="P1128" s="3">
        <v>47422</v>
      </c>
    </row>
    <row r="1129" spans="1:16" x14ac:dyDescent="0.15">
      <c r="A1129" s="2" t="s">
        <v>49</v>
      </c>
      <c r="B1129" s="2" t="s">
        <v>6914</v>
      </c>
      <c r="C1129" s="4" t="s">
        <v>6</v>
      </c>
      <c r="D1129" s="5" t="s">
        <v>1152</v>
      </c>
      <c r="E1129" s="5" t="s">
        <v>6915</v>
      </c>
      <c r="F1129" s="6" t="s">
        <v>6916</v>
      </c>
      <c r="G1129" s="2" t="s">
        <v>6913</v>
      </c>
      <c r="H1129" s="4" t="s">
        <v>9</v>
      </c>
      <c r="I1129" s="5" t="s">
        <v>6</v>
      </c>
      <c r="J1129" s="5" t="s">
        <v>5907</v>
      </c>
      <c r="K1129" s="5" t="s">
        <v>2461</v>
      </c>
      <c r="L1129" s="6" t="s">
        <v>5</v>
      </c>
      <c r="M1129" s="2" t="s">
        <v>6917</v>
      </c>
      <c r="N1129" s="3">
        <v>44896</v>
      </c>
      <c r="O1129" s="3">
        <v>44896</v>
      </c>
      <c r="P1129" s="3">
        <v>47087</v>
      </c>
    </row>
    <row r="1130" spans="1:16" x14ac:dyDescent="0.15">
      <c r="A1130" s="2" t="s">
        <v>49</v>
      </c>
      <c r="B1130" s="2" t="s">
        <v>6938</v>
      </c>
      <c r="C1130" s="4" t="s">
        <v>6</v>
      </c>
      <c r="D1130" s="5" t="s">
        <v>919</v>
      </c>
      <c r="E1130" s="5" t="s">
        <v>1672</v>
      </c>
      <c r="F1130" s="6" t="s">
        <v>5</v>
      </c>
      <c r="G1130" s="2" t="s">
        <v>6935</v>
      </c>
      <c r="H1130" s="4" t="s">
        <v>9</v>
      </c>
      <c r="I1130" s="5" t="s">
        <v>663</v>
      </c>
      <c r="J1130" s="5" t="s">
        <v>6936</v>
      </c>
      <c r="K1130" s="5" t="s">
        <v>6937</v>
      </c>
      <c r="L1130" s="6" t="s">
        <v>5</v>
      </c>
      <c r="M1130" s="2" t="s">
        <v>6939</v>
      </c>
      <c r="N1130" s="3">
        <v>44866</v>
      </c>
      <c r="O1130" s="3">
        <v>44866</v>
      </c>
      <c r="P1130" s="3">
        <v>47238</v>
      </c>
    </row>
    <row r="1131" spans="1:16" x14ac:dyDescent="0.15">
      <c r="A1131" s="2" t="s">
        <v>49</v>
      </c>
      <c r="B1131" s="2" t="s">
        <v>6950</v>
      </c>
      <c r="C1131" s="4" t="s">
        <v>6</v>
      </c>
      <c r="D1131" s="5" t="s">
        <v>608</v>
      </c>
      <c r="E1131" s="5" t="s">
        <v>609</v>
      </c>
      <c r="F1131" s="6" t="s">
        <v>5</v>
      </c>
      <c r="G1131" s="2" t="s">
        <v>6949</v>
      </c>
      <c r="H1131" s="4" t="s">
        <v>9</v>
      </c>
      <c r="I1131" s="5" t="s">
        <v>6</v>
      </c>
      <c r="J1131" s="5" t="s">
        <v>3891</v>
      </c>
      <c r="K1131" s="5" t="s">
        <v>3397</v>
      </c>
      <c r="L1131" s="6" t="s">
        <v>5</v>
      </c>
      <c r="M1131" s="2" t="s">
        <v>6951</v>
      </c>
      <c r="N1131" s="3">
        <v>33871</v>
      </c>
      <c r="O1131" s="3">
        <v>44896</v>
      </c>
      <c r="P1131" s="3">
        <v>47087</v>
      </c>
    </row>
    <row r="1132" spans="1:16" x14ac:dyDescent="0.15">
      <c r="A1132" s="2" t="s">
        <v>66</v>
      </c>
      <c r="B1132" s="2" t="s">
        <v>4277</v>
      </c>
      <c r="C1132" s="4" t="s">
        <v>6</v>
      </c>
      <c r="D1132" s="5" t="s">
        <v>4278</v>
      </c>
      <c r="E1132" s="5" t="s">
        <v>5</v>
      </c>
      <c r="F1132" s="6" t="s">
        <v>5</v>
      </c>
      <c r="G1132" s="2"/>
      <c r="H1132" s="4"/>
      <c r="I1132" s="5"/>
      <c r="J1132" s="5"/>
      <c r="K1132" s="5"/>
      <c r="L1132" s="6"/>
      <c r="M1132" s="2" t="s">
        <v>4279</v>
      </c>
      <c r="N1132" s="3">
        <v>42249</v>
      </c>
      <c r="O1132" s="3">
        <v>44652</v>
      </c>
      <c r="P1132" s="3">
        <v>46843</v>
      </c>
    </row>
    <row r="1133" spans="1:16" x14ac:dyDescent="0.15">
      <c r="A1133" s="2" t="s">
        <v>49</v>
      </c>
      <c r="B1133" s="2" t="s">
        <v>6952</v>
      </c>
      <c r="C1133" s="4" t="s">
        <v>6</v>
      </c>
      <c r="D1133" s="5" t="s">
        <v>91</v>
      </c>
      <c r="E1133" s="5" t="s">
        <v>6953</v>
      </c>
      <c r="F1133" s="6" t="s">
        <v>5</v>
      </c>
      <c r="G1133" s="2" t="s">
        <v>6949</v>
      </c>
      <c r="H1133" s="4" t="s">
        <v>9</v>
      </c>
      <c r="I1133" s="5" t="s">
        <v>6</v>
      </c>
      <c r="J1133" s="5" t="s">
        <v>3891</v>
      </c>
      <c r="K1133" s="5" t="s">
        <v>3397</v>
      </c>
      <c r="L1133" s="6" t="s">
        <v>5</v>
      </c>
      <c r="M1133" s="2" t="s">
        <v>6954</v>
      </c>
      <c r="N1133" s="3">
        <v>33871</v>
      </c>
      <c r="O1133" s="3">
        <v>45017</v>
      </c>
      <c r="P1133" s="3">
        <v>47208</v>
      </c>
    </row>
    <row r="1134" spans="1:16" x14ac:dyDescent="0.15">
      <c r="A1134" s="2" t="s">
        <v>49</v>
      </c>
      <c r="B1134" s="2" t="s">
        <v>6962</v>
      </c>
      <c r="C1134" s="4" t="s">
        <v>6</v>
      </c>
      <c r="D1134" s="5" t="s">
        <v>2956</v>
      </c>
      <c r="E1134" s="5" t="s">
        <v>6963</v>
      </c>
      <c r="F1134" s="6" t="s">
        <v>5</v>
      </c>
      <c r="G1134" s="2" t="s">
        <v>6962</v>
      </c>
      <c r="H1134" s="4" t="s">
        <v>9</v>
      </c>
      <c r="I1134" s="5" t="s">
        <v>6</v>
      </c>
      <c r="J1134" s="5" t="s">
        <v>2956</v>
      </c>
      <c r="K1134" s="5" t="s">
        <v>6963</v>
      </c>
      <c r="L1134" s="6" t="s">
        <v>5</v>
      </c>
      <c r="M1134" s="2" t="s">
        <v>6964</v>
      </c>
      <c r="N1134" s="3">
        <v>35358</v>
      </c>
      <c r="O1134" s="3">
        <v>44896</v>
      </c>
      <c r="P1134" s="3">
        <v>47087</v>
      </c>
    </row>
    <row r="1135" spans="1:16" x14ac:dyDescent="0.15">
      <c r="A1135" s="2" t="s">
        <v>49</v>
      </c>
      <c r="B1135" s="2" t="s">
        <v>4290</v>
      </c>
      <c r="C1135" s="4" t="s">
        <v>6</v>
      </c>
      <c r="D1135" s="5" t="s">
        <v>3690</v>
      </c>
      <c r="E1135" s="5" t="s">
        <v>3557</v>
      </c>
      <c r="F1135" s="6" t="s">
        <v>5</v>
      </c>
      <c r="G1135" s="2"/>
      <c r="H1135" s="4"/>
      <c r="I1135" s="5"/>
      <c r="J1135" s="5"/>
      <c r="K1135" s="5"/>
      <c r="L1135" s="6"/>
      <c r="M1135" s="2" t="s">
        <v>4291</v>
      </c>
      <c r="N1135" s="3">
        <v>42634</v>
      </c>
      <c r="O1135" s="3">
        <v>44652</v>
      </c>
      <c r="P1135" s="3">
        <v>46477</v>
      </c>
    </row>
    <row r="1136" spans="1:16" x14ac:dyDescent="0.15">
      <c r="A1136" s="2" t="s">
        <v>49</v>
      </c>
      <c r="B1136" s="2" t="s">
        <v>4292</v>
      </c>
      <c r="C1136" s="4" t="s">
        <v>6</v>
      </c>
      <c r="D1136" s="5" t="s">
        <v>378</v>
      </c>
      <c r="E1136" s="5" t="s">
        <v>4293</v>
      </c>
      <c r="F1136" s="6" t="s">
        <v>4294</v>
      </c>
      <c r="G1136" s="2"/>
      <c r="H1136" s="4"/>
      <c r="I1136" s="5"/>
      <c r="J1136" s="5"/>
      <c r="K1136" s="5"/>
      <c r="L1136" s="6"/>
      <c r="M1136" s="2" t="s">
        <v>4295</v>
      </c>
      <c r="N1136" s="3">
        <v>44622</v>
      </c>
      <c r="O1136" s="3">
        <v>44622</v>
      </c>
      <c r="P1136" s="3">
        <v>46904</v>
      </c>
    </row>
    <row r="1137" spans="1:16" x14ac:dyDescent="0.15">
      <c r="A1137" s="2" t="s">
        <v>49</v>
      </c>
      <c r="B1137" s="2" t="s">
        <v>4296</v>
      </c>
      <c r="C1137" s="4" t="s">
        <v>6</v>
      </c>
      <c r="D1137" s="5" t="s">
        <v>654</v>
      </c>
      <c r="E1137" s="5" t="s">
        <v>2278</v>
      </c>
      <c r="F1137" s="6" t="s">
        <v>5</v>
      </c>
      <c r="G1137" s="2"/>
      <c r="H1137" s="4"/>
      <c r="I1137" s="5"/>
      <c r="J1137" s="5"/>
      <c r="K1137" s="5"/>
      <c r="L1137" s="6"/>
      <c r="M1137" s="2" t="s">
        <v>4297</v>
      </c>
      <c r="N1137" s="3">
        <v>44623</v>
      </c>
      <c r="O1137" s="3">
        <v>44623</v>
      </c>
      <c r="P1137" s="3">
        <v>47087</v>
      </c>
    </row>
    <row r="1138" spans="1:16" x14ac:dyDescent="0.15">
      <c r="A1138" s="2" t="s">
        <v>49</v>
      </c>
      <c r="B1138" s="2" t="s">
        <v>6967</v>
      </c>
      <c r="C1138" s="4" t="s">
        <v>6</v>
      </c>
      <c r="D1138" s="5" t="s">
        <v>1152</v>
      </c>
      <c r="E1138" s="5" t="s">
        <v>6968</v>
      </c>
      <c r="F1138" s="6" t="s">
        <v>5</v>
      </c>
      <c r="G1138" s="2" t="s">
        <v>6965</v>
      </c>
      <c r="H1138" s="4" t="s">
        <v>9</v>
      </c>
      <c r="I1138" s="5" t="s">
        <v>6</v>
      </c>
      <c r="J1138" s="5" t="s">
        <v>848</v>
      </c>
      <c r="K1138" s="5" t="s">
        <v>6966</v>
      </c>
      <c r="L1138" s="6" t="s">
        <v>5</v>
      </c>
      <c r="M1138" s="2" t="s">
        <v>6969</v>
      </c>
      <c r="N1138" s="3">
        <v>40829</v>
      </c>
      <c r="O1138" s="3">
        <v>44896</v>
      </c>
      <c r="P1138" s="3">
        <v>47087</v>
      </c>
    </row>
    <row r="1139" spans="1:16" x14ac:dyDescent="0.15">
      <c r="A1139" s="2" t="s">
        <v>49</v>
      </c>
      <c r="B1139" s="2" t="s">
        <v>6970</v>
      </c>
      <c r="C1139" s="4" t="s">
        <v>6</v>
      </c>
      <c r="D1139" s="5" t="s">
        <v>500</v>
      </c>
      <c r="E1139" s="5" t="s">
        <v>6971</v>
      </c>
      <c r="F1139" s="6" t="s">
        <v>5</v>
      </c>
      <c r="G1139" s="2" t="s">
        <v>6965</v>
      </c>
      <c r="H1139" s="4" t="s">
        <v>9</v>
      </c>
      <c r="I1139" s="5" t="s">
        <v>6</v>
      </c>
      <c r="J1139" s="5" t="s">
        <v>848</v>
      </c>
      <c r="K1139" s="5" t="s">
        <v>6966</v>
      </c>
      <c r="L1139" s="6" t="s">
        <v>5</v>
      </c>
      <c r="M1139" s="2" t="s">
        <v>6972</v>
      </c>
      <c r="N1139" s="3">
        <v>40533</v>
      </c>
      <c r="O1139" s="3">
        <v>45078</v>
      </c>
      <c r="P1139" s="3">
        <v>47269</v>
      </c>
    </row>
    <row r="1140" spans="1:16" x14ac:dyDescent="0.15">
      <c r="A1140" s="2" t="s">
        <v>49</v>
      </c>
      <c r="B1140" s="2" t="s">
        <v>6979</v>
      </c>
      <c r="C1140" s="4" t="s">
        <v>6</v>
      </c>
      <c r="D1140" s="5" t="s">
        <v>456</v>
      </c>
      <c r="E1140" s="5" t="s">
        <v>520</v>
      </c>
      <c r="F1140" s="6" t="s">
        <v>5</v>
      </c>
      <c r="G1140" s="2" t="s">
        <v>6973</v>
      </c>
      <c r="H1140" s="4" t="s">
        <v>9</v>
      </c>
      <c r="I1140" s="5" t="s">
        <v>6</v>
      </c>
      <c r="J1140" s="5" t="s">
        <v>6974</v>
      </c>
      <c r="K1140" s="5" t="s">
        <v>2766</v>
      </c>
      <c r="L1140" s="6" t="s">
        <v>5</v>
      </c>
      <c r="M1140" s="2" t="s">
        <v>6980</v>
      </c>
      <c r="N1140" s="3">
        <v>42949</v>
      </c>
      <c r="O1140" s="3">
        <v>45078</v>
      </c>
      <c r="P1140" s="3">
        <v>46904</v>
      </c>
    </row>
    <row r="1141" spans="1:16" x14ac:dyDescent="0.15">
      <c r="A1141" s="2" t="s">
        <v>49</v>
      </c>
      <c r="B1141" s="2" t="s">
        <v>6984</v>
      </c>
      <c r="C1141" s="4" t="s">
        <v>6</v>
      </c>
      <c r="D1141" s="5" t="s">
        <v>2746</v>
      </c>
      <c r="E1141" s="5" t="s">
        <v>609</v>
      </c>
      <c r="F1141" s="6" t="s">
        <v>5</v>
      </c>
      <c r="G1141" s="2" t="s">
        <v>6973</v>
      </c>
      <c r="H1141" s="4" t="s">
        <v>9</v>
      </c>
      <c r="I1141" s="5" t="s">
        <v>6</v>
      </c>
      <c r="J1141" s="5" t="s">
        <v>6974</v>
      </c>
      <c r="K1141" s="5" t="s">
        <v>2766</v>
      </c>
      <c r="L1141" s="6" t="s">
        <v>5</v>
      </c>
      <c r="M1141" s="2" t="s">
        <v>6985</v>
      </c>
      <c r="N1141" s="3">
        <v>44048</v>
      </c>
      <c r="O1141" s="3">
        <v>44048</v>
      </c>
      <c r="P1141" s="3">
        <v>45961</v>
      </c>
    </row>
    <row r="1142" spans="1:16" x14ac:dyDescent="0.15">
      <c r="A1142" s="2" t="s">
        <v>49</v>
      </c>
      <c r="B1142" s="2" t="s">
        <v>7005</v>
      </c>
      <c r="C1142" s="4" t="s">
        <v>6</v>
      </c>
      <c r="D1142" s="5" t="s">
        <v>1027</v>
      </c>
      <c r="E1142" s="5" t="s">
        <v>4146</v>
      </c>
      <c r="F1142" s="6" t="s">
        <v>7006</v>
      </c>
      <c r="G1142" s="2" t="s">
        <v>7003</v>
      </c>
      <c r="H1142" s="4" t="s">
        <v>9</v>
      </c>
      <c r="I1142" s="5" t="s">
        <v>6</v>
      </c>
      <c r="J1142" s="5" t="s">
        <v>1027</v>
      </c>
      <c r="K1142" s="5" t="s">
        <v>7004</v>
      </c>
      <c r="L1142" s="6" t="s">
        <v>5</v>
      </c>
      <c r="M1142" s="2" t="s">
        <v>7007</v>
      </c>
      <c r="N1142" s="3">
        <v>38076</v>
      </c>
      <c r="O1142" s="3">
        <v>44896</v>
      </c>
      <c r="P1142" s="3">
        <v>47087</v>
      </c>
    </row>
    <row r="1143" spans="1:16" x14ac:dyDescent="0.15">
      <c r="A1143" s="2" t="s">
        <v>49</v>
      </c>
      <c r="B1143" s="2" t="s">
        <v>7019</v>
      </c>
      <c r="C1143" s="4" t="s">
        <v>6</v>
      </c>
      <c r="D1143" s="5" t="s">
        <v>2012</v>
      </c>
      <c r="E1143" s="5" t="s">
        <v>7018</v>
      </c>
      <c r="F1143" s="6" t="s">
        <v>5</v>
      </c>
      <c r="G1143" s="2" t="s">
        <v>7017</v>
      </c>
      <c r="H1143" s="4" t="s">
        <v>9</v>
      </c>
      <c r="I1143" s="5" t="s">
        <v>6</v>
      </c>
      <c r="J1143" s="5" t="s">
        <v>2012</v>
      </c>
      <c r="K1143" s="5" t="s">
        <v>7018</v>
      </c>
      <c r="L1143" s="6" t="s">
        <v>5</v>
      </c>
      <c r="M1143" s="2" t="s">
        <v>7020</v>
      </c>
      <c r="N1143" s="3">
        <v>41365</v>
      </c>
      <c r="O1143" s="3">
        <v>45383</v>
      </c>
      <c r="P1143" s="3">
        <v>47573</v>
      </c>
    </row>
    <row r="1144" spans="1:16" x14ac:dyDescent="0.15">
      <c r="A1144" s="2" t="s">
        <v>49</v>
      </c>
      <c r="B1144" s="2" t="s">
        <v>7031</v>
      </c>
      <c r="C1144" s="4" t="s">
        <v>6</v>
      </c>
      <c r="D1144" s="5" t="s">
        <v>2805</v>
      </c>
      <c r="E1144" s="5" t="s">
        <v>7030</v>
      </c>
      <c r="F1144" s="6" t="s">
        <v>5</v>
      </c>
      <c r="G1144" s="2" t="s">
        <v>7029</v>
      </c>
      <c r="H1144" s="4" t="s">
        <v>9</v>
      </c>
      <c r="I1144" s="5" t="s">
        <v>6</v>
      </c>
      <c r="J1144" s="5" t="s">
        <v>2805</v>
      </c>
      <c r="K1144" s="5" t="s">
        <v>7030</v>
      </c>
      <c r="L1144" s="6" t="s">
        <v>5</v>
      </c>
      <c r="M1144" s="2" t="s">
        <v>7032</v>
      </c>
      <c r="N1144" s="3">
        <v>41135</v>
      </c>
      <c r="O1144" s="3">
        <v>44866</v>
      </c>
      <c r="P1144" s="3">
        <v>46691</v>
      </c>
    </row>
    <row r="1145" spans="1:16" x14ac:dyDescent="0.15">
      <c r="A1145" s="2" t="s">
        <v>49</v>
      </c>
      <c r="B1145" s="2" t="s">
        <v>7033</v>
      </c>
      <c r="C1145" s="4" t="s">
        <v>6</v>
      </c>
      <c r="D1145" s="5" t="s">
        <v>45</v>
      </c>
      <c r="E1145" s="5" t="s">
        <v>6262</v>
      </c>
      <c r="F1145" s="6" t="s">
        <v>7034</v>
      </c>
      <c r="G1145" s="2" t="s">
        <v>7029</v>
      </c>
      <c r="H1145" s="4" t="s">
        <v>9</v>
      </c>
      <c r="I1145" s="5" t="s">
        <v>6</v>
      </c>
      <c r="J1145" s="5" t="s">
        <v>2805</v>
      </c>
      <c r="K1145" s="5" t="s">
        <v>7030</v>
      </c>
      <c r="L1145" s="6" t="s">
        <v>5</v>
      </c>
      <c r="M1145" s="2" t="s">
        <v>7035</v>
      </c>
      <c r="N1145" s="3">
        <v>42972</v>
      </c>
      <c r="O1145" s="3">
        <v>45261</v>
      </c>
      <c r="P1145" s="3">
        <v>47452</v>
      </c>
    </row>
    <row r="1146" spans="1:16" x14ac:dyDescent="0.15">
      <c r="A1146" s="2" t="s">
        <v>49</v>
      </c>
      <c r="B1146" s="2" t="s">
        <v>4331</v>
      </c>
      <c r="C1146" s="4" t="s">
        <v>6</v>
      </c>
      <c r="D1146" s="5" t="s">
        <v>4332</v>
      </c>
      <c r="E1146" s="5" t="s">
        <v>5</v>
      </c>
      <c r="F1146" s="6" t="s">
        <v>5</v>
      </c>
      <c r="G1146" s="2"/>
      <c r="H1146" s="4"/>
      <c r="I1146" s="5"/>
      <c r="J1146" s="5"/>
      <c r="K1146" s="5"/>
      <c r="L1146" s="6"/>
      <c r="M1146" s="2" t="s">
        <v>4333</v>
      </c>
      <c r="N1146" s="3">
        <v>39142</v>
      </c>
      <c r="O1146" s="3">
        <v>44652</v>
      </c>
      <c r="P1146" s="3">
        <v>46477</v>
      </c>
    </row>
    <row r="1147" spans="1:16" x14ac:dyDescent="0.15">
      <c r="A1147" s="2" t="s">
        <v>49</v>
      </c>
      <c r="B1147" s="2" t="s">
        <v>4336</v>
      </c>
      <c r="C1147" s="4" t="s">
        <v>6</v>
      </c>
      <c r="D1147" s="5" t="s">
        <v>2833</v>
      </c>
      <c r="E1147" s="5" t="s">
        <v>3010</v>
      </c>
      <c r="F1147" s="6" t="s">
        <v>4337</v>
      </c>
      <c r="G1147" s="2"/>
      <c r="H1147" s="4"/>
      <c r="I1147" s="5"/>
      <c r="J1147" s="5"/>
      <c r="K1147" s="5"/>
      <c r="L1147" s="6"/>
      <c r="M1147" s="2" t="s">
        <v>4338</v>
      </c>
      <c r="N1147" s="3">
        <v>40976</v>
      </c>
      <c r="O1147" s="3">
        <v>44652</v>
      </c>
      <c r="P1147" s="3">
        <v>46477</v>
      </c>
    </row>
    <row r="1148" spans="1:16" x14ac:dyDescent="0.15">
      <c r="A1148" s="2" t="s">
        <v>49</v>
      </c>
      <c r="B1148" s="2" t="s">
        <v>4340</v>
      </c>
      <c r="C1148" s="4" t="s">
        <v>6</v>
      </c>
      <c r="D1148" s="5" t="s">
        <v>284</v>
      </c>
      <c r="E1148" s="5" t="s">
        <v>4341</v>
      </c>
      <c r="F1148" s="6" t="s">
        <v>5</v>
      </c>
      <c r="G1148" s="2"/>
      <c r="H1148" s="4"/>
      <c r="I1148" s="5"/>
      <c r="J1148" s="5"/>
      <c r="K1148" s="5"/>
      <c r="L1148" s="6"/>
      <c r="M1148" s="2" t="s">
        <v>4342</v>
      </c>
      <c r="N1148" s="3">
        <v>31270</v>
      </c>
      <c r="O1148" s="3">
        <v>44652</v>
      </c>
      <c r="P1148" s="3">
        <v>46477</v>
      </c>
    </row>
    <row r="1149" spans="1:16" x14ac:dyDescent="0.15">
      <c r="A1149" s="2" t="s">
        <v>49</v>
      </c>
      <c r="B1149" s="2" t="s">
        <v>7038</v>
      </c>
      <c r="C1149" s="4" t="s">
        <v>6</v>
      </c>
      <c r="D1149" s="5" t="s">
        <v>2805</v>
      </c>
      <c r="E1149" s="5" t="s">
        <v>4128</v>
      </c>
      <c r="F1149" s="6" t="s">
        <v>5</v>
      </c>
      <c r="G1149" s="2" t="s">
        <v>7036</v>
      </c>
      <c r="H1149" s="4" t="s">
        <v>9</v>
      </c>
      <c r="I1149" s="5" t="s">
        <v>663</v>
      </c>
      <c r="J1149" s="5" t="s">
        <v>7023</v>
      </c>
      <c r="K1149" s="5" t="s">
        <v>7037</v>
      </c>
      <c r="L1149" s="6" t="s">
        <v>5</v>
      </c>
      <c r="M1149" s="2" t="s">
        <v>7039</v>
      </c>
      <c r="N1149" s="3">
        <v>44872</v>
      </c>
      <c r="O1149" s="3">
        <v>44872</v>
      </c>
      <c r="P1149" s="3">
        <v>47057</v>
      </c>
    </row>
    <row r="1150" spans="1:16" x14ac:dyDescent="0.15">
      <c r="A1150" s="2" t="s">
        <v>49</v>
      </c>
      <c r="B1150" s="2" t="s">
        <v>7046</v>
      </c>
      <c r="C1150" s="4" t="s">
        <v>6</v>
      </c>
      <c r="D1150" s="5" t="s">
        <v>4711</v>
      </c>
      <c r="E1150" s="5" t="s">
        <v>2278</v>
      </c>
      <c r="F1150" s="6" t="s">
        <v>7047</v>
      </c>
      <c r="G1150" s="2" t="s">
        <v>7045</v>
      </c>
      <c r="H1150" s="4" t="s">
        <v>9</v>
      </c>
      <c r="I1150" s="5" t="s">
        <v>6</v>
      </c>
      <c r="J1150" s="5" t="s">
        <v>3856</v>
      </c>
      <c r="K1150" s="5" t="s">
        <v>4397</v>
      </c>
      <c r="L1150" s="6" t="s">
        <v>5</v>
      </c>
      <c r="M1150" s="2" t="s">
        <v>7048</v>
      </c>
      <c r="N1150" s="3">
        <v>44862</v>
      </c>
      <c r="O1150" s="3">
        <v>44862</v>
      </c>
      <c r="P1150" s="3">
        <v>47238</v>
      </c>
    </row>
    <row r="1151" spans="1:16" x14ac:dyDescent="0.15">
      <c r="A1151" s="2" t="s">
        <v>42</v>
      </c>
      <c r="B1151" s="2" t="s">
        <v>4349</v>
      </c>
      <c r="C1151" s="4" t="s">
        <v>6</v>
      </c>
      <c r="D1151" s="5" t="s">
        <v>4350</v>
      </c>
      <c r="E1151" s="5" t="s">
        <v>4351</v>
      </c>
      <c r="F1151" s="6" t="s">
        <v>5</v>
      </c>
      <c r="G1151" s="2"/>
      <c r="H1151" s="4"/>
      <c r="I1151" s="5"/>
      <c r="J1151" s="5"/>
      <c r="K1151" s="5"/>
      <c r="L1151" s="6"/>
      <c r="M1151" s="2" t="s">
        <v>4352</v>
      </c>
      <c r="N1151" s="3">
        <v>42475</v>
      </c>
      <c r="O1151" s="3">
        <v>44652</v>
      </c>
      <c r="P1151" s="3">
        <v>46477</v>
      </c>
    </row>
    <row r="1152" spans="1:16" x14ac:dyDescent="0.15">
      <c r="A1152" s="2" t="s">
        <v>49</v>
      </c>
      <c r="B1152" s="2" t="s">
        <v>4353</v>
      </c>
      <c r="C1152" s="4" t="s">
        <v>6</v>
      </c>
      <c r="D1152" s="5" t="s">
        <v>301</v>
      </c>
      <c r="E1152" s="5" t="s">
        <v>4354</v>
      </c>
      <c r="F1152" s="6" t="s">
        <v>5</v>
      </c>
      <c r="G1152" s="2"/>
      <c r="H1152" s="4"/>
      <c r="I1152" s="5"/>
      <c r="J1152" s="5"/>
      <c r="K1152" s="5"/>
      <c r="L1152" s="6"/>
      <c r="M1152" s="2" t="s">
        <v>4355</v>
      </c>
      <c r="N1152" s="3">
        <v>40654</v>
      </c>
      <c r="O1152" s="3">
        <v>44652</v>
      </c>
      <c r="P1152" s="3">
        <v>46477</v>
      </c>
    </row>
    <row r="1153" spans="1:16" x14ac:dyDescent="0.15">
      <c r="A1153" s="2" t="s">
        <v>49</v>
      </c>
      <c r="B1153" s="2" t="s">
        <v>7050</v>
      </c>
      <c r="C1153" s="4" t="s">
        <v>6</v>
      </c>
      <c r="D1153" s="5" t="s">
        <v>2670</v>
      </c>
      <c r="E1153" s="5" t="s">
        <v>1676</v>
      </c>
      <c r="F1153" s="6" t="s">
        <v>5</v>
      </c>
      <c r="G1153" s="2" t="s">
        <v>7045</v>
      </c>
      <c r="H1153" s="4" t="s">
        <v>9</v>
      </c>
      <c r="I1153" s="5" t="s">
        <v>6</v>
      </c>
      <c r="J1153" s="5" t="s">
        <v>3856</v>
      </c>
      <c r="K1153" s="5" t="s">
        <v>4397</v>
      </c>
      <c r="L1153" s="6" t="s">
        <v>5</v>
      </c>
      <c r="M1153" s="2" t="s">
        <v>7051</v>
      </c>
      <c r="N1153" s="3">
        <v>42819</v>
      </c>
      <c r="O1153" s="3">
        <v>45200</v>
      </c>
      <c r="P1153" s="3">
        <v>47391</v>
      </c>
    </row>
    <row r="1154" spans="1:16" x14ac:dyDescent="0.15">
      <c r="A1154" s="2" t="s">
        <v>49</v>
      </c>
      <c r="B1154" s="2" t="s">
        <v>4361</v>
      </c>
      <c r="C1154" s="4" t="s">
        <v>6</v>
      </c>
      <c r="D1154" s="5" t="s">
        <v>2134</v>
      </c>
      <c r="E1154" s="5" t="s">
        <v>438</v>
      </c>
      <c r="F1154" s="6" t="s">
        <v>5</v>
      </c>
      <c r="G1154" s="2"/>
      <c r="H1154" s="4"/>
      <c r="I1154" s="5"/>
      <c r="J1154" s="5"/>
      <c r="K1154" s="5"/>
      <c r="L1154" s="6"/>
      <c r="M1154" s="2" t="s">
        <v>4362</v>
      </c>
      <c r="N1154" s="3">
        <v>44628</v>
      </c>
      <c r="O1154" s="3">
        <v>44628</v>
      </c>
      <c r="P1154" s="3">
        <v>46568</v>
      </c>
    </row>
    <row r="1155" spans="1:16" x14ac:dyDescent="0.15">
      <c r="A1155" s="2" t="s">
        <v>16</v>
      </c>
      <c r="B1155" s="2" t="s">
        <v>4365</v>
      </c>
      <c r="C1155" s="4" t="s">
        <v>6</v>
      </c>
      <c r="D1155" s="5" t="s">
        <v>4363</v>
      </c>
      <c r="E1155" s="5" t="s">
        <v>4364</v>
      </c>
      <c r="F1155" s="6" t="s">
        <v>5</v>
      </c>
      <c r="G1155" s="2"/>
      <c r="H1155" s="4"/>
      <c r="I1155" s="5"/>
      <c r="J1155" s="5"/>
      <c r="K1155" s="5"/>
      <c r="L1155" s="6"/>
      <c r="M1155" s="2" t="s">
        <v>4366</v>
      </c>
      <c r="N1155" s="3">
        <v>35156</v>
      </c>
      <c r="O1155" s="3">
        <v>44652</v>
      </c>
      <c r="P1155" s="3">
        <v>46843</v>
      </c>
    </row>
    <row r="1156" spans="1:16" x14ac:dyDescent="0.15">
      <c r="A1156" s="2" t="s">
        <v>49</v>
      </c>
      <c r="B1156" s="2" t="s">
        <v>4368</v>
      </c>
      <c r="C1156" s="4" t="s">
        <v>6</v>
      </c>
      <c r="D1156" s="5" t="s">
        <v>1675</v>
      </c>
      <c r="E1156" s="5" t="s">
        <v>4367</v>
      </c>
      <c r="F1156" s="6" t="s">
        <v>4369</v>
      </c>
      <c r="G1156" s="2"/>
      <c r="H1156" s="4"/>
      <c r="I1156" s="5"/>
      <c r="J1156" s="5"/>
      <c r="K1156" s="5"/>
      <c r="L1156" s="6"/>
      <c r="M1156" s="2" t="s">
        <v>4370</v>
      </c>
      <c r="N1156" s="3">
        <v>44629</v>
      </c>
      <c r="O1156" s="3">
        <v>44629</v>
      </c>
      <c r="P1156" s="3">
        <v>47026</v>
      </c>
    </row>
    <row r="1157" spans="1:16" x14ac:dyDescent="0.15">
      <c r="A1157" s="2" t="s">
        <v>49</v>
      </c>
      <c r="B1157" s="2" t="s">
        <v>4372</v>
      </c>
      <c r="C1157" s="4" t="s">
        <v>6</v>
      </c>
      <c r="D1157" s="5" t="s">
        <v>169</v>
      </c>
      <c r="E1157" s="5" t="s">
        <v>4373</v>
      </c>
      <c r="F1157" s="6" t="s">
        <v>5</v>
      </c>
      <c r="G1157" s="2"/>
      <c r="H1157" s="4"/>
      <c r="I1157" s="5"/>
      <c r="J1157" s="5"/>
      <c r="K1157" s="5"/>
      <c r="L1157" s="6"/>
      <c r="M1157" s="2" t="s">
        <v>4374</v>
      </c>
      <c r="N1157" s="3">
        <v>40756</v>
      </c>
      <c r="O1157" s="3">
        <v>44652</v>
      </c>
      <c r="P1157" s="3">
        <v>46477</v>
      </c>
    </row>
    <row r="1158" spans="1:16" x14ac:dyDescent="0.15">
      <c r="A1158" s="2" t="s">
        <v>49</v>
      </c>
      <c r="B1158" s="2" t="s">
        <v>4375</v>
      </c>
      <c r="C1158" s="4" t="s">
        <v>6</v>
      </c>
      <c r="D1158" s="5" t="s">
        <v>2805</v>
      </c>
      <c r="E1158" s="5" t="s">
        <v>4376</v>
      </c>
      <c r="F1158" s="6" t="s">
        <v>5</v>
      </c>
      <c r="G1158" s="2"/>
      <c r="H1158" s="4"/>
      <c r="I1158" s="5"/>
      <c r="J1158" s="5"/>
      <c r="K1158" s="5"/>
      <c r="L1158" s="6"/>
      <c r="M1158" s="2" t="s">
        <v>4377</v>
      </c>
      <c r="N1158" s="3">
        <v>43178</v>
      </c>
      <c r="O1158" s="3">
        <v>45231</v>
      </c>
      <c r="P1158" s="3">
        <v>47057</v>
      </c>
    </row>
    <row r="1159" spans="1:16" x14ac:dyDescent="0.15">
      <c r="A1159" s="2" t="s">
        <v>49</v>
      </c>
      <c r="B1159" s="2" t="s">
        <v>4380</v>
      </c>
      <c r="C1159" s="4" t="s">
        <v>6</v>
      </c>
      <c r="D1159" s="5" t="s">
        <v>3647</v>
      </c>
      <c r="E1159" s="5" t="s">
        <v>614</v>
      </c>
      <c r="F1159" s="6" t="s">
        <v>4381</v>
      </c>
      <c r="G1159" s="2"/>
      <c r="H1159" s="4"/>
      <c r="I1159" s="5"/>
      <c r="J1159" s="5"/>
      <c r="K1159" s="5"/>
      <c r="L1159" s="6"/>
      <c r="M1159" s="2" t="s">
        <v>4382</v>
      </c>
      <c r="N1159" s="3">
        <v>42831</v>
      </c>
      <c r="O1159" s="3">
        <v>44682</v>
      </c>
      <c r="P1159" s="3">
        <v>46507</v>
      </c>
    </row>
    <row r="1160" spans="1:16" x14ac:dyDescent="0.15">
      <c r="A1160" s="2" t="s">
        <v>49</v>
      </c>
      <c r="B1160" s="2" t="s">
        <v>4383</v>
      </c>
      <c r="C1160" s="4" t="s">
        <v>6</v>
      </c>
      <c r="D1160" s="5" t="s">
        <v>4384</v>
      </c>
      <c r="E1160" s="5" t="s">
        <v>5</v>
      </c>
      <c r="F1160" s="6" t="s">
        <v>5</v>
      </c>
      <c r="G1160" s="2"/>
      <c r="H1160" s="4"/>
      <c r="I1160" s="5"/>
      <c r="J1160" s="5"/>
      <c r="K1160" s="5"/>
      <c r="L1160" s="6"/>
      <c r="M1160" s="2" t="s">
        <v>4385</v>
      </c>
      <c r="N1160" s="3">
        <v>36978</v>
      </c>
      <c r="O1160" s="3">
        <v>44652</v>
      </c>
      <c r="P1160" s="3">
        <v>46477</v>
      </c>
    </row>
    <row r="1161" spans="1:16" x14ac:dyDescent="0.15">
      <c r="A1161" s="2" t="s">
        <v>49</v>
      </c>
      <c r="B1161" s="2" t="s">
        <v>7053</v>
      </c>
      <c r="C1161" s="4" t="s">
        <v>6</v>
      </c>
      <c r="D1161" s="5" t="s">
        <v>45</v>
      </c>
      <c r="E1161" s="5" t="s">
        <v>7054</v>
      </c>
      <c r="F1161" s="6" t="s">
        <v>7055</v>
      </c>
      <c r="G1161" s="2" t="s">
        <v>7045</v>
      </c>
      <c r="H1161" s="4" t="s">
        <v>9</v>
      </c>
      <c r="I1161" s="5" t="s">
        <v>6</v>
      </c>
      <c r="J1161" s="5" t="s">
        <v>3856</v>
      </c>
      <c r="K1161" s="5" t="s">
        <v>4397</v>
      </c>
      <c r="L1161" s="6" t="s">
        <v>5</v>
      </c>
      <c r="M1161" s="2" t="s">
        <v>7056</v>
      </c>
      <c r="N1161" s="3">
        <v>45388</v>
      </c>
      <c r="O1161" s="3">
        <v>45388</v>
      </c>
      <c r="P1161" s="3">
        <v>47817</v>
      </c>
    </row>
    <row r="1162" spans="1:16" x14ac:dyDescent="0.15">
      <c r="A1162" s="2" t="s">
        <v>49</v>
      </c>
      <c r="B1162" s="2" t="s">
        <v>7065</v>
      </c>
      <c r="C1162" s="4" t="s">
        <v>6</v>
      </c>
      <c r="D1162" s="5" t="s">
        <v>218</v>
      </c>
      <c r="E1162" s="5" t="s">
        <v>7066</v>
      </c>
      <c r="F1162" s="6" t="s">
        <v>5</v>
      </c>
      <c r="G1162" s="2" t="s">
        <v>7062</v>
      </c>
      <c r="H1162" s="4" t="s">
        <v>184</v>
      </c>
      <c r="I1162" s="5" t="s">
        <v>3945</v>
      </c>
      <c r="J1162" s="5" t="s">
        <v>7063</v>
      </c>
      <c r="K1162" s="5" t="s">
        <v>7064</v>
      </c>
      <c r="L1162" s="6" t="s">
        <v>5</v>
      </c>
      <c r="M1162" s="2" t="s">
        <v>7067</v>
      </c>
      <c r="N1162" s="3">
        <v>44865</v>
      </c>
      <c r="O1162" s="3">
        <v>44865</v>
      </c>
      <c r="P1162" s="3">
        <v>47208</v>
      </c>
    </row>
    <row r="1163" spans="1:16" x14ac:dyDescent="0.15">
      <c r="A1163" s="2" t="s">
        <v>49</v>
      </c>
      <c r="B1163" s="2" t="s">
        <v>7073</v>
      </c>
      <c r="C1163" s="4" t="s">
        <v>6</v>
      </c>
      <c r="D1163" s="5" t="s">
        <v>608</v>
      </c>
      <c r="E1163" s="5" t="s">
        <v>7072</v>
      </c>
      <c r="F1163" s="6" t="s">
        <v>5</v>
      </c>
      <c r="G1163" s="2" t="s">
        <v>7071</v>
      </c>
      <c r="H1163" s="4" t="s">
        <v>9</v>
      </c>
      <c r="I1163" s="5" t="s">
        <v>6</v>
      </c>
      <c r="J1163" s="5" t="s">
        <v>608</v>
      </c>
      <c r="K1163" s="5" t="s">
        <v>7072</v>
      </c>
      <c r="L1163" s="6" t="s">
        <v>5</v>
      </c>
      <c r="M1163" s="2" t="s">
        <v>7074</v>
      </c>
      <c r="N1163" s="3">
        <v>39055</v>
      </c>
      <c r="O1163" s="3">
        <v>44896</v>
      </c>
      <c r="P1163" s="3">
        <v>46721</v>
      </c>
    </row>
    <row r="1164" spans="1:16" x14ac:dyDescent="0.15">
      <c r="A1164" s="2" t="s">
        <v>49</v>
      </c>
      <c r="B1164" s="2" t="s">
        <v>7102</v>
      </c>
      <c r="C1164" s="4" t="s">
        <v>6</v>
      </c>
      <c r="D1164" s="5" t="s">
        <v>134</v>
      </c>
      <c r="E1164" s="5" t="s">
        <v>7104</v>
      </c>
      <c r="F1164" s="6" t="s">
        <v>5</v>
      </c>
      <c r="G1164" s="2" t="s">
        <v>7102</v>
      </c>
      <c r="H1164" s="4" t="s">
        <v>9</v>
      </c>
      <c r="I1164" s="5" t="s">
        <v>6</v>
      </c>
      <c r="J1164" s="5" t="s">
        <v>1037</v>
      </c>
      <c r="K1164" s="5" t="s">
        <v>7103</v>
      </c>
      <c r="L1164" s="6" t="s">
        <v>5</v>
      </c>
      <c r="M1164" s="2" t="s">
        <v>7105</v>
      </c>
      <c r="N1164" s="3">
        <v>42830</v>
      </c>
      <c r="O1164" s="3">
        <v>44866</v>
      </c>
      <c r="P1164" s="3">
        <v>46691</v>
      </c>
    </row>
    <row r="1165" spans="1:16" x14ac:dyDescent="0.15">
      <c r="A1165" s="2" t="s">
        <v>49</v>
      </c>
      <c r="B1165" s="2" t="s">
        <v>7127</v>
      </c>
      <c r="C1165" s="4" t="s">
        <v>6</v>
      </c>
      <c r="D1165" s="5" t="s">
        <v>1152</v>
      </c>
      <c r="E1165" s="5" t="s">
        <v>7128</v>
      </c>
      <c r="F1165" s="6" t="s">
        <v>5</v>
      </c>
      <c r="G1165" s="2" t="s">
        <v>7124</v>
      </c>
      <c r="H1165" s="4" t="s">
        <v>29</v>
      </c>
      <c r="I1165" s="5" t="s">
        <v>1887</v>
      </c>
      <c r="J1165" s="5" t="s">
        <v>7125</v>
      </c>
      <c r="K1165" s="5" t="s">
        <v>7126</v>
      </c>
      <c r="L1165" s="6" t="s">
        <v>5</v>
      </c>
      <c r="M1165" s="2" t="s">
        <v>7129</v>
      </c>
      <c r="N1165" s="3">
        <v>42516</v>
      </c>
      <c r="O1165" s="3">
        <v>44896</v>
      </c>
      <c r="P1165" s="3">
        <v>47087</v>
      </c>
    </row>
    <row r="1166" spans="1:16" x14ac:dyDescent="0.15">
      <c r="A1166" s="2" t="s">
        <v>16</v>
      </c>
      <c r="B1166" s="2" t="s">
        <v>4398</v>
      </c>
      <c r="C1166" s="4" t="s">
        <v>6</v>
      </c>
      <c r="D1166" s="5" t="s">
        <v>4396</v>
      </c>
      <c r="E1166" s="5" t="s">
        <v>4397</v>
      </c>
      <c r="F1166" s="6" t="s">
        <v>5</v>
      </c>
      <c r="G1166" s="2"/>
      <c r="H1166" s="4"/>
      <c r="I1166" s="5"/>
      <c r="J1166" s="5"/>
      <c r="K1166" s="5"/>
      <c r="L1166" s="6"/>
      <c r="M1166" s="2" t="s">
        <v>4399</v>
      </c>
      <c r="N1166" s="3">
        <v>40932</v>
      </c>
      <c r="O1166" s="3">
        <v>44652</v>
      </c>
      <c r="P1166" s="3">
        <v>46477</v>
      </c>
    </row>
    <row r="1167" spans="1:16" x14ac:dyDescent="0.15">
      <c r="A1167" s="2" t="s">
        <v>49</v>
      </c>
      <c r="B1167" s="2" t="s">
        <v>4400</v>
      </c>
      <c r="C1167" s="4" t="s">
        <v>6</v>
      </c>
      <c r="D1167" s="5" t="s">
        <v>4401</v>
      </c>
      <c r="E1167" s="5" t="s">
        <v>5</v>
      </c>
      <c r="F1167" s="6" t="s">
        <v>5</v>
      </c>
      <c r="G1167" s="2"/>
      <c r="H1167" s="4"/>
      <c r="I1167" s="5"/>
      <c r="J1167" s="5"/>
      <c r="K1167" s="5"/>
      <c r="L1167" s="6"/>
      <c r="M1167" s="2" t="s">
        <v>4402</v>
      </c>
      <c r="N1167" s="3">
        <v>31405</v>
      </c>
      <c r="O1167" s="3">
        <v>44652</v>
      </c>
      <c r="P1167" s="3">
        <v>46477</v>
      </c>
    </row>
    <row r="1168" spans="1:16" x14ac:dyDescent="0.15">
      <c r="A1168" s="2" t="s">
        <v>49</v>
      </c>
      <c r="B1168" s="2" t="s">
        <v>4404</v>
      </c>
      <c r="C1168" s="4" t="s">
        <v>6</v>
      </c>
      <c r="D1168" s="5" t="s">
        <v>755</v>
      </c>
      <c r="E1168" s="5" t="s">
        <v>4405</v>
      </c>
      <c r="F1168" s="6" t="s">
        <v>5</v>
      </c>
      <c r="G1168" s="2"/>
      <c r="H1168" s="4"/>
      <c r="I1168" s="5"/>
      <c r="J1168" s="5"/>
      <c r="K1168" s="5"/>
      <c r="L1168" s="6"/>
      <c r="M1168" s="2" t="s">
        <v>4406</v>
      </c>
      <c r="N1168" s="3">
        <v>32099</v>
      </c>
      <c r="O1168" s="3">
        <v>44652</v>
      </c>
      <c r="P1168" s="3">
        <v>46843</v>
      </c>
    </row>
    <row r="1169" spans="1:16" x14ac:dyDescent="0.15">
      <c r="A1169" s="2" t="s">
        <v>49</v>
      </c>
      <c r="B1169" s="2" t="s">
        <v>7133</v>
      </c>
      <c r="C1169" s="4" t="s">
        <v>6</v>
      </c>
      <c r="D1169" s="5" t="s">
        <v>1027</v>
      </c>
      <c r="E1169" s="5" t="s">
        <v>5077</v>
      </c>
      <c r="F1169" s="6" t="s">
        <v>7134</v>
      </c>
      <c r="G1169" s="2" t="s">
        <v>7130</v>
      </c>
      <c r="H1169" s="4" t="s">
        <v>9</v>
      </c>
      <c r="I1169" s="5" t="s">
        <v>1302</v>
      </c>
      <c r="J1169" s="5" t="s">
        <v>7131</v>
      </c>
      <c r="K1169" s="5" t="s">
        <v>7132</v>
      </c>
      <c r="L1169" s="6" t="s">
        <v>5</v>
      </c>
      <c r="M1169" s="2" t="s">
        <v>7135</v>
      </c>
      <c r="N1169" s="3">
        <v>44875</v>
      </c>
      <c r="O1169" s="3">
        <v>44875</v>
      </c>
      <c r="P1169" s="3">
        <v>47087</v>
      </c>
    </row>
    <row r="1170" spans="1:16" x14ac:dyDescent="0.15">
      <c r="A1170" s="2" t="s">
        <v>49</v>
      </c>
      <c r="B1170" s="2" t="s">
        <v>7140</v>
      </c>
      <c r="C1170" s="4" t="s">
        <v>6</v>
      </c>
      <c r="D1170" s="5" t="s">
        <v>1152</v>
      </c>
      <c r="E1170" s="5" t="s">
        <v>1161</v>
      </c>
      <c r="F1170" s="6" t="s">
        <v>5</v>
      </c>
      <c r="G1170" s="2" t="s">
        <v>7136</v>
      </c>
      <c r="H1170" s="4" t="s">
        <v>4539</v>
      </c>
      <c r="I1170" s="5" t="s">
        <v>7137</v>
      </c>
      <c r="J1170" s="5" t="s">
        <v>7138</v>
      </c>
      <c r="K1170" s="5" t="s">
        <v>7139</v>
      </c>
      <c r="L1170" s="6" t="s">
        <v>5</v>
      </c>
      <c r="M1170" s="2" t="s">
        <v>7141</v>
      </c>
      <c r="N1170" s="3">
        <v>42492</v>
      </c>
      <c r="O1170" s="3">
        <v>44896</v>
      </c>
      <c r="P1170" s="3">
        <v>47087</v>
      </c>
    </row>
    <row r="1171" spans="1:16" x14ac:dyDescent="0.15">
      <c r="A1171" s="2" t="s">
        <v>49</v>
      </c>
      <c r="B1171" s="2" t="s">
        <v>4418</v>
      </c>
      <c r="C1171" s="4" t="s">
        <v>6</v>
      </c>
      <c r="D1171" s="5" t="s">
        <v>4417</v>
      </c>
      <c r="E1171" s="5" t="s">
        <v>5</v>
      </c>
      <c r="F1171" s="6" t="s">
        <v>5</v>
      </c>
      <c r="G1171" s="2"/>
      <c r="H1171" s="4"/>
      <c r="I1171" s="5"/>
      <c r="J1171" s="5"/>
      <c r="K1171" s="5"/>
      <c r="L1171" s="6"/>
      <c r="M1171" s="2" t="s">
        <v>4419</v>
      </c>
      <c r="N1171" s="3">
        <v>38078</v>
      </c>
      <c r="O1171" s="3">
        <v>44682</v>
      </c>
      <c r="P1171" s="3">
        <v>46873</v>
      </c>
    </row>
    <row r="1172" spans="1:16" x14ac:dyDescent="0.15">
      <c r="A1172" s="2" t="s">
        <v>66</v>
      </c>
      <c r="B1172" s="2" t="s">
        <v>4421</v>
      </c>
      <c r="C1172" s="4" t="s">
        <v>6</v>
      </c>
      <c r="D1172" s="5" t="s">
        <v>3137</v>
      </c>
      <c r="E1172" s="5" t="s">
        <v>4420</v>
      </c>
      <c r="F1172" s="6" t="s">
        <v>5</v>
      </c>
      <c r="G1172" s="2"/>
      <c r="H1172" s="4"/>
      <c r="I1172" s="5"/>
      <c r="J1172" s="5"/>
      <c r="K1172" s="5"/>
      <c r="L1172" s="6"/>
      <c r="M1172" s="2" t="s">
        <v>4422</v>
      </c>
      <c r="N1172" s="3">
        <v>30173</v>
      </c>
      <c r="O1172" s="3">
        <v>44652</v>
      </c>
      <c r="P1172" s="3">
        <v>45747</v>
      </c>
    </row>
    <row r="1173" spans="1:16" x14ac:dyDescent="0.15">
      <c r="A1173" s="2" t="s">
        <v>49</v>
      </c>
      <c r="B1173" s="2" t="s">
        <v>4424</v>
      </c>
      <c r="C1173" s="4" t="s">
        <v>6</v>
      </c>
      <c r="D1173" s="5" t="s">
        <v>284</v>
      </c>
      <c r="E1173" s="5" t="s">
        <v>4423</v>
      </c>
      <c r="F1173" s="6" t="s">
        <v>5</v>
      </c>
      <c r="G1173" s="2"/>
      <c r="H1173" s="4"/>
      <c r="I1173" s="5"/>
      <c r="J1173" s="5"/>
      <c r="K1173" s="5"/>
      <c r="L1173" s="6"/>
      <c r="M1173" s="2" t="s">
        <v>4425</v>
      </c>
      <c r="N1173" s="3">
        <v>40817</v>
      </c>
      <c r="O1173" s="3">
        <v>44652</v>
      </c>
      <c r="P1173" s="3">
        <v>46477</v>
      </c>
    </row>
    <row r="1174" spans="1:16" x14ac:dyDescent="0.15">
      <c r="A1174" s="2" t="s">
        <v>49</v>
      </c>
      <c r="B1174" s="2" t="s">
        <v>7179</v>
      </c>
      <c r="C1174" s="4" t="s">
        <v>6</v>
      </c>
      <c r="D1174" s="5" t="s">
        <v>959</v>
      </c>
      <c r="E1174" s="5" t="s">
        <v>7180</v>
      </c>
      <c r="F1174" s="6" t="s">
        <v>7181</v>
      </c>
      <c r="G1174" s="2" t="s">
        <v>7177</v>
      </c>
      <c r="H1174" s="4" t="s">
        <v>9</v>
      </c>
      <c r="I1174" s="5" t="s">
        <v>6</v>
      </c>
      <c r="J1174" s="5" t="s">
        <v>1440</v>
      </c>
      <c r="K1174" s="5" t="s">
        <v>7178</v>
      </c>
      <c r="L1174" s="6" t="s">
        <v>5</v>
      </c>
      <c r="M1174" s="2" t="s">
        <v>7182</v>
      </c>
      <c r="N1174" s="3">
        <v>40337</v>
      </c>
      <c r="O1174" s="3">
        <v>44896</v>
      </c>
      <c r="P1174" s="3">
        <v>47087</v>
      </c>
    </row>
    <row r="1175" spans="1:16" x14ac:dyDescent="0.15">
      <c r="A1175" s="2" t="s">
        <v>49</v>
      </c>
      <c r="B1175" s="2" t="s">
        <v>7185</v>
      </c>
      <c r="C1175" s="4" t="s">
        <v>6</v>
      </c>
      <c r="D1175" s="5" t="s">
        <v>1027</v>
      </c>
      <c r="E1175" s="5" t="s">
        <v>3194</v>
      </c>
      <c r="F1175" s="6" t="s">
        <v>7186</v>
      </c>
      <c r="G1175" s="2" t="s">
        <v>7183</v>
      </c>
      <c r="H1175" s="4" t="s">
        <v>9</v>
      </c>
      <c r="I1175" s="5" t="s">
        <v>6</v>
      </c>
      <c r="J1175" s="5" t="s">
        <v>1027</v>
      </c>
      <c r="K1175" s="5" t="s">
        <v>7184</v>
      </c>
      <c r="L1175" s="6" t="s">
        <v>5</v>
      </c>
      <c r="M1175" s="2" t="s">
        <v>7187</v>
      </c>
      <c r="N1175" s="3">
        <v>42663</v>
      </c>
      <c r="O1175" s="3">
        <v>44896</v>
      </c>
      <c r="P1175" s="3">
        <v>47087</v>
      </c>
    </row>
    <row r="1176" spans="1:16" x14ac:dyDescent="0.15">
      <c r="A1176" s="2" t="s">
        <v>49</v>
      </c>
      <c r="B1176" s="2" t="s">
        <v>4431</v>
      </c>
      <c r="C1176" s="4" t="s">
        <v>6</v>
      </c>
      <c r="D1176" s="5" t="s">
        <v>4432</v>
      </c>
      <c r="E1176" s="5" t="s">
        <v>5</v>
      </c>
      <c r="F1176" s="6" t="s">
        <v>5</v>
      </c>
      <c r="G1176" s="2"/>
      <c r="H1176" s="4"/>
      <c r="I1176" s="5"/>
      <c r="J1176" s="5"/>
      <c r="K1176" s="5"/>
      <c r="L1176" s="6"/>
      <c r="M1176" s="2" t="s">
        <v>4433</v>
      </c>
      <c r="N1176" s="3">
        <v>42461</v>
      </c>
      <c r="O1176" s="3">
        <v>44652</v>
      </c>
      <c r="P1176" s="3">
        <v>46843</v>
      </c>
    </row>
    <row r="1177" spans="1:16" x14ac:dyDescent="0.15">
      <c r="A1177" s="2" t="s">
        <v>49</v>
      </c>
      <c r="B1177" s="2" t="s">
        <v>7189</v>
      </c>
      <c r="C1177" s="4" t="s">
        <v>6</v>
      </c>
      <c r="D1177" s="5" t="s">
        <v>608</v>
      </c>
      <c r="E1177" s="5" t="s">
        <v>2544</v>
      </c>
      <c r="F1177" s="6" t="s">
        <v>5</v>
      </c>
      <c r="G1177" s="2" t="s">
        <v>7188</v>
      </c>
      <c r="H1177" s="4" t="s">
        <v>9</v>
      </c>
      <c r="I1177" s="5" t="s">
        <v>6</v>
      </c>
      <c r="J1177" s="5" t="s">
        <v>608</v>
      </c>
      <c r="K1177" s="5" t="s">
        <v>2544</v>
      </c>
      <c r="L1177" s="6" t="s">
        <v>5</v>
      </c>
      <c r="M1177" s="2" t="s">
        <v>7190</v>
      </c>
      <c r="N1177" s="3">
        <v>30956</v>
      </c>
      <c r="O1177" s="3">
        <v>44896</v>
      </c>
      <c r="P1177" s="3">
        <v>47087</v>
      </c>
    </row>
    <row r="1178" spans="1:16" x14ac:dyDescent="0.15">
      <c r="A1178" s="2" t="s">
        <v>49</v>
      </c>
      <c r="B1178" s="2" t="s">
        <v>7197</v>
      </c>
      <c r="C1178" s="4" t="s">
        <v>6</v>
      </c>
      <c r="D1178" s="5" t="s">
        <v>1152</v>
      </c>
      <c r="E1178" s="5" t="s">
        <v>5333</v>
      </c>
      <c r="F1178" s="6" t="s">
        <v>7198</v>
      </c>
      <c r="G1178" s="2" t="s">
        <v>7195</v>
      </c>
      <c r="H1178" s="4" t="s">
        <v>9</v>
      </c>
      <c r="I1178" s="5" t="s">
        <v>6</v>
      </c>
      <c r="J1178" s="5" t="s">
        <v>111</v>
      </c>
      <c r="K1178" s="5" t="s">
        <v>7196</v>
      </c>
      <c r="L1178" s="6" t="s">
        <v>5</v>
      </c>
      <c r="M1178" s="2" t="s">
        <v>7199</v>
      </c>
      <c r="N1178" s="3">
        <v>42894</v>
      </c>
      <c r="O1178" s="3">
        <v>44896</v>
      </c>
      <c r="P1178" s="3">
        <v>46721</v>
      </c>
    </row>
    <row r="1179" spans="1:16" x14ac:dyDescent="0.15">
      <c r="A1179" s="2" t="s">
        <v>49</v>
      </c>
      <c r="B1179" s="2" t="s">
        <v>7203</v>
      </c>
      <c r="C1179" s="4" t="s">
        <v>6</v>
      </c>
      <c r="D1179" s="5" t="s">
        <v>45</v>
      </c>
      <c r="E1179" s="5" t="s">
        <v>7204</v>
      </c>
      <c r="F1179" s="6" t="s">
        <v>7205</v>
      </c>
      <c r="G1179" s="2" t="s">
        <v>7200</v>
      </c>
      <c r="H1179" s="4" t="s">
        <v>9</v>
      </c>
      <c r="I1179" s="5" t="s">
        <v>6</v>
      </c>
      <c r="J1179" s="5" t="s">
        <v>7201</v>
      </c>
      <c r="K1179" s="5" t="s">
        <v>7202</v>
      </c>
      <c r="L1179" s="6" t="s">
        <v>5</v>
      </c>
      <c r="M1179" s="2" t="s">
        <v>7206</v>
      </c>
      <c r="N1179" s="3">
        <v>42522</v>
      </c>
      <c r="O1179" s="3">
        <v>44896</v>
      </c>
      <c r="P1179" s="3">
        <v>47087</v>
      </c>
    </row>
    <row r="1180" spans="1:16" x14ac:dyDescent="0.15">
      <c r="A1180" s="2" t="s">
        <v>49</v>
      </c>
      <c r="B1180" s="2" t="s">
        <v>7233</v>
      </c>
      <c r="C1180" s="4" t="s">
        <v>6</v>
      </c>
      <c r="D1180" s="5" t="s">
        <v>3019</v>
      </c>
      <c r="E1180" s="5" t="s">
        <v>7234</v>
      </c>
      <c r="F1180" s="6" t="s">
        <v>5</v>
      </c>
      <c r="G1180" s="2" t="s">
        <v>7231</v>
      </c>
      <c r="H1180" s="4" t="s">
        <v>9</v>
      </c>
      <c r="I1180" s="5" t="s">
        <v>6</v>
      </c>
      <c r="J1180" s="5" t="s">
        <v>408</v>
      </c>
      <c r="K1180" s="5" t="s">
        <v>7232</v>
      </c>
      <c r="L1180" s="6" t="s">
        <v>5</v>
      </c>
      <c r="M1180" s="2" t="s">
        <v>7235</v>
      </c>
      <c r="N1180" s="3">
        <v>44886</v>
      </c>
      <c r="O1180" s="3">
        <v>44886</v>
      </c>
      <c r="P1180" s="3">
        <v>47238</v>
      </c>
    </row>
    <row r="1181" spans="1:16" x14ac:dyDescent="0.15">
      <c r="A1181" s="2" t="s">
        <v>49</v>
      </c>
      <c r="B1181" s="2" t="s">
        <v>7240</v>
      </c>
      <c r="C1181" s="4" t="s">
        <v>6</v>
      </c>
      <c r="D1181" s="5" t="s">
        <v>253</v>
      </c>
      <c r="E1181" s="5" t="s">
        <v>3652</v>
      </c>
      <c r="F1181" s="6" t="s">
        <v>5</v>
      </c>
      <c r="G1181" s="2" t="s">
        <v>7236</v>
      </c>
      <c r="H1181" s="4" t="s">
        <v>1694</v>
      </c>
      <c r="I1181" s="5" t="s">
        <v>7237</v>
      </c>
      <c r="J1181" s="5" t="s">
        <v>7238</v>
      </c>
      <c r="K1181" s="5" t="s">
        <v>7239</v>
      </c>
      <c r="L1181" s="6" t="s">
        <v>5</v>
      </c>
      <c r="M1181" s="2" t="s">
        <v>7241</v>
      </c>
      <c r="N1181" s="3">
        <v>44944</v>
      </c>
      <c r="O1181" s="3">
        <v>44944</v>
      </c>
      <c r="P1181" s="3">
        <v>47269</v>
      </c>
    </row>
    <row r="1182" spans="1:16" x14ac:dyDescent="0.15">
      <c r="A1182" s="2" t="s">
        <v>49</v>
      </c>
      <c r="B1182" s="2" t="s">
        <v>7264</v>
      </c>
      <c r="C1182" s="4" t="s">
        <v>6</v>
      </c>
      <c r="D1182" s="5" t="s">
        <v>616</v>
      </c>
      <c r="E1182" s="5" t="s">
        <v>7080</v>
      </c>
      <c r="F1182" s="6" t="s">
        <v>5</v>
      </c>
      <c r="G1182" s="2" t="s">
        <v>7261</v>
      </c>
      <c r="H1182" s="4" t="s">
        <v>9</v>
      </c>
      <c r="I1182" s="5" t="s">
        <v>6</v>
      </c>
      <c r="J1182" s="5" t="s">
        <v>7262</v>
      </c>
      <c r="K1182" s="5" t="s">
        <v>7263</v>
      </c>
      <c r="L1182" s="6" t="s">
        <v>5</v>
      </c>
      <c r="M1182" s="2" t="s">
        <v>7265</v>
      </c>
      <c r="N1182" s="3">
        <v>42691</v>
      </c>
      <c r="O1182" s="3">
        <v>44896</v>
      </c>
      <c r="P1182" s="3">
        <v>47087</v>
      </c>
    </row>
    <row r="1183" spans="1:16" x14ac:dyDescent="0.15">
      <c r="A1183" s="2" t="s">
        <v>49</v>
      </c>
      <c r="B1183" s="2" t="s">
        <v>7270</v>
      </c>
      <c r="C1183" s="4" t="s">
        <v>6</v>
      </c>
      <c r="D1183" s="5" t="s">
        <v>2933</v>
      </c>
      <c r="E1183" s="5" t="s">
        <v>1287</v>
      </c>
      <c r="F1183" s="6" t="s">
        <v>5</v>
      </c>
      <c r="G1183" s="2" t="s">
        <v>7269</v>
      </c>
      <c r="H1183" s="4" t="s">
        <v>9</v>
      </c>
      <c r="I1183" s="5" t="s">
        <v>6</v>
      </c>
      <c r="J1183" s="5" t="s">
        <v>2933</v>
      </c>
      <c r="K1183" s="5" t="s">
        <v>1287</v>
      </c>
      <c r="L1183" s="6" t="s">
        <v>5</v>
      </c>
      <c r="M1183" s="2" t="s">
        <v>7271</v>
      </c>
      <c r="N1183" s="3">
        <v>34147</v>
      </c>
      <c r="O1183" s="3">
        <v>44896</v>
      </c>
      <c r="P1183" s="3">
        <v>47087</v>
      </c>
    </row>
    <row r="1184" spans="1:16" x14ac:dyDescent="0.15">
      <c r="A1184" s="2" t="s">
        <v>49</v>
      </c>
      <c r="B1184" s="2" t="s">
        <v>7275</v>
      </c>
      <c r="C1184" s="4" t="s">
        <v>6</v>
      </c>
      <c r="D1184" s="5" t="s">
        <v>3949</v>
      </c>
      <c r="E1184" s="5" t="s">
        <v>4397</v>
      </c>
      <c r="F1184" s="6" t="s">
        <v>5</v>
      </c>
      <c r="G1184" s="2" t="s">
        <v>7272</v>
      </c>
      <c r="H1184" s="4" t="s">
        <v>384</v>
      </c>
      <c r="I1184" s="5" t="s">
        <v>385</v>
      </c>
      <c r="J1184" s="5" t="s">
        <v>7273</v>
      </c>
      <c r="K1184" s="5" t="s">
        <v>7274</v>
      </c>
      <c r="L1184" s="6" t="s">
        <v>5</v>
      </c>
      <c r="M1184" s="2" t="s">
        <v>7276</v>
      </c>
      <c r="N1184" s="3">
        <v>44896</v>
      </c>
      <c r="O1184" s="3">
        <v>44896</v>
      </c>
      <c r="P1184" s="3">
        <v>47208</v>
      </c>
    </row>
    <row r="1185" spans="1:16" x14ac:dyDescent="0.15">
      <c r="A1185" s="2" t="s">
        <v>49</v>
      </c>
      <c r="B1185" s="2" t="s">
        <v>4457</v>
      </c>
      <c r="C1185" s="4" t="s">
        <v>6</v>
      </c>
      <c r="D1185" s="5" t="s">
        <v>4455</v>
      </c>
      <c r="E1185" s="5" t="s">
        <v>4456</v>
      </c>
      <c r="F1185" s="6" t="s">
        <v>5</v>
      </c>
      <c r="G1185" s="2"/>
      <c r="H1185" s="4"/>
      <c r="I1185" s="5"/>
      <c r="J1185" s="5"/>
      <c r="K1185" s="5"/>
      <c r="L1185" s="6"/>
      <c r="M1185" s="2" t="s">
        <v>4458</v>
      </c>
      <c r="N1185" s="3">
        <v>29948</v>
      </c>
      <c r="O1185" s="3">
        <v>44682</v>
      </c>
      <c r="P1185" s="3">
        <v>46507</v>
      </c>
    </row>
    <row r="1186" spans="1:16" x14ac:dyDescent="0.15">
      <c r="A1186" s="2" t="s">
        <v>49</v>
      </c>
      <c r="B1186" s="2" t="s">
        <v>4459</v>
      </c>
      <c r="C1186" s="4" t="s">
        <v>6</v>
      </c>
      <c r="D1186" s="5" t="s">
        <v>378</v>
      </c>
      <c r="E1186" s="5" t="s">
        <v>4460</v>
      </c>
      <c r="F1186" s="6" t="s">
        <v>5</v>
      </c>
      <c r="G1186" s="2"/>
      <c r="H1186" s="4"/>
      <c r="I1186" s="5"/>
      <c r="J1186" s="5"/>
      <c r="K1186" s="5"/>
      <c r="L1186" s="6"/>
      <c r="M1186" s="2" t="s">
        <v>4461</v>
      </c>
      <c r="N1186" s="3">
        <v>44631</v>
      </c>
      <c r="O1186" s="3">
        <v>44631</v>
      </c>
      <c r="P1186" s="3">
        <v>46904</v>
      </c>
    </row>
    <row r="1187" spans="1:16" x14ac:dyDescent="0.15">
      <c r="A1187" s="2" t="s">
        <v>49</v>
      </c>
      <c r="B1187" s="2" t="s">
        <v>4462</v>
      </c>
      <c r="C1187" s="4" t="s">
        <v>6</v>
      </c>
      <c r="D1187" s="5" t="s">
        <v>500</v>
      </c>
      <c r="E1187" s="5" t="s">
        <v>4463</v>
      </c>
      <c r="F1187" s="6" t="s">
        <v>4464</v>
      </c>
      <c r="G1187" s="2"/>
      <c r="H1187" s="4"/>
      <c r="I1187" s="5"/>
      <c r="J1187" s="5"/>
      <c r="K1187" s="5"/>
      <c r="L1187" s="6"/>
      <c r="M1187" s="2" t="s">
        <v>4465</v>
      </c>
      <c r="N1187" s="3">
        <v>38516</v>
      </c>
      <c r="O1187" s="3">
        <v>45078</v>
      </c>
      <c r="P1187" s="3">
        <v>47269</v>
      </c>
    </row>
    <row r="1188" spans="1:16" x14ac:dyDescent="0.15">
      <c r="A1188" s="2" t="s">
        <v>49</v>
      </c>
      <c r="B1188" s="2" t="s">
        <v>7299</v>
      </c>
      <c r="C1188" s="4" t="s">
        <v>6</v>
      </c>
      <c r="D1188" s="5" t="s">
        <v>608</v>
      </c>
      <c r="E1188" s="5" t="s">
        <v>7300</v>
      </c>
      <c r="F1188" s="6" t="s">
        <v>7301</v>
      </c>
      <c r="G1188" s="2" t="s">
        <v>7297</v>
      </c>
      <c r="H1188" s="4" t="s">
        <v>9</v>
      </c>
      <c r="I1188" s="5" t="s">
        <v>6</v>
      </c>
      <c r="J1188" s="5" t="s">
        <v>3777</v>
      </c>
      <c r="K1188" s="5" t="s">
        <v>7298</v>
      </c>
      <c r="L1188" s="6" t="s">
        <v>5</v>
      </c>
      <c r="M1188" s="2" t="s">
        <v>7302</v>
      </c>
      <c r="N1188" s="3">
        <v>42622</v>
      </c>
      <c r="O1188" s="3">
        <v>44896</v>
      </c>
      <c r="P1188" s="3">
        <v>47087</v>
      </c>
    </row>
    <row r="1189" spans="1:16" x14ac:dyDescent="0.15">
      <c r="A1189" s="2" t="s">
        <v>49</v>
      </c>
      <c r="B1189" s="2" t="s">
        <v>7341</v>
      </c>
      <c r="C1189" s="4" t="s">
        <v>6</v>
      </c>
      <c r="D1189" s="5" t="s">
        <v>3810</v>
      </c>
      <c r="E1189" s="5" t="s">
        <v>7342</v>
      </c>
      <c r="F1189" s="6" t="s">
        <v>5</v>
      </c>
      <c r="G1189" s="2" t="s">
        <v>7340</v>
      </c>
      <c r="H1189" s="4" t="s">
        <v>9</v>
      </c>
      <c r="I1189" s="5" t="s">
        <v>6</v>
      </c>
      <c r="J1189" s="5" t="s">
        <v>1839</v>
      </c>
      <c r="K1189" s="5" t="s">
        <v>4335</v>
      </c>
      <c r="L1189" s="6" t="s">
        <v>5</v>
      </c>
      <c r="M1189" s="2" t="s">
        <v>7343</v>
      </c>
      <c r="N1189" s="3">
        <v>44958</v>
      </c>
      <c r="O1189" s="3">
        <v>44958</v>
      </c>
      <c r="P1189" s="3">
        <v>47238</v>
      </c>
    </row>
    <row r="1190" spans="1:16" x14ac:dyDescent="0.15">
      <c r="A1190" s="2" t="s">
        <v>49</v>
      </c>
      <c r="B1190" s="2" t="s">
        <v>7345</v>
      </c>
      <c r="C1190" s="4" t="s">
        <v>6</v>
      </c>
      <c r="D1190" s="5" t="s">
        <v>500</v>
      </c>
      <c r="E1190" s="5" t="s">
        <v>3575</v>
      </c>
      <c r="F1190" s="6" t="s">
        <v>7346</v>
      </c>
      <c r="G1190" s="2" t="s">
        <v>7344</v>
      </c>
      <c r="H1190" s="4" t="s">
        <v>9</v>
      </c>
      <c r="I1190" s="5" t="s">
        <v>6</v>
      </c>
      <c r="J1190" s="5" t="s">
        <v>500</v>
      </c>
      <c r="K1190" s="5" t="s">
        <v>3575</v>
      </c>
      <c r="L1190" s="6" t="s">
        <v>5</v>
      </c>
      <c r="M1190" s="2" t="s">
        <v>7347</v>
      </c>
      <c r="N1190" s="3">
        <v>44918</v>
      </c>
      <c r="O1190" s="3">
        <v>44918</v>
      </c>
      <c r="P1190" s="3">
        <v>47269</v>
      </c>
    </row>
    <row r="1191" spans="1:16" x14ac:dyDescent="0.15">
      <c r="A1191" s="2" t="s">
        <v>49</v>
      </c>
      <c r="B1191" s="2" t="s">
        <v>7349</v>
      </c>
      <c r="C1191" s="4" t="s">
        <v>6</v>
      </c>
      <c r="D1191" s="5" t="s">
        <v>174</v>
      </c>
      <c r="E1191" s="5" t="s">
        <v>579</v>
      </c>
      <c r="F1191" s="6" t="s">
        <v>5</v>
      </c>
      <c r="G1191" s="2" t="s">
        <v>7344</v>
      </c>
      <c r="H1191" s="4" t="s">
        <v>9</v>
      </c>
      <c r="I1191" s="5" t="s">
        <v>6</v>
      </c>
      <c r="J1191" s="5" t="s">
        <v>500</v>
      </c>
      <c r="K1191" s="5" t="s">
        <v>3575</v>
      </c>
      <c r="L1191" s="6" t="s">
        <v>5</v>
      </c>
      <c r="M1191" s="2" t="s">
        <v>7350</v>
      </c>
      <c r="N1191" s="3">
        <v>45231</v>
      </c>
      <c r="O1191" s="3">
        <v>45231</v>
      </c>
      <c r="P1191" s="3">
        <v>47756</v>
      </c>
    </row>
    <row r="1192" spans="1:16" x14ac:dyDescent="0.15">
      <c r="A1192" s="2" t="s">
        <v>49</v>
      </c>
      <c r="B1192" s="2" t="s">
        <v>7351</v>
      </c>
      <c r="C1192" s="4" t="s">
        <v>6</v>
      </c>
      <c r="D1192" s="5" t="s">
        <v>174</v>
      </c>
      <c r="E1192" s="5" t="s">
        <v>175</v>
      </c>
      <c r="F1192" s="6" t="s">
        <v>7352</v>
      </c>
      <c r="G1192" s="2" t="s">
        <v>7344</v>
      </c>
      <c r="H1192" s="4" t="s">
        <v>9</v>
      </c>
      <c r="I1192" s="5" t="s">
        <v>6</v>
      </c>
      <c r="J1192" s="5" t="s">
        <v>500</v>
      </c>
      <c r="K1192" s="5" t="s">
        <v>3575</v>
      </c>
      <c r="L1192" s="6" t="s">
        <v>5</v>
      </c>
      <c r="M1192" s="2" t="s">
        <v>7353</v>
      </c>
      <c r="N1192" s="3">
        <v>45275</v>
      </c>
      <c r="O1192" s="3">
        <v>45275</v>
      </c>
      <c r="P1192" s="3">
        <v>47756</v>
      </c>
    </row>
    <row r="1193" spans="1:16" x14ac:dyDescent="0.15">
      <c r="A1193" s="2" t="s">
        <v>49</v>
      </c>
      <c r="B1193" s="2" t="s">
        <v>7354</v>
      </c>
      <c r="C1193" s="4" t="s">
        <v>6</v>
      </c>
      <c r="D1193" s="5" t="s">
        <v>174</v>
      </c>
      <c r="E1193" s="5" t="s">
        <v>1203</v>
      </c>
      <c r="F1193" s="6" t="s">
        <v>5</v>
      </c>
      <c r="G1193" s="2" t="s">
        <v>7344</v>
      </c>
      <c r="H1193" s="4" t="s">
        <v>9</v>
      </c>
      <c r="I1193" s="5" t="s">
        <v>6</v>
      </c>
      <c r="J1193" s="5" t="s">
        <v>500</v>
      </c>
      <c r="K1193" s="5" t="s">
        <v>3575</v>
      </c>
      <c r="L1193" s="6" t="s">
        <v>5</v>
      </c>
      <c r="M1193" s="2" t="s">
        <v>7355</v>
      </c>
      <c r="N1193" s="3">
        <v>45407</v>
      </c>
      <c r="O1193" s="3">
        <v>45407</v>
      </c>
      <c r="P1193" s="3">
        <v>47756</v>
      </c>
    </row>
    <row r="1194" spans="1:16" x14ac:dyDescent="0.15">
      <c r="A1194" s="2" t="s">
        <v>49</v>
      </c>
      <c r="B1194" s="2" t="s">
        <v>7358</v>
      </c>
      <c r="C1194" s="4" t="s">
        <v>6</v>
      </c>
      <c r="D1194" s="5" t="s">
        <v>7359</v>
      </c>
      <c r="E1194" s="5" t="s">
        <v>7360</v>
      </c>
      <c r="F1194" s="6" t="s">
        <v>5</v>
      </c>
      <c r="G1194" s="2" t="s">
        <v>7356</v>
      </c>
      <c r="H1194" s="4" t="s">
        <v>9</v>
      </c>
      <c r="I1194" s="5" t="s">
        <v>6</v>
      </c>
      <c r="J1194" s="5" t="s">
        <v>348</v>
      </c>
      <c r="K1194" s="5" t="s">
        <v>7357</v>
      </c>
      <c r="L1194" s="6" t="s">
        <v>5</v>
      </c>
      <c r="M1194" s="2" t="s">
        <v>7361</v>
      </c>
      <c r="N1194" s="3">
        <v>44912</v>
      </c>
      <c r="O1194" s="3">
        <v>44912</v>
      </c>
      <c r="P1194" s="3">
        <v>47057</v>
      </c>
    </row>
    <row r="1195" spans="1:16" x14ac:dyDescent="0.15">
      <c r="A1195" s="2" t="s">
        <v>49</v>
      </c>
      <c r="B1195" s="2" t="s">
        <v>7362</v>
      </c>
      <c r="C1195" s="4" t="s">
        <v>6</v>
      </c>
      <c r="D1195" s="5" t="s">
        <v>456</v>
      </c>
      <c r="E1195" s="5" t="s">
        <v>520</v>
      </c>
      <c r="F1195" s="6" t="s">
        <v>5</v>
      </c>
      <c r="G1195" s="2" t="s">
        <v>7356</v>
      </c>
      <c r="H1195" s="4" t="s">
        <v>9</v>
      </c>
      <c r="I1195" s="5" t="s">
        <v>6</v>
      </c>
      <c r="J1195" s="5" t="s">
        <v>348</v>
      </c>
      <c r="K1195" s="5" t="s">
        <v>7357</v>
      </c>
      <c r="L1195" s="6" t="s">
        <v>5</v>
      </c>
      <c r="M1195" s="2" t="s">
        <v>7363</v>
      </c>
      <c r="N1195" s="3">
        <v>45003</v>
      </c>
      <c r="O1195" s="3">
        <v>45003</v>
      </c>
      <c r="P1195" s="3">
        <v>46904</v>
      </c>
    </row>
    <row r="1196" spans="1:16" x14ac:dyDescent="0.15">
      <c r="A1196" s="2" t="s">
        <v>49</v>
      </c>
      <c r="B1196" s="2" t="s">
        <v>4510</v>
      </c>
      <c r="C1196" s="4" t="s">
        <v>6</v>
      </c>
      <c r="D1196" s="5" t="s">
        <v>1517</v>
      </c>
      <c r="E1196" s="5" t="s">
        <v>4509</v>
      </c>
      <c r="F1196" s="6" t="s">
        <v>5</v>
      </c>
      <c r="G1196" s="2"/>
      <c r="H1196" s="4"/>
      <c r="I1196" s="5"/>
      <c r="J1196" s="5"/>
      <c r="K1196" s="5"/>
      <c r="L1196" s="6"/>
      <c r="M1196" s="2" t="s">
        <v>4511</v>
      </c>
      <c r="N1196" s="3">
        <v>43733</v>
      </c>
      <c r="O1196" s="3">
        <v>43733</v>
      </c>
      <c r="P1196" s="3">
        <v>45930</v>
      </c>
    </row>
    <row r="1197" spans="1:16" x14ac:dyDescent="0.15">
      <c r="A1197" s="2" t="s">
        <v>36</v>
      </c>
      <c r="B1197" s="2" t="s">
        <v>4510</v>
      </c>
      <c r="C1197" s="4" t="s">
        <v>6</v>
      </c>
      <c r="D1197" s="5" t="s">
        <v>1517</v>
      </c>
      <c r="E1197" s="5" t="s">
        <v>4509</v>
      </c>
      <c r="F1197" s="6" t="s">
        <v>5</v>
      </c>
      <c r="G1197" s="2"/>
      <c r="H1197" s="4"/>
      <c r="I1197" s="5"/>
      <c r="J1197" s="5"/>
      <c r="K1197" s="5"/>
      <c r="L1197" s="6"/>
      <c r="M1197" s="2" t="s">
        <v>4512</v>
      </c>
      <c r="N1197" s="3">
        <v>43733</v>
      </c>
      <c r="O1197" s="3">
        <v>43733</v>
      </c>
      <c r="P1197" s="3">
        <v>45930</v>
      </c>
    </row>
    <row r="1198" spans="1:16" x14ac:dyDescent="0.15">
      <c r="A1198" s="2" t="s">
        <v>16</v>
      </c>
      <c r="B1198" s="2" t="s">
        <v>4510</v>
      </c>
      <c r="C1198" s="4" t="s">
        <v>6</v>
      </c>
      <c r="D1198" s="5" t="s">
        <v>1517</v>
      </c>
      <c r="E1198" s="5" t="s">
        <v>4509</v>
      </c>
      <c r="F1198" s="6" t="s">
        <v>5</v>
      </c>
      <c r="G1198" s="2"/>
      <c r="H1198" s="4"/>
      <c r="I1198" s="5"/>
      <c r="J1198" s="5"/>
      <c r="K1198" s="5"/>
      <c r="L1198" s="6"/>
      <c r="M1198" s="2" t="s">
        <v>4513</v>
      </c>
      <c r="N1198" s="3">
        <v>43733</v>
      </c>
      <c r="O1198" s="3">
        <v>43733</v>
      </c>
      <c r="P1198" s="3">
        <v>45930</v>
      </c>
    </row>
    <row r="1199" spans="1:16" x14ac:dyDescent="0.15">
      <c r="A1199" s="2" t="s">
        <v>2808</v>
      </c>
      <c r="B1199" s="2" t="s">
        <v>4510</v>
      </c>
      <c r="C1199" s="4" t="s">
        <v>6</v>
      </c>
      <c r="D1199" s="5" t="s">
        <v>1517</v>
      </c>
      <c r="E1199" s="5" t="s">
        <v>4509</v>
      </c>
      <c r="F1199" s="6" t="s">
        <v>5</v>
      </c>
      <c r="G1199" s="2"/>
      <c r="H1199" s="4"/>
      <c r="I1199" s="5"/>
      <c r="J1199" s="5"/>
      <c r="K1199" s="5"/>
      <c r="L1199" s="6"/>
      <c r="M1199" s="2" t="s">
        <v>4514</v>
      </c>
      <c r="N1199" s="3">
        <v>44635</v>
      </c>
      <c r="O1199" s="3">
        <v>44635</v>
      </c>
      <c r="P1199" s="3">
        <v>45930</v>
      </c>
    </row>
    <row r="1200" spans="1:16" x14ac:dyDescent="0.15">
      <c r="A1200" s="2" t="s">
        <v>42</v>
      </c>
      <c r="B1200" s="2" t="s">
        <v>4510</v>
      </c>
      <c r="C1200" s="4" t="s">
        <v>6</v>
      </c>
      <c r="D1200" s="5" t="s">
        <v>1517</v>
      </c>
      <c r="E1200" s="5" t="s">
        <v>4509</v>
      </c>
      <c r="F1200" s="6" t="s">
        <v>5</v>
      </c>
      <c r="G1200" s="2"/>
      <c r="H1200" s="4"/>
      <c r="I1200" s="5"/>
      <c r="J1200" s="5"/>
      <c r="K1200" s="5"/>
      <c r="L1200" s="6"/>
      <c r="M1200" s="2" t="s">
        <v>4515</v>
      </c>
      <c r="N1200" s="3">
        <v>43733</v>
      </c>
      <c r="O1200" s="3">
        <v>43733</v>
      </c>
      <c r="P1200" s="3">
        <v>45930</v>
      </c>
    </row>
    <row r="1201" spans="1:16" x14ac:dyDescent="0.15">
      <c r="A1201" s="2" t="s">
        <v>49</v>
      </c>
      <c r="B1201" s="2" t="s">
        <v>4516</v>
      </c>
      <c r="C1201" s="4" t="s">
        <v>6</v>
      </c>
      <c r="D1201" s="5" t="s">
        <v>174</v>
      </c>
      <c r="E1201" s="5" t="s">
        <v>4517</v>
      </c>
      <c r="F1201" s="6" t="s">
        <v>4518</v>
      </c>
      <c r="G1201" s="2"/>
      <c r="H1201" s="4"/>
      <c r="I1201" s="5"/>
      <c r="J1201" s="5"/>
      <c r="K1201" s="5"/>
      <c r="L1201" s="6"/>
      <c r="M1201" s="2" t="s">
        <v>4519</v>
      </c>
      <c r="N1201" s="3">
        <v>44630</v>
      </c>
      <c r="O1201" s="3">
        <v>44630</v>
      </c>
      <c r="P1201" s="3">
        <v>47026</v>
      </c>
    </row>
    <row r="1202" spans="1:16" x14ac:dyDescent="0.15">
      <c r="A1202" s="2" t="s">
        <v>49</v>
      </c>
      <c r="B1202" s="2" t="s">
        <v>7371</v>
      </c>
      <c r="C1202" s="4" t="s">
        <v>6</v>
      </c>
      <c r="D1202" s="5" t="s">
        <v>7372</v>
      </c>
      <c r="E1202" s="5" t="s">
        <v>5</v>
      </c>
      <c r="F1202" s="6" t="s">
        <v>7373</v>
      </c>
      <c r="G1202" s="2" t="s">
        <v>7369</v>
      </c>
      <c r="H1202" s="4" t="s">
        <v>29</v>
      </c>
      <c r="I1202" s="5" t="s">
        <v>1423</v>
      </c>
      <c r="J1202" s="5" t="s">
        <v>7370</v>
      </c>
      <c r="K1202" s="5" t="s">
        <v>5</v>
      </c>
      <c r="L1202" s="6" t="s">
        <v>5</v>
      </c>
      <c r="M1202" s="2" t="s">
        <v>7374</v>
      </c>
      <c r="N1202" s="3">
        <v>44946</v>
      </c>
      <c r="O1202" s="3">
        <v>44946</v>
      </c>
      <c r="P1202" s="3">
        <v>47391</v>
      </c>
    </row>
    <row r="1203" spans="1:16" x14ac:dyDescent="0.15">
      <c r="A1203" s="2" t="s">
        <v>16</v>
      </c>
      <c r="B1203" s="2" t="s">
        <v>4525</v>
      </c>
      <c r="C1203" s="4" t="s">
        <v>6</v>
      </c>
      <c r="D1203" s="5" t="s">
        <v>284</v>
      </c>
      <c r="E1203" s="5" t="s">
        <v>4526</v>
      </c>
      <c r="F1203" s="6" t="s">
        <v>5</v>
      </c>
      <c r="G1203" s="2"/>
      <c r="H1203" s="4"/>
      <c r="I1203" s="5"/>
      <c r="J1203" s="5"/>
      <c r="K1203" s="5"/>
      <c r="L1203" s="6"/>
      <c r="M1203" s="2" t="s">
        <v>4527</v>
      </c>
      <c r="N1203" s="3">
        <v>44635</v>
      </c>
      <c r="O1203" s="3">
        <v>44635</v>
      </c>
      <c r="P1203" s="3">
        <v>46843</v>
      </c>
    </row>
    <row r="1204" spans="1:16" x14ac:dyDescent="0.15">
      <c r="A1204" s="2" t="s">
        <v>49</v>
      </c>
      <c r="B1204" s="2" t="s">
        <v>4528</v>
      </c>
      <c r="C1204" s="4" t="s">
        <v>6</v>
      </c>
      <c r="D1204" s="5" t="s">
        <v>3259</v>
      </c>
      <c r="E1204" s="5" t="s">
        <v>2981</v>
      </c>
      <c r="F1204" s="6" t="s">
        <v>5</v>
      </c>
      <c r="G1204" s="2"/>
      <c r="H1204" s="4"/>
      <c r="I1204" s="5"/>
      <c r="J1204" s="5"/>
      <c r="K1204" s="5"/>
      <c r="L1204" s="6"/>
      <c r="M1204" s="2" t="s">
        <v>4529</v>
      </c>
      <c r="N1204" s="3">
        <v>33451</v>
      </c>
      <c r="O1204" s="3">
        <v>44682</v>
      </c>
      <c r="P1204" s="3">
        <v>46873</v>
      </c>
    </row>
    <row r="1205" spans="1:16" x14ac:dyDescent="0.15">
      <c r="A1205" s="2" t="s">
        <v>49</v>
      </c>
      <c r="B1205" s="2" t="s">
        <v>7397</v>
      </c>
      <c r="C1205" s="4" t="s">
        <v>6</v>
      </c>
      <c r="D1205" s="5" t="s">
        <v>1027</v>
      </c>
      <c r="E1205" s="5" t="s">
        <v>7398</v>
      </c>
      <c r="F1205" s="6" t="s">
        <v>7399</v>
      </c>
      <c r="G1205" s="2" t="s">
        <v>7396</v>
      </c>
      <c r="H1205" s="4" t="s">
        <v>9</v>
      </c>
      <c r="I1205" s="5" t="s">
        <v>6</v>
      </c>
      <c r="J1205" s="5" t="s">
        <v>1027</v>
      </c>
      <c r="K1205" s="5" t="s">
        <v>3194</v>
      </c>
      <c r="L1205" s="6" t="s">
        <v>5</v>
      </c>
      <c r="M1205" s="2" t="s">
        <v>7400</v>
      </c>
      <c r="N1205" s="3">
        <v>44924</v>
      </c>
      <c r="O1205" s="3">
        <v>44924</v>
      </c>
      <c r="P1205" s="3">
        <v>47452</v>
      </c>
    </row>
    <row r="1206" spans="1:16" x14ac:dyDescent="0.15">
      <c r="A1206" s="2" t="s">
        <v>49</v>
      </c>
      <c r="B1206" s="2" t="s">
        <v>7413</v>
      </c>
      <c r="C1206" s="4" t="s">
        <v>6</v>
      </c>
      <c r="D1206" s="5" t="s">
        <v>1248</v>
      </c>
      <c r="E1206" s="5" t="s">
        <v>7414</v>
      </c>
      <c r="F1206" s="6" t="s">
        <v>5</v>
      </c>
      <c r="G1206" s="2" t="s">
        <v>7411</v>
      </c>
      <c r="H1206" s="4" t="s">
        <v>9</v>
      </c>
      <c r="I1206" s="5" t="s">
        <v>6</v>
      </c>
      <c r="J1206" s="5" t="s">
        <v>270</v>
      </c>
      <c r="K1206" s="5" t="s">
        <v>7412</v>
      </c>
      <c r="L1206" s="6" t="s">
        <v>5</v>
      </c>
      <c r="M1206" s="2" t="s">
        <v>7415</v>
      </c>
      <c r="N1206" s="3">
        <v>44946</v>
      </c>
      <c r="O1206" s="3">
        <v>44946</v>
      </c>
      <c r="P1206" s="3">
        <v>47208</v>
      </c>
    </row>
    <row r="1207" spans="1:16" x14ac:dyDescent="0.15">
      <c r="A1207" s="2" t="s">
        <v>49</v>
      </c>
      <c r="B1207" s="2" t="s">
        <v>7418</v>
      </c>
      <c r="C1207" s="4" t="s">
        <v>6</v>
      </c>
      <c r="D1207" s="5" t="s">
        <v>91</v>
      </c>
      <c r="E1207" s="5" t="s">
        <v>92</v>
      </c>
      <c r="F1207" s="6" t="s">
        <v>7419</v>
      </c>
      <c r="G1207" s="2" t="s">
        <v>7416</v>
      </c>
      <c r="H1207" s="4" t="s">
        <v>9</v>
      </c>
      <c r="I1207" s="5" t="s">
        <v>6</v>
      </c>
      <c r="J1207" s="5" t="s">
        <v>2170</v>
      </c>
      <c r="K1207" s="5" t="s">
        <v>7417</v>
      </c>
      <c r="L1207" s="6" t="s">
        <v>5</v>
      </c>
      <c r="M1207" s="2" t="s">
        <v>7420</v>
      </c>
      <c r="N1207" s="3">
        <v>44967</v>
      </c>
      <c r="O1207" s="3">
        <v>44967</v>
      </c>
      <c r="P1207" s="3">
        <v>47208</v>
      </c>
    </row>
    <row r="1208" spans="1:16" x14ac:dyDescent="0.15">
      <c r="A1208" s="2" t="s">
        <v>49</v>
      </c>
      <c r="B1208" s="2" t="s">
        <v>7431</v>
      </c>
      <c r="C1208" s="4" t="s">
        <v>6</v>
      </c>
      <c r="D1208" s="5" t="s">
        <v>2670</v>
      </c>
      <c r="E1208" s="5" t="s">
        <v>7432</v>
      </c>
      <c r="F1208" s="6" t="s">
        <v>5</v>
      </c>
      <c r="G1208" s="2" t="s">
        <v>7427</v>
      </c>
      <c r="H1208" s="4" t="s">
        <v>7428</v>
      </c>
      <c r="I1208" s="5" t="s">
        <v>7429</v>
      </c>
      <c r="J1208" s="5" t="s">
        <v>7430</v>
      </c>
      <c r="K1208" s="5" t="s">
        <v>5</v>
      </c>
      <c r="L1208" s="6" t="s">
        <v>5</v>
      </c>
      <c r="M1208" s="2" t="s">
        <v>7433</v>
      </c>
      <c r="N1208" s="3">
        <v>40625</v>
      </c>
      <c r="O1208" s="3">
        <v>45200</v>
      </c>
      <c r="P1208" s="3">
        <v>47391</v>
      </c>
    </row>
    <row r="1209" spans="1:16" x14ac:dyDescent="0.15">
      <c r="A1209" s="2" t="s">
        <v>49</v>
      </c>
      <c r="B1209" s="2" t="s">
        <v>7434</v>
      </c>
      <c r="C1209" s="4" t="s">
        <v>6</v>
      </c>
      <c r="D1209" s="5" t="s">
        <v>2670</v>
      </c>
      <c r="E1209" s="5" t="s">
        <v>7435</v>
      </c>
      <c r="F1209" s="6" t="s">
        <v>5</v>
      </c>
      <c r="G1209" s="2" t="s">
        <v>7427</v>
      </c>
      <c r="H1209" s="4" t="s">
        <v>7428</v>
      </c>
      <c r="I1209" s="5" t="s">
        <v>7429</v>
      </c>
      <c r="J1209" s="5" t="s">
        <v>7430</v>
      </c>
      <c r="K1209" s="5" t="s">
        <v>5</v>
      </c>
      <c r="L1209" s="6" t="s">
        <v>5</v>
      </c>
      <c r="M1209" s="2" t="s">
        <v>7436</v>
      </c>
      <c r="N1209" s="3">
        <v>40625</v>
      </c>
      <c r="O1209" s="3">
        <v>45200</v>
      </c>
      <c r="P1209" s="3">
        <v>47391</v>
      </c>
    </row>
    <row r="1210" spans="1:16" x14ac:dyDescent="0.15">
      <c r="A1210" s="2" t="s">
        <v>49</v>
      </c>
      <c r="B1210" s="2" t="s">
        <v>7437</v>
      </c>
      <c r="C1210" s="4" t="s">
        <v>6</v>
      </c>
      <c r="D1210" s="5" t="s">
        <v>2670</v>
      </c>
      <c r="E1210" s="5" t="s">
        <v>690</v>
      </c>
      <c r="F1210" s="6" t="s">
        <v>5</v>
      </c>
      <c r="G1210" s="2" t="s">
        <v>7427</v>
      </c>
      <c r="H1210" s="4" t="s">
        <v>7428</v>
      </c>
      <c r="I1210" s="5" t="s">
        <v>7429</v>
      </c>
      <c r="J1210" s="5" t="s">
        <v>7430</v>
      </c>
      <c r="K1210" s="5" t="s">
        <v>5</v>
      </c>
      <c r="L1210" s="6" t="s">
        <v>5</v>
      </c>
      <c r="M1210" s="2" t="s">
        <v>7438</v>
      </c>
      <c r="N1210" s="3">
        <v>38626</v>
      </c>
      <c r="O1210" s="3">
        <v>45200</v>
      </c>
      <c r="P1210" s="3">
        <v>47391</v>
      </c>
    </row>
    <row r="1211" spans="1:16" x14ac:dyDescent="0.15">
      <c r="A1211" s="2" t="s">
        <v>49</v>
      </c>
      <c r="B1211" s="2" t="s">
        <v>7439</v>
      </c>
      <c r="C1211" s="4" t="s">
        <v>6</v>
      </c>
      <c r="D1211" s="5" t="s">
        <v>2670</v>
      </c>
      <c r="E1211" s="5" t="s">
        <v>690</v>
      </c>
      <c r="F1211" s="6" t="s">
        <v>5</v>
      </c>
      <c r="G1211" s="2" t="s">
        <v>7427</v>
      </c>
      <c r="H1211" s="4" t="s">
        <v>7428</v>
      </c>
      <c r="I1211" s="5" t="s">
        <v>7429</v>
      </c>
      <c r="J1211" s="5" t="s">
        <v>7430</v>
      </c>
      <c r="K1211" s="5" t="s">
        <v>5</v>
      </c>
      <c r="L1211" s="6" t="s">
        <v>5</v>
      </c>
      <c r="M1211" s="2" t="s">
        <v>7440</v>
      </c>
      <c r="N1211" s="3">
        <v>38626</v>
      </c>
      <c r="O1211" s="3">
        <v>45200</v>
      </c>
      <c r="P1211" s="3">
        <v>47391</v>
      </c>
    </row>
    <row r="1212" spans="1:16" x14ac:dyDescent="0.15">
      <c r="A1212" s="2" t="s">
        <v>49</v>
      </c>
      <c r="B1212" s="2" t="s">
        <v>7443</v>
      </c>
      <c r="C1212" s="4" t="s">
        <v>6</v>
      </c>
      <c r="D1212" s="5" t="s">
        <v>2226</v>
      </c>
      <c r="E1212" s="5" t="s">
        <v>7442</v>
      </c>
      <c r="F1212" s="6" t="s">
        <v>5</v>
      </c>
      <c r="G1212" s="2" t="s">
        <v>7441</v>
      </c>
      <c r="H1212" s="4" t="s">
        <v>9</v>
      </c>
      <c r="I1212" s="5" t="s">
        <v>6</v>
      </c>
      <c r="J1212" s="5" t="s">
        <v>2226</v>
      </c>
      <c r="K1212" s="5" t="s">
        <v>7442</v>
      </c>
      <c r="L1212" s="6" t="s">
        <v>5</v>
      </c>
      <c r="M1212" s="2" t="s">
        <v>7444</v>
      </c>
      <c r="N1212" s="3">
        <v>45421</v>
      </c>
      <c r="O1212" s="3">
        <v>45421</v>
      </c>
      <c r="P1212" s="3">
        <v>47756</v>
      </c>
    </row>
    <row r="1213" spans="1:16" x14ac:dyDescent="0.15">
      <c r="A1213" s="2" t="s">
        <v>49</v>
      </c>
      <c r="B1213" s="2" t="s">
        <v>4564</v>
      </c>
      <c r="C1213" s="4" t="s">
        <v>6</v>
      </c>
      <c r="D1213" s="5" t="s">
        <v>4565</v>
      </c>
      <c r="E1213" s="5" t="s">
        <v>3463</v>
      </c>
      <c r="F1213" s="6" t="s">
        <v>5</v>
      </c>
      <c r="G1213" s="2"/>
      <c r="H1213" s="4"/>
      <c r="I1213" s="5"/>
      <c r="J1213" s="5"/>
      <c r="K1213" s="5"/>
      <c r="L1213" s="6"/>
      <c r="M1213" s="2" t="s">
        <v>4566</v>
      </c>
      <c r="N1213" s="3">
        <v>42361</v>
      </c>
      <c r="O1213" s="3">
        <v>44682</v>
      </c>
      <c r="P1213" s="3">
        <v>46873</v>
      </c>
    </row>
    <row r="1214" spans="1:16" x14ac:dyDescent="0.15">
      <c r="A1214" s="2" t="s">
        <v>49</v>
      </c>
      <c r="B1214" s="2" t="s">
        <v>4568</v>
      </c>
      <c r="C1214" s="4" t="s">
        <v>6</v>
      </c>
      <c r="D1214" s="5" t="s">
        <v>3259</v>
      </c>
      <c r="E1214" s="5" t="s">
        <v>4569</v>
      </c>
      <c r="F1214" s="6" t="s">
        <v>5</v>
      </c>
      <c r="G1214" s="2"/>
      <c r="H1214" s="4"/>
      <c r="I1214" s="5"/>
      <c r="J1214" s="5"/>
      <c r="K1214" s="5"/>
      <c r="L1214" s="6"/>
      <c r="M1214" s="2" t="s">
        <v>4570</v>
      </c>
      <c r="N1214" s="3">
        <v>45146</v>
      </c>
      <c r="O1214" s="3">
        <v>45146</v>
      </c>
      <c r="P1214" s="3">
        <v>47603</v>
      </c>
    </row>
    <row r="1215" spans="1:16" x14ac:dyDescent="0.15">
      <c r="A1215" s="2" t="s">
        <v>49</v>
      </c>
      <c r="B1215" s="2" t="s">
        <v>4571</v>
      </c>
      <c r="C1215" s="4" t="s">
        <v>6</v>
      </c>
      <c r="D1215" s="5" t="s">
        <v>348</v>
      </c>
      <c r="E1215" s="5" t="s">
        <v>4573</v>
      </c>
      <c r="F1215" s="6" t="s">
        <v>5</v>
      </c>
      <c r="G1215" s="2" t="s">
        <v>4571</v>
      </c>
      <c r="H1215" s="4" t="s">
        <v>9</v>
      </c>
      <c r="I1215" s="5" t="s">
        <v>58</v>
      </c>
      <c r="J1215" s="5" t="s">
        <v>4572</v>
      </c>
      <c r="K1215" s="5" t="s">
        <v>2823</v>
      </c>
      <c r="L1215" s="6" t="s">
        <v>5</v>
      </c>
      <c r="M1215" s="2" t="s">
        <v>4574</v>
      </c>
      <c r="N1215" s="3">
        <v>40269</v>
      </c>
      <c r="O1215" s="3">
        <v>44652</v>
      </c>
      <c r="P1215" s="3">
        <v>46843</v>
      </c>
    </row>
    <row r="1216" spans="1:16" x14ac:dyDescent="0.15">
      <c r="A1216" s="2" t="s">
        <v>49</v>
      </c>
      <c r="B1216" s="2" t="s">
        <v>4576</v>
      </c>
      <c r="C1216" s="4" t="s">
        <v>6</v>
      </c>
      <c r="D1216" s="5" t="s">
        <v>4575</v>
      </c>
      <c r="E1216" s="5" t="s">
        <v>4577</v>
      </c>
      <c r="F1216" s="6" t="s">
        <v>5</v>
      </c>
      <c r="G1216" s="2"/>
      <c r="H1216" s="4"/>
      <c r="I1216" s="5"/>
      <c r="J1216" s="5"/>
      <c r="K1216" s="5"/>
      <c r="L1216" s="6"/>
      <c r="M1216" s="2" t="s">
        <v>4578</v>
      </c>
      <c r="N1216" s="3">
        <v>44652</v>
      </c>
      <c r="O1216" s="3">
        <v>44652</v>
      </c>
      <c r="P1216" s="3">
        <v>46477</v>
      </c>
    </row>
    <row r="1217" spans="1:16" x14ac:dyDescent="0.15">
      <c r="A1217" s="2" t="s">
        <v>36</v>
      </c>
      <c r="B1217" s="2" t="s">
        <v>4576</v>
      </c>
      <c r="C1217" s="4" t="s">
        <v>6</v>
      </c>
      <c r="D1217" s="5" t="s">
        <v>4575</v>
      </c>
      <c r="E1217" s="5" t="s">
        <v>4577</v>
      </c>
      <c r="F1217" s="6" t="s">
        <v>5</v>
      </c>
      <c r="G1217" s="2"/>
      <c r="H1217" s="4"/>
      <c r="I1217" s="5"/>
      <c r="J1217" s="5"/>
      <c r="K1217" s="5"/>
      <c r="L1217" s="6"/>
      <c r="M1217" s="2" t="s">
        <v>4579</v>
      </c>
      <c r="N1217" s="3">
        <v>44652</v>
      </c>
      <c r="O1217" s="3">
        <v>44652</v>
      </c>
      <c r="P1217" s="3">
        <v>46477</v>
      </c>
    </row>
    <row r="1218" spans="1:16" x14ac:dyDescent="0.15">
      <c r="A1218" s="2" t="s">
        <v>49</v>
      </c>
      <c r="B1218" s="2" t="s">
        <v>4581</v>
      </c>
      <c r="C1218" s="4" t="s">
        <v>6</v>
      </c>
      <c r="D1218" s="5" t="s">
        <v>936</v>
      </c>
      <c r="E1218" s="5" t="s">
        <v>4580</v>
      </c>
      <c r="F1218" s="6" t="s">
        <v>5</v>
      </c>
      <c r="G1218" s="2"/>
      <c r="H1218" s="4"/>
      <c r="I1218" s="5"/>
      <c r="J1218" s="5"/>
      <c r="K1218" s="5"/>
      <c r="L1218" s="6"/>
      <c r="M1218" s="2" t="s">
        <v>4582</v>
      </c>
      <c r="N1218" s="3">
        <v>42714</v>
      </c>
      <c r="O1218" s="3">
        <v>44652</v>
      </c>
      <c r="P1218" s="3">
        <v>46477</v>
      </c>
    </row>
    <row r="1219" spans="1:16" x14ac:dyDescent="0.15">
      <c r="A1219" s="2" t="s">
        <v>49</v>
      </c>
      <c r="B1219" s="2" t="s">
        <v>7447</v>
      </c>
      <c r="C1219" s="4" t="s">
        <v>6</v>
      </c>
      <c r="D1219" s="5" t="s">
        <v>627</v>
      </c>
      <c r="E1219" s="5" t="s">
        <v>7448</v>
      </c>
      <c r="F1219" s="6" t="s">
        <v>7449</v>
      </c>
      <c r="G1219" s="2" t="s">
        <v>7445</v>
      </c>
      <c r="H1219" s="4" t="s">
        <v>9</v>
      </c>
      <c r="I1219" s="5" t="s">
        <v>1280</v>
      </c>
      <c r="J1219" s="5" t="s">
        <v>7446</v>
      </c>
      <c r="K1219" s="5" t="s">
        <v>5</v>
      </c>
      <c r="L1219" s="6" t="s">
        <v>5</v>
      </c>
      <c r="M1219" s="2" t="s">
        <v>7450</v>
      </c>
      <c r="N1219" s="3">
        <v>44986</v>
      </c>
      <c r="O1219" s="3">
        <v>44986</v>
      </c>
      <c r="P1219" s="3">
        <v>47208</v>
      </c>
    </row>
    <row r="1220" spans="1:16" x14ac:dyDescent="0.15">
      <c r="A1220" s="2" t="s">
        <v>49</v>
      </c>
      <c r="B1220" s="2" t="s">
        <v>4588</v>
      </c>
      <c r="C1220" s="4" t="s">
        <v>6</v>
      </c>
      <c r="D1220" s="5" t="s">
        <v>4589</v>
      </c>
      <c r="E1220" s="5" t="s">
        <v>4590</v>
      </c>
      <c r="F1220" s="6" t="s">
        <v>5</v>
      </c>
      <c r="G1220" s="2"/>
      <c r="H1220" s="4"/>
      <c r="I1220" s="5"/>
      <c r="J1220" s="5"/>
      <c r="K1220" s="5"/>
      <c r="L1220" s="6"/>
      <c r="M1220" s="2" t="s">
        <v>4591</v>
      </c>
      <c r="N1220" s="3">
        <v>35418</v>
      </c>
      <c r="O1220" s="3">
        <v>44682</v>
      </c>
      <c r="P1220" s="3">
        <v>46507</v>
      </c>
    </row>
    <row r="1221" spans="1:16" x14ac:dyDescent="0.15">
      <c r="A1221" s="2" t="s">
        <v>49</v>
      </c>
      <c r="B1221" s="2" t="s">
        <v>4592</v>
      </c>
      <c r="C1221" s="4" t="s">
        <v>6</v>
      </c>
      <c r="D1221" s="5" t="s">
        <v>4593</v>
      </c>
      <c r="E1221" s="5" t="s">
        <v>1251</v>
      </c>
      <c r="F1221" s="6" t="s">
        <v>5</v>
      </c>
      <c r="G1221" s="2"/>
      <c r="H1221" s="4"/>
      <c r="I1221" s="5"/>
      <c r="J1221" s="5"/>
      <c r="K1221" s="5"/>
      <c r="L1221" s="6"/>
      <c r="M1221" s="2" t="s">
        <v>4594</v>
      </c>
      <c r="N1221" s="3">
        <v>42262</v>
      </c>
      <c r="O1221" s="3">
        <v>44652</v>
      </c>
      <c r="P1221" s="3">
        <v>46843</v>
      </c>
    </row>
    <row r="1222" spans="1:16" x14ac:dyDescent="0.15">
      <c r="A1222" s="2" t="s">
        <v>66</v>
      </c>
      <c r="B1222" s="2" t="s">
        <v>4592</v>
      </c>
      <c r="C1222" s="4" t="s">
        <v>6</v>
      </c>
      <c r="D1222" s="5" t="s">
        <v>4593</v>
      </c>
      <c r="E1222" s="5" t="s">
        <v>1251</v>
      </c>
      <c r="F1222" s="6" t="s">
        <v>5</v>
      </c>
      <c r="G1222" s="2"/>
      <c r="H1222" s="4"/>
      <c r="I1222" s="5"/>
      <c r="J1222" s="5"/>
      <c r="K1222" s="5"/>
      <c r="L1222" s="6"/>
      <c r="M1222" s="2" t="s">
        <v>4595</v>
      </c>
      <c r="N1222" s="3">
        <v>42262</v>
      </c>
      <c r="O1222" s="3">
        <v>44652</v>
      </c>
      <c r="P1222" s="3">
        <v>46843</v>
      </c>
    </row>
    <row r="1223" spans="1:16" x14ac:dyDescent="0.15">
      <c r="A1223" s="2" t="s">
        <v>16</v>
      </c>
      <c r="B1223" s="2" t="s">
        <v>4598</v>
      </c>
      <c r="C1223" s="4" t="s">
        <v>6</v>
      </c>
      <c r="D1223" s="5" t="s">
        <v>4596</v>
      </c>
      <c r="E1223" s="5" t="s">
        <v>4597</v>
      </c>
      <c r="F1223" s="6" t="s">
        <v>5</v>
      </c>
      <c r="G1223" s="2"/>
      <c r="H1223" s="4"/>
      <c r="I1223" s="5"/>
      <c r="J1223" s="5"/>
      <c r="K1223" s="5"/>
      <c r="L1223" s="6"/>
      <c r="M1223" s="2" t="s">
        <v>4599</v>
      </c>
      <c r="N1223" s="3">
        <v>35385</v>
      </c>
      <c r="O1223" s="3">
        <v>45017</v>
      </c>
      <c r="P1223" s="3">
        <v>47208</v>
      </c>
    </row>
    <row r="1224" spans="1:16" x14ac:dyDescent="0.15">
      <c r="A1224" s="2" t="s">
        <v>49</v>
      </c>
      <c r="B1224" s="2" t="s">
        <v>7452</v>
      </c>
      <c r="C1224" s="4" t="s">
        <v>6</v>
      </c>
      <c r="D1224" s="5" t="s">
        <v>91</v>
      </c>
      <c r="E1224" s="5" t="s">
        <v>7453</v>
      </c>
      <c r="F1224" s="6" t="s">
        <v>7454</v>
      </c>
      <c r="G1224" s="2" t="s">
        <v>7445</v>
      </c>
      <c r="H1224" s="4" t="s">
        <v>9</v>
      </c>
      <c r="I1224" s="5" t="s">
        <v>1280</v>
      </c>
      <c r="J1224" s="5" t="s">
        <v>7446</v>
      </c>
      <c r="K1224" s="5" t="s">
        <v>5</v>
      </c>
      <c r="L1224" s="6" t="s">
        <v>5</v>
      </c>
      <c r="M1224" s="2" t="s">
        <v>7455</v>
      </c>
      <c r="N1224" s="3">
        <v>35288</v>
      </c>
      <c r="O1224" s="3">
        <v>45017</v>
      </c>
      <c r="P1224" s="3">
        <v>47208</v>
      </c>
    </row>
    <row r="1225" spans="1:16" x14ac:dyDescent="0.15">
      <c r="A1225" s="2" t="s">
        <v>49</v>
      </c>
      <c r="B1225" s="2" t="s">
        <v>4606</v>
      </c>
      <c r="C1225" s="4" t="s">
        <v>6</v>
      </c>
      <c r="D1225" s="5" t="s">
        <v>1027</v>
      </c>
      <c r="E1225" s="5" t="s">
        <v>4607</v>
      </c>
      <c r="F1225" s="6" t="s">
        <v>4608</v>
      </c>
      <c r="G1225" s="2"/>
      <c r="H1225" s="4"/>
      <c r="I1225" s="5"/>
      <c r="J1225" s="5"/>
      <c r="K1225" s="5"/>
      <c r="L1225" s="6"/>
      <c r="M1225" s="2" t="s">
        <v>4609</v>
      </c>
      <c r="N1225" s="3">
        <v>44643</v>
      </c>
      <c r="O1225" s="3">
        <v>44643</v>
      </c>
      <c r="P1225" s="3">
        <v>46721</v>
      </c>
    </row>
    <row r="1226" spans="1:16" x14ac:dyDescent="0.15">
      <c r="A1226" s="2" t="s">
        <v>49</v>
      </c>
      <c r="B1226" s="2" t="s">
        <v>4610</v>
      </c>
      <c r="C1226" s="4" t="s">
        <v>6</v>
      </c>
      <c r="D1226" s="5" t="s">
        <v>1027</v>
      </c>
      <c r="E1226" s="5" t="s">
        <v>3178</v>
      </c>
      <c r="F1226" s="6" t="s">
        <v>4611</v>
      </c>
      <c r="G1226" s="2"/>
      <c r="H1226" s="4"/>
      <c r="I1226" s="5"/>
      <c r="J1226" s="5"/>
      <c r="K1226" s="5"/>
      <c r="L1226" s="6"/>
      <c r="M1226" s="2" t="s">
        <v>4612</v>
      </c>
      <c r="N1226" s="3">
        <v>44643</v>
      </c>
      <c r="O1226" s="3">
        <v>44643</v>
      </c>
      <c r="P1226" s="3">
        <v>46721</v>
      </c>
    </row>
    <row r="1227" spans="1:16" x14ac:dyDescent="0.15">
      <c r="A1227" s="2" t="s">
        <v>49</v>
      </c>
      <c r="B1227" s="2" t="s">
        <v>4613</v>
      </c>
      <c r="C1227" s="4" t="s">
        <v>6</v>
      </c>
      <c r="D1227" s="5" t="s">
        <v>1027</v>
      </c>
      <c r="E1227" s="5" t="s">
        <v>4614</v>
      </c>
      <c r="F1227" s="6" t="s">
        <v>4615</v>
      </c>
      <c r="G1227" s="2"/>
      <c r="H1227" s="4"/>
      <c r="I1227" s="5"/>
      <c r="J1227" s="5"/>
      <c r="K1227" s="5"/>
      <c r="L1227" s="6"/>
      <c r="M1227" s="2" t="s">
        <v>4616</v>
      </c>
      <c r="N1227" s="3">
        <v>42550</v>
      </c>
      <c r="O1227" s="3">
        <v>44896</v>
      </c>
      <c r="P1227" s="3">
        <v>47087</v>
      </c>
    </row>
    <row r="1228" spans="1:16" x14ac:dyDescent="0.15">
      <c r="A1228" s="2" t="s">
        <v>49</v>
      </c>
      <c r="B1228" s="2" t="s">
        <v>7478</v>
      </c>
      <c r="C1228" s="4" t="s">
        <v>6</v>
      </c>
      <c r="D1228" s="5" t="s">
        <v>348</v>
      </c>
      <c r="E1228" s="5" t="s">
        <v>7479</v>
      </c>
      <c r="F1228" s="6" t="s">
        <v>5</v>
      </c>
      <c r="G1228" s="2" t="s">
        <v>7475</v>
      </c>
      <c r="H1228" s="4" t="s">
        <v>184</v>
      </c>
      <c r="I1228" s="5" t="s">
        <v>4240</v>
      </c>
      <c r="J1228" s="5" t="s">
        <v>7476</v>
      </c>
      <c r="K1228" s="5" t="s">
        <v>7477</v>
      </c>
      <c r="L1228" s="6" t="s">
        <v>5</v>
      </c>
      <c r="M1228" s="2" t="s">
        <v>7480</v>
      </c>
      <c r="N1228" s="3">
        <v>36410</v>
      </c>
      <c r="O1228" s="3">
        <v>45017</v>
      </c>
      <c r="P1228" s="3">
        <v>47208</v>
      </c>
    </row>
    <row r="1229" spans="1:16" x14ac:dyDescent="0.15">
      <c r="A1229" s="2" t="s">
        <v>49</v>
      </c>
      <c r="B1229" s="2" t="s">
        <v>7497</v>
      </c>
      <c r="C1229" s="4" t="s">
        <v>6</v>
      </c>
      <c r="D1229" s="5" t="s">
        <v>307</v>
      </c>
      <c r="E1229" s="5" t="s">
        <v>4790</v>
      </c>
      <c r="F1229" s="6" t="s">
        <v>5</v>
      </c>
      <c r="G1229" s="2" t="s">
        <v>7495</v>
      </c>
      <c r="H1229" s="4" t="s">
        <v>9</v>
      </c>
      <c r="I1229" s="5" t="s">
        <v>6</v>
      </c>
      <c r="J1229" s="5" t="s">
        <v>1351</v>
      </c>
      <c r="K1229" s="5" t="s">
        <v>7496</v>
      </c>
      <c r="L1229" s="6" t="s">
        <v>5</v>
      </c>
      <c r="M1229" s="2" t="s">
        <v>7498</v>
      </c>
      <c r="N1229" s="3">
        <v>45036</v>
      </c>
      <c r="O1229" s="3">
        <v>45036</v>
      </c>
      <c r="P1229" s="3">
        <v>47238</v>
      </c>
    </row>
    <row r="1230" spans="1:16" x14ac:dyDescent="0.15">
      <c r="A1230" s="2" t="s">
        <v>49</v>
      </c>
      <c r="B1230" s="2" t="s">
        <v>4627</v>
      </c>
      <c r="C1230" s="4" t="s">
        <v>6</v>
      </c>
      <c r="D1230" s="5" t="s">
        <v>4628</v>
      </c>
      <c r="E1230" s="5" t="s">
        <v>3632</v>
      </c>
      <c r="F1230" s="6" t="s">
        <v>5</v>
      </c>
      <c r="G1230" s="2"/>
      <c r="H1230" s="4"/>
      <c r="I1230" s="5"/>
      <c r="J1230" s="5"/>
      <c r="K1230" s="5"/>
      <c r="L1230" s="6"/>
      <c r="M1230" s="2" t="s">
        <v>4629</v>
      </c>
      <c r="N1230" s="3">
        <v>42641</v>
      </c>
      <c r="O1230" s="3">
        <v>44682</v>
      </c>
      <c r="P1230" s="3">
        <v>46507</v>
      </c>
    </row>
    <row r="1231" spans="1:16" x14ac:dyDescent="0.15">
      <c r="A1231" s="2" t="s">
        <v>49</v>
      </c>
      <c r="B1231" s="2" t="s">
        <v>7509</v>
      </c>
      <c r="C1231" s="4" t="s">
        <v>6</v>
      </c>
      <c r="D1231" s="5" t="s">
        <v>2570</v>
      </c>
      <c r="E1231" s="5" t="s">
        <v>7510</v>
      </c>
      <c r="F1231" s="6" t="s">
        <v>5</v>
      </c>
      <c r="G1231" s="2" t="s">
        <v>7507</v>
      </c>
      <c r="H1231" s="4" t="s">
        <v>9</v>
      </c>
      <c r="I1231" s="5" t="s">
        <v>6</v>
      </c>
      <c r="J1231" s="5" t="s">
        <v>4628</v>
      </c>
      <c r="K1231" s="5" t="s">
        <v>7508</v>
      </c>
      <c r="L1231" s="6" t="s">
        <v>5</v>
      </c>
      <c r="M1231" s="2" t="s">
        <v>7511</v>
      </c>
      <c r="N1231" s="3">
        <v>42802</v>
      </c>
      <c r="O1231" s="3">
        <v>45017</v>
      </c>
      <c r="P1231" s="3">
        <v>47208</v>
      </c>
    </row>
    <row r="1232" spans="1:16" x14ac:dyDescent="0.15">
      <c r="A1232" s="2" t="s">
        <v>49</v>
      </c>
      <c r="B1232" s="2" t="s">
        <v>7561</v>
      </c>
      <c r="C1232" s="4" t="s">
        <v>6</v>
      </c>
      <c r="D1232" s="5" t="s">
        <v>3887</v>
      </c>
      <c r="E1232" s="5" t="s">
        <v>7560</v>
      </c>
      <c r="F1232" s="6" t="s">
        <v>7562</v>
      </c>
      <c r="G1232" s="2" t="s">
        <v>7559</v>
      </c>
      <c r="H1232" s="4" t="s">
        <v>9</v>
      </c>
      <c r="I1232" s="5" t="s">
        <v>6</v>
      </c>
      <c r="J1232" s="5" t="s">
        <v>3887</v>
      </c>
      <c r="K1232" s="5" t="s">
        <v>7560</v>
      </c>
      <c r="L1232" s="6" t="s">
        <v>5</v>
      </c>
      <c r="M1232" s="2" t="s">
        <v>7563</v>
      </c>
      <c r="N1232" s="3">
        <v>42826</v>
      </c>
      <c r="O1232" s="3">
        <v>45017</v>
      </c>
      <c r="P1232" s="3">
        <v>47391</v>
      </c>
    </row>
    <row r="1233" spans="1:16" x14ac:dyDescent="0.15">
      <c r="A1233" s="2" t="s">
        <v>49</v>
      </c>
      <c r="B1233" s="2" t="s">
        <v>7566</v>
      </c>
      <c r="C1233" s="4" t="s">
        <v>6</v>
      </c>
      <c r="D1233" s="5" t="s">
        <v>1248</v>
      </c>
      <c r="E1233" s="5" t="s">
        <v>7567</v>
      </c>
      <c r="F1233" s="6" t="s">
        <v>5</v>
      </c>
      <c r="G1233" s="2" t="s">
        <v>7564</v>
      </c>
      <c r="H1233" s="4" t="s">
        <v>9</v>
      </c>
      <c r="I1233" s="5" t="s">
        <v>6</v>
      </c>
      <c r="J1233" s="5" t="s">
        <v>1248</v>
      </c>
      <c r="K1233" s="5" t="s">
        <v>7565</v>
      </c>
      <c r="L1233" s="6" t="s">
        <v>5</v>
      </c>
      <c r="M1233" s="2" t="s">
        <v>7568</v>
      </c>
      <c r="N1233" s="3">
        <v>36623</v>
      </c>
      <c r="O1233" s="3">
        <v>45017</v>
      </c>
      <c r="P1233" s="3">
        <v>47208</v>
      </c>
    </row>
    <row r="1234" spans="1:16" x14ac:dyDescent="0.15">
      <c r="A1234" s="2" t="s">
        <v>49</v>
      </c>
      <c r="B1234" s="2" t="s">
        <v>7594</v>
      </c>
      <c r="C1234" s="4" t="s">
        <v>6</v>
      </c>
      <c r="D1234" s="5" t="s">
        <v>169</v>
      </c>
      <c r="E1234" s="5" t="s">
        <v>7595</v>
      </c>
      <c r="F1234" s="6" t="s">
        <v>5</v>
      </c>
      <c r="G1234" s="2" t="s">
        <v>7592</v>
      </c>
      <c r="H1234" s="4" t="s">
        <v>9</v>
      </c>
      <c r="I1234" s="5" t="s">
        <v>6</v>
      </c>
      <c r="J1234" s="5" t="s">
        <v>5625</v>
      </c>
      <c r="K1234" s="5" t="s">
        <v>7593</v>
      </c>
      <c r="L1234" s="6" t="s">
        <v>5</v>
      </c>
      <c r="M1234" s="2" t="s">
        <v>7596</v>
      </c>
      <c r="N1234" s="3">
        <v>44982</v>
      </c>
      <c r="O1234" s="3">
        <v>44982</v>
      </c>
      <c r="P1234" s="3">
        <v>47208</v>
      </c>
    </row>
    <row r="1235" spans="1:16" x14ac:dyDescent="0.15">
      <c r="A1235" s="2" t="s">
        <v>49</v>
      </c>
      <c r="B1235" s="2" t="s">
        <v>4646</v>
      </c>
      <c r="C1235" s="4" t="s">
        <v>6</v>
      </c>
      <c r="D1235" s="5" t="s">
        <v>336</v>
      </c>
      <c r="E1235" s="5" t="s">
        <v>4645</v>
      </c>
      <c r="F1235" s="6" t="s">
        <v>5</v>
      </c>
      <c r="G1235" s="2"/>
      <c r="H1235" s="4"/>
      <c r="I1235" s="5"/>
      <c r="J1235" s="5"/>
      <c r="K1235" s="5"/>
      <c r="L1235" s="6"/>
      <c r="M1235" s="2" t="s">
        <v>4647</v>
      </c>
      <c r="N1235" s="3">
        <v>32762</v>
      </c>
      <c r="O1235" s="3">
        <v>44682</v>
      </c>
      <c r="P1235" s="3">
        <v>46507</v>
      </c>
    </row>
    <row r="1236" spans="1:16" x14ac:dyDescent="0.15">
      <c r="A1236" s="2" t="s">
        <v>49</v>
      </c>
      <c r="B1236" s="2" t="s">
        <v>4650</v>
      </c>
      <c r="C1236" s="4" t="s">
        <v>6</v>
      </c>
      <c r="D1236" s="5" t="s">
        <v>4648</v>
      </c>
      <c r="E1236" s="5" t="s">
        <v>4649</v>
      </c>
      <c r="F1236" s="6" t="s">
        <v>5</v>
      </c>
      <c r="G1236" s="2"/>
      <c r="H1236" s="4"/>
      <c r="I1236" s="5"/>
      <c r="J1236" s="5"/>
      <c r="K1236" s="5"/>
      <c r="L1236" s="6"/>
      <c r="M1236" s="2" t="s">
        <v>4651</v>
      </c>
      <c r="N1236" s="3">
        <v>34958</v>
      </c>
      <c r="O1236" s="3">
        <v>44682</v>
      </c>
      <c r="P1236" s="3">
        <v>46873</v>
      </c>
    </row>
    <row r="1237" spans="1:16" x14ac:dyDescent="0.15">
      <c r="A1237" s="2" t="s">
        <v>49</v>
      </c>
      <c r="B1237" s="2" t="s">
        <v>4654</v>
      </c>
      <c r="C1237" s="4" t="s">
        <v>6</v>
      </c>
      <c r="D1237" s="5" t="s">
        <v>3259</v>
      </c>
      <c r="E1237" s="5" t="s">
        <v>4655</v>
      </c>
      <c r="F1237" s="6" t="s">
        <v>5</v>
      </c>
      <c r="G1237" s="2"/>
      <c r="H1237" s="4"/>
      <c r="I1237" s="5"/>
      <c r="J1237" s="5"/>
      <c r="K1237" s="5"/>
      <c r="L1237" s="6"/>
      <c r="M1237" s="2" t="s">
        <v>4656</v>
      </c>
      <c r="N1237" s="3">
        <v>33679</v>
      </c>
      <c r="O1237" s="3">
        <v>44682</v>
      </c>
      <c r="P1237" s="3">
        <v>46873</v>
      </c>
    </row>
    <row r="1238" spans="1:16" x14ac:dyDescent="0.15">
      <c r="A1238" s="2" t="s">
        <v>49</v>
      </c>
      <c r="B1238" s="2" t="s">
        <v>7599</v>
      </c>
      <c r="C1238" s="4" t="s">
        <v>6</v>
      </c>
      <c r="D1238" s="5" t="s">
        <v>6663</v>
      </c>
      <c r="E1238" s="5" t="s">
        <v>7600</v>
      </c>
      <c r="F1238" s="6" t="s">
        <v>5</v>
      </c>
      <c r="G1238" s="2" t="s">
        <v>7597</v>
      </c>
      <c r="H1238" s="4" t="s">
        <v>9</v>
      </c>
      <c r="I1238" s="5" t="s">
        <v>6</v>
      </c>
      <c r="J1238" s="5" t="s">
        <v>2328</v>
      </c>
      <c r="K1238" s="5" t="s">
        <v>7598</v>
      </c>
      <c r="L1238" s="6" t="s">
        <v>5</v>
      </c>
      <c r="M1238" s="2" t="s">
        <v>7601</v>
      </c>
      <c r="N1238" s="3">
        <v>44978</v>
      </c>
      <c r="O1238" s="3">
        <v>44978</v>
      </c>
      <c r="P1238" s="3">
        <v>47299</v>
      </c>
    </row>
    <row r="1239" spans="1:16" x14ac:dyDescent="0.15">
      <c r="A1239" s="2" t="s">
        <v>49</v>
      </c>
      <c r="B1239" s="2" t="s">
        <v>4666</v>
      </c>
      <c r="C1239" s="4" t="s">
        <v>6</v>
      </c>
      <c r="D1239" s="5" t="s">
        <v>4664</v>
      </c>
      <c r="E1239" s="5" t="s">
        <v>4665</v>
      </c>
      <c r="F1239" s="6" t="s">
        <v>5</v>
      </c>
      <c r="G1239" s="2"/>
      <c r="H1239" s="4"/>
      <c r="I1239" s="5"/>
      <c r="J1239" s="5"/>
      <c r="K1239" s="5"/>
      <c r="L1239" s="6"/>
      <c r="M1239" s="2" t="s">
        <v>4667</v>
      </c>
      <c r="N1239" s="3">
        <v>31182</v>
      </c>
      <c r="O1239" s="3">
        <v>44682</v>
      </c>
      <c r="P1239" s="3">
        <v>46507</v>
      </c>
    </row>
    <row r="1240" spans="1:16" x14ac:dyDescent="0.15">
      <c r="A1240" s="2" t="s">
        <v>36</v>
      </c>
      <c r="B1240" s="2" t="s">
        <v>4666</v>
      </c>
      <c r="C1240" s="4" t="s">
        <v>6</v>
      </c>
      <c r="D1240" s="5" t="s">
        <v>4664</v>
      </c>
      <c r="E1240" s="5" t="s">
        <v>4665</v>
      </c>
      <c r="F1240" s="6" t="s">
        <v>5</v>
      </c>
      <c r="G1240" s="2"/>
      <c r="H1240" s="4"/>
      <c r="I1240" s="5"/>
      <c r="J1240" s="5"/>
      <c r="K1240" s="5"/>
      <c r="L1240" s="6"/>
      <c r="M1240" s="2" t="s">
        <v>4668</v>
      </c>
      <c r="N1240" s="3">
        <v>28605</v>
      </c>
      <c r="O1240" s="3">
        <v>44682</v>
      </c>
      <c r="P1240" s="3">
        <v>46507</v>
      </c>
    </row>
    <row r="1241" spans="1:16" x14ac:dyDescent="0.15">
      <c r="A1241" s="2" t="s">
        <v>49</v>
      </c>
      <c r="B1241" s="2" t="s">
        <v>7626</v>
      </c>
      <c r="C1241" s="4" t="s">
        <v>6</v>
      </c>
      <c r="D1241" s="5" t="s">
        <v>755</v>
      </c>
      <c r="E1241" s="5" t="s">
        <v>7625</v>
      </c>
      <c r="F1241" s="6" t="s">
        <v>5</v>
      </c>
      <c r="G1241" s="2" t="s">
        <v>7624</v>
      </c>
      <c r="H1241" s="4" t="s">
        <v>9</v>
      </c>
      <c r="I1241" s="5" t="s">
        <v>6</v>
      </c>
      <c r="J1241" s="5" t="s">
        <v>755</v>
      </c>
      <c r="K1241" s="5" t="s">
        <v>7625</v>
      </c>
      <c r="L1241" s="6" t="s">
        <v>5</v>
      </c>
      <c r="M1241" s="2" t="s">
        <v>7627</v>
      </c>
      <c r="N1241" s="3">
        <v>41264</v>
      </c>
      <c r="O1241" s="3">
        <v>45017</v>
      </c>
      <c r="P1241" s="3">
        <v>46843</v>
      </c>
    </row>
    <row r="1242" spans="1:16" x14ac:dyDescent="0.15">
      <c r="A1242" s="2" t="s">
        <v>49</v>
      </c>
      <c r="B1242" s="2" t="s">
        <v>4677</v>
      </c>
      <c r="C1242" s="4" t="s">
        <v>6</v>
      </c>
      <c r="D1242" s="5" t="s">
        <v>69</v>
      </c>
      <c r="E1242" s="5" t="s">
        <v>4678</v>
      </c>
      <c r="F1242" s="6" t="s">
        <v>4679</v>
      </c>
      <c r="G1242" s="2" t="s">
        <v>4674</v>
      </c>
      <c r="H1242" s="4" t="s">
        <v>29</v>
      </c>
      <c r="I1242" s="5" t="s">
        <v>1887</v>
      </c>
      <c r="J1242" s="5" t="s">
        <v>4675</v>
      </c>
      <c r="K1242" s="5" t="s">
        <v>4676</v>
      </c>
      <c r="L1242" s="6" t="s">
        <v>5</v>
      </c>
      <c r="M1242" s="2" t="s">
        <v>4680</v>
      </c>
      <c r="N1242" s="3">
        <v>42284</v>
      </c>
      <c r="O1242" s="3">
        <v>44713</v>
      </c>
      <c r="P1242" s="3">
        <v>46904</v>
      </c>
    </row>
    <row r="1243" spans="1:16" x14ac:dyDescent="0.15">
      <c r="A1243" s="2" t="s">
        <v>49</v>
      </c>
      <c r="B1243" s="2" t="s">
        <v>4681</v>
      </c>
      <c r="C1243" s="4" t="s">
        <v>6</v>
      </c>
      <c r="D1243" s="5" t="s">
        <v>247</v>
      </c>
      <c r="E1243" s="5" t="s">
        <v>4682</v>
      </c>
      <c r="F1243" s="6" t="s">
        <v>4683</v>
      </c>
      <c r="G1243" s="2"/>
      <c r="H1243" s="4"/>
      <c r="I1243" s="5"/>
      <c r="J1243" s="5"/>
      <c r="K1243" s="5"/>
      <c r="L1243" s="6"/>
      <c r="M1243" s="2" t="s">
        <v>4684</v>
      </c>
      <c r="N1243" s="3">
        <v>41061</v>
      </c>
      <c r="O1243" s="3">
        <v>44713</v>
      </c>
      <c r="P1243" s="3">
        <v>46538</v>
      </c>
    </row>
    <row r="1244" spans="1:16" x14ac:dyDescent="0.15">
      <c r="A1244" s="2" t="s">
        <v>49</v>
      </c>
      <c r="B1244" s="2" t="s">
        <v>4685</v>
      </c>
      <c r="C1244" s="4" t="s">
        <v>6</v>
      </c>
      <c r="D1244" s="5" t="s">
        <v>3019</v>
      </c>
      <c r="E1244" s="5" t="s">
        <v>1307</v>
      </c>
      <c r="F1244" s="6" t="s">
        <v>5</v>
      </c>
      <c r="G1244" s="2"/>
      <c r="H1244" s="4"/>
      <c r="I1244" s="5"/>
      <c r="J1244" s="5"/>
      <c r="K1244" s="5"/>
      <c r="L1244" s="6"/>
      <c r="M1244" s="2" t="s">
        <v>4686</v>
      </c>
      <c r="N1244" s="3">
        <v>42416</v>
      </c>
      <c r="O1244" s="3">
        <v>44682</v>
      </c>
      <c r="P1244" s="3">
        <v>46873</v>
      </c>
    </row>
    <row r="1245" spans="1:16" x14ac:dyDescent="0.15">
      <c r="A1245" s="2" t="s">
        <v>49</v>
      </c>
      <c r="B1245" s="2" t="s">
        <v>4688</v>
      </c>
      <c r="C1245" s="4" t="s">
        <v>6</v>
      </c>
      <c r="D1245" s="5" t="s">
        <v>4687</v>
      </c>
      <c r="E1245" s="5" t="s">
        <v>4689</v>
      </c>
      <c r="F1245" s="6" t="s">
        <v>5</v>
      </c>
      <c r="G1245" s="2"/>
      <c r="H1245" s="4"/>
      <c r="I1245" s="5"/>
      <c r="J1245" s="5"/>
      <c r="K1245" s="5"/>
      <c r="L1245" s="6"/>
      <c r="M1245" s="2" t="s">
        <v>4690</v>
      </c>
      <c r="N1245" s="3">
        <v>42724</v>
      </c>
      <c r="O1245" s="3">
        <v>44682</v>
      </c>
      <c r="P1245" s="3">
        <v>46507</v>
      </c>
    </row>
    <row r="1246" spans="1:16" x14ac:dyDescent="0.15">
      <c r="A1246" s="2" t="s">
        <v>49</v>
      </c>
      <c r="B1246" s="2" t="s">
        <v>7635</v>
      </c>
      <c r="C1246" s="4" t="s">
        <v>6</v>
      </c>
      <c r="D1246" s="5" t="s">
        <v>2344</v>
      </c>
      <c r="E1246" s="5" t="s">
        <v>7636</v>
      </c>
      <c r="F1246" s="6" t="s">
        <v>7637</v>
      </c>
      <c r="G1246" s="2" t="s">
        <v>7632</v>
      </c>
      <c r="H1246" s="4" t="s">
        <v>9</v>
      </c>
      <c r="I1246" s="5" t="s">
        <v>6</v>
      </c>
      <c r="J1246" s="5" t="s">
        <v>7633</v>
      </c>
      <c r="K1246" s="5" t="s">
        <v>7634</v>
      </c>
      <c r="L1246" s="6" t="s">
        <v>5</v>
      </c>
      <c r="M1246" s="2" t="s">
        <v>7638</v>
      </c>
      <c r="N1246" s="3">
        <v>45078</v>
      </c>
      <c r="O1246" s="3">
        <v>45078</v>
      </c>
      <c r="P1246" s="3">
        <v>47573</v>
      </c>
    </row>
    <row r="1247" spans="1:16" x14ac:dyDescent="0.15">
      <c r="A1247" s="2" t="s">
        <v>49</v>
      </c>
      <c r="B1247" s="2" t="s">
        <v>7641</v>
      </c>
      <c r="C1247" s="4" t="s">
        <v>6</v>
      </c>
      <c r="D1247" s="5" t="s">
        <v>7642</v>
      </c>
      <c r="E1247" s="5" t="s">
        <v>7643</v>
      </c>
      <c r="F1247" s="6" t="s">
        <v>5</v>
      </c>
      <c r="G1247" s="2" t="s">
        <v>7639</v>
      </c>
      <c r="H1247" s="4" t="s">
        <v>9</v>
      </c>
      <c r="I1247" s="5" t="s">
        <v>6</v>
      </c>
      <c r="J1247" s="5" t="s">
        <v>5264</v>
      </c>
      <c r="K1247" s="5" t="s">
        <v>7640</v>
      </c>
      <c r="L1247" s="6" t="s">
        <v>5</v>
      </c>
      <c r="M1247" s="2" t="s">
        <v>7644</v>
      </c>
      <c r="N1247" s="3">
        <v>44977</v>
      </c>
      <c r="O1247" s="3">
        <v>44977</v>
      </c>
      <c r="P1247" s="3">
        <v>46873</v>
      </c>
    </row>
    <row r="1248" spans="1:16" x14ac:dyDescent="0.15">
      <c r="A1248" s="2" t="s">
        <v>49</v>
      </c>
      <c r="B1248" s="2" t="s">
        <v>7683</v>
      </c>
      <c r="C1248" s="4" t="s">
        <v>6</v>
      </c>
      <c r="D1248" s="5" t="s">
        <v>1148</v>
      </c>
      <c r="E1248" s="5" t="s">
        <v>7684</v>
      </c>
      <c r="F1248" s="6" t="s">
        <v>5</v>
      </c>
      <c r="G1248" s="2" t="s">
        <v>7680</v>
      </c>
      <c r="H1248" s="4" t="s">
        <v>29</v>
      </c>
      <c r="I1248" s="5" t="s">
        <v>620</v>
      </c>
      <c r="J1248" s="5" t="s">
        <v>7681</v>
      </c>
      <c r="K1248" s="5" t="s">
        <v>7682</v>
      </c>
      <c r="L1248" s="6" t="s">
        <v>5</v>
      </c>
      <c r="M1248" s="2" t="s">
        <v>7685</v>
      </c>
      <c r="N1248" s="3">
        <v>38434</v>
      </c>
      <c r="O1248" s="3">
        <v>45017</v>
      </c>
      <c r="P1248" s="3">
        <v>47208</v>
      </c>
    </row>
    <row r="1249" spans="1:16" x14ac:dyDescent="0.15">
      <c r="A1249" s="2" t="s">
        <v>49</v>
      </c>
      <c r="B1249" s="2" t="s">
        <v>4698</v>
      </c>
      <c r="C1249" s="4" t="s">
        <v>6</v>
      </c>
      <c r="D1249" s="5" t="s">
        <v>4693</v>
      </c>
      <c r="E1249" s="5" t="s">
        <v>3557</v>
      </c>
      <c r="F1249" s="6" t="s">
        <v>5</v>
      </c>
      <c r="G1249" s="2"/>
      <c r="H1249" s="4"/>
      <c r="I1249" s="5"/>
      <c r="J1249" s="5"/>
      <c r="K1249" s="5"/>
      <c r="L1249" s="6"/>
      <c r="M1249" s="2" t="s">
        <v>4699</v>
      </c>
      <c r="N1249" s="3">
        <v>38856</v>
      </c>
      <c r="O1249" s="3">
        <v>44652</v>
      </c>
      <c r="P1249" s="3">
        <v>46477</v>
      </c>
    </row>
    <row r="1250" spans="1:16" x14ac:dyDescent="0.15">
      <c r="A1250" s="2" t="s">
        <v>16</v>
      </c>
      <c r="B1250" s="2" t="s">
        <v>4702</v>
      </c>
      <c r="C1250" s="4" t="s">
        <v>6</v>
      </c>
      <c r="D1250" s="5" t="s">
        <v>4700</v>
      </c>
      <c r="E1250" s="5" t="s">
        <v>4701</v>
      </c>
      <c r="F1250" s="6" t="s">
        <v>5</v>
      </c>
      <c r="G1250" s="2"/>
      <c r="H1250" s="4"/>
      <c r="I1250" s="5"/>
      <c r="J1250" s="5"/>
      <c r="K1250" s="5"/>
      <c r="L1250" s="6"/>
      <c r="M1250" s="2" t="s">
        <v>4703</v>
      </c>
      <c r="N1250" s="3">
        <v>34213</v>
      </c>
      <c r="O1250" s="3">
        <v>44682</v>
      </c>
      <c r="P1250" s="3">
        <v>46507</v>
      </c>
    </row>
    <row r="1251" spans="1:16" x14ac:dyDescent="0.15">
      <c r="A1251" s="2" t="s">
        <v>49</v>
      </c>
      <c r="B1251" s="2" t="s">
        <v>7701</v>
      </c>
      <c r="C1251" s="4" t="s">
        <v>6</v>
      </c>
      <c r="D1251" s="5" t="s">
        <v>456</v>
      </c>
      <c r="E1251" s="5" t="s">
        <v>520</v>
      </c>
      <c r="F1251" s="6" t="s">
        <v>5</v>
      </c>
      <c r="G1251" s="2" t="s">
        <v>7698</v>
      </c>
      <c r="H1251" s="4" t="s">
        <v>29</v>
      </c>
      <c r="I1251" s="5" t="s">
        <v>504</v>
      </c>
      <c r="J1251" s="5" t="s">
        <v>7699</v>
      </c>
      <c r="K1251" s="5" t="s">
        <v>7700</v>
      </c>
      <c r="L1251" s="6" t="s">
        <v>5</v>
      </c>
      <c r="M1251" s="2" t="s">
        <v>7702</v>
      </c>
      <c r="N1251" s="3">
        <v>44982</v>
      </c>
      <c r="O1251" s="3">
        <v>44982</v>
      </c>
      <c r="P1251" s="3">
        <v>46904</v>
      </c>
    </row>
    <row r="1252" spans="1:16" x14ac:dyDescent="0.15">
      <c r="A1252" s="2" t="s">
        <v>49</v>
      </c>
      <c r="B1252" s="2" t="s">
        <v>7709</v>
      </c>
      <c r="C1252" s="4" t="s">
        <v>6</v>
      </c>
      <c r="D1252" s="5" t="s">
        <v>911</v>
      </c>
      <c r="E1252" s="5" t="s">
        <v>7710</v>
      </c>
      <c r="F1252" s="6" t="s">
        <v>5</v>
      </c>
      <c r="G1252" s="2" t="s">
        <v>7707</v>
      </c>
      <c r="H1252" s="4" t="s">
        <v>384</v>
      </c>
      <c r="I1252" s="5" t="s">
        <v>441</v>
      </c>
      <c r="J1252" s="5" t="s">
        <v>4547</v>
      </c>
      <c r="K1252" s="5" t="s">
        <v>7708</v>
      </c>
      <c r="L1252" s="6" t="s">
        <v>5</v>
      </c>
      <c r="M1252" s="2" t="s">
        <v>7711</v>
      </c>
      <c r="N1252" s="3">
        <v>44988</v>
      </c>
      <c r="O1252" s="3">
        <v>44988</v>
      </c>
      <c r="P1252" s="3">
        <v>47391</v>
      </c>
    </row>
    <row r="1253" spans="1:16" x14ac:dyDescent="0.15">
      <c r="A1253" s="2" t="s">
        <v>49</v>
      </c>
      <c r="B1253" s="2" t="s">
        <v>7720</v>
      </c>
      <c r="C1253" s="4" t="s">
        <v>6</v>
      </c>
      <c r="D1253" s="5" t="s">
        <v>4506</v>
      </c>
      <c r="E1253" s="5" t="s">
        <v>7719</v>
      </c>
      <c r="F1253" s="6" t="s">
        <v>5</v>
      </c>
      <c r="G1253" s="2" t="s">
        <v>7718</v>
      </c>
      <c r="H1253" s="4" t="s">
        <v>9</v>
      </c>
      <c r="I1253" s="5" t="s">
        <v>6</v>
      </c>
      <c r="J1253" s="5" t="s">
        <v>4506</v>
      </c>
      <c r="K1253" s="5" t="s">
        <v>7719</v>
      </c>
      <c r="L1253" s="6" t="s">
        <v>5</v>
      </c>
      <c r="M1253" s="2" t="s">
        <v>7721</v>
      </c>
      <c r="N1253" s="3">
        <v>42515</v>
      </c>
      <c r="O1253" s="3">
        <v>45017</v>
      </c>
      <c r="P1253" s="3">
        <v>47208</v>
      </c>
    </row>
    <row r="1254" spans="1:16" x14ac:dyDescent="0.15">
      <c r="A1254" s="2" t="s">
        <v>49</v>
      </c>
      <c r="B1254" s="2" t="s">
        <v>7728</v>
      </c>
      <c r="C1254" s="4" t="s">
        <v>6</v>
      </c>
      <c r="D1254" s="5" t="s">
        <v>1790</v>
      </c>
      <c r="E1254" s="5" t="s">
        <v>7727</v>
      </c>
      <c r="F1254" s="6" t="s">
        <v>5</v>
      </c>
      <c r="G1254" s="2" t="s">
        <v>7726</v>
      </c>
      <c r="H1254" s="4" t="s">
        <v>9</v>
      </c>
      <c r="I1254" s="5" t="s">
        <v>6</v>
      </c>
      <c r="J1254" s="5" t="s">
        <v>1790</v>
      </c>
      <c r="K1254" s="5" t="s">
        <v>7727</v>
      </c>
      <c r="L1254" s="6" t="s">
        <v>5</v>
      </c>
      <c r="M1254" s="2" t="s">
        <v>7729</v>
      </c>
      <c r="N1254" s="3">
        <v>34730</v>
      </c>
      <c r="O1254" s="3">
        <v>45047</v>
      </c>
      <c r="P1254" s="3">
        <v>46873</v>
      </c>
    </row>
    <row r="1255" spans="1:16" x14ac:dyDescent="0.15">
      <c r="A1255" s="2" t="s">
        <v>49</v>
      </c>
      <c r="B1255" s="2" t="s">
        <v>4720</v>
      </c>
      <c r="C1255" s="4" t="s">
        <v>6</v>
      </c>
      <c r="D1255" s="5" t="s">
        <v>247</v>
      </c>
      <c r="E1255" s="5" t="s">
        <v>2581</v>
      </c>
      <c r="F1255" s="6" t="s">
        <v>5</v>
      </c>
      <c r="G1255" s="2"/>
      <c r="H1255" s="4"/>
      <c r="I1255" s="5"/>
      <c r="J1255" s="5"/>
      <c r="K1255" s="5"/>
      <c r="L1255" s="6"/>
      <c r="M1255" s="2" t="s">
        <v>4721</v>
      </c>
      <c r="N1255" s="3">
        <v>37141</v>
      </c>
      <c r="O1255" s="3">
        <v>44713</v>
      </c>
      <c r="P1255" s="3">
        <v>46538</v>
      </c>
    </row>
    <row r="1256" spans="1:16" x14ac:dyDescent="0.15">
      <c r="A1256" s="2" t="s">
        <v>49</v>
      </c>
      <c r="B1256" s="2" t="s">
        <v>7743</v>
      </c>
      <c r="C1256" s="4" t="s">
        <v>6</v>
      </c>
      <c r="D1256" s="5" t="s">
        <v>3896</v>
      </c>
      <c r="E1256" s="5" t="s">
        <v>7018</v>
      </c>
      <c r="F1256" s="6" t="s">
        <v>5</v>
      </c>
      <c r="G1256" s="2" t="s">
        <v>7742</v>
      </c>
      <c r="H1256" s="4" t="s">
        <v>9</v>
      </c>
      <c r="I1256" s="5" t="s">
        <v>6</v>
      </c>
      <c r="J1256" s="5" t="s">
        <v>4435</v>
      </c>
      <c r="K1256" s="5" t="s">
        <v>4420</v>
      </c>
      <c r="L1256" s="6" t="s">
        <v>5</v>
      </c>
      <c r="M1256" s="2" t="s">
        <v>7744</v>
      </c>
      <c r="N1256" s="3">
        <v>45003</v>
      </c>
      <c r="O1256" s="3">
        <v>45003</v>
      </c>
      <c r="P1256" s="3">
        <v>47391</v>
      </c>
    </row>
    <row r="1257" spans="1:16" x14ac:dyDescent="0.15">
      <c r="A1257" s="2" t="s">
        <v>49</v>
      </c>
      <c r="B1257" s="2" t="s">
        <v>7745</v>
      </c>
      <c r="C1257" s="4" t="s">
        <v>6</v>
      </c>
      <c r="D1257" s="5" t="s">
        <v>456</v>
      </c>
      <c r="E1257" s="5" t="s">
        <v>520</v>
      </c>
      <c r="F1257" s="6" t="s">
        <v>5</v>
      </c>
      <c r="G1257" s="2" t="s">
        <v>7742</v>
      </c>
      <c r="H1257" s="4" t="s">
        <v>9</v>
      </c>
      <c r="I1257" s="5" t="s">
        <v>6</v>
      </c>
      <c r="J1257" s="5" t="s">
        <v>4435</v>
      </c>
      <c r="K1257" s="5" t="s">
        <v>4420</v>
      </c>
      <c r="L1257" s="6" t="s">
        <v>5</v>
      </c>
      <c r="M1257" s="2" t="s">
        <v>7746</v>
      </c>
      <c r="N1257" s="3">
        <v>41089</v>
      </c>
      <c r="O1257" s="3">
        <v>45078</v>
      </c>
      <c r="P1257" s="3">
        <v>46904</v>
      </c>
    </row>
    <row r="1258" spans="1:16" x14ac:dyDescent="0.15">
      <c r="A1258" s="2" t="s">
        <v>49</v>
      </c>
      <c r="B1258" s="2" t="s">
        <v>4729</v>
      </c>
      <c r="C1258" s="4" t="s">
        <v>6</v>
      </c>
      <c r="D1258" s="5" t="s">
        <v>4730</v>
      </c>
      <c r="E1258" s="5" t="s">
        <v>1368</v>
      </c>
      <c r="F1258" s="6" t="s">
        <v>5</v>
      </c>
      <c r="G1258" s="2"/>
      <c r="H1258" s="4"/>
      <c r="I1258" s="5"/>
      <c r="J1258" s="5"/>
      <c r="K1258" s="5"/>
      <c r="L1258" s="6"/>
      <c r="M1258" s="2" t="s">
        <v>4731</v>
      </c>
      <c r="N1258" s="3">
        <v>40201</v>
      </c>
      <c r="O1258" s="3">
        <v>44682</v>
      </c>
      <c r="P1258" s="3">
        <v>46873</v>
      </c>
    </row>
    <row r="1259" spans="1:16" x14ac:dyDescent="0.15">
      <c r="A1259" s="2" t="s">
        <v>49</v>
      </c>
      <c r="B1259" s="2" t="s">
        <v>4732</v>
      </c>
      <c r="C1259" s="4" t="s">
        <v>6</v>
      </c>
      <c r="D1259" s="5" t="s">
        <v>608</v>
      </c>
      <c r="E1259" s="5" t="s">
        <v>3391</v>
      </c>
      <c r="F1259" s="6" t="s">
        <v>4733</v>
      </c>
      <c r="G1259" s="2"/>
      <c r="H1259" s="4"/>
      <c r="I1259" s="5"/>
      <c r="J1259" s="5"/>
      <c r="K1259" s="5"/>
      <c r="L1259" s="6"/>
      <c r="M1259" s="2" t="s">
        <v>4734</v>
      </c>
      <c r="N1259" s="3">
        <v>44646</v>
      </c>
      <c r="O1259" s="3">
        <v>44646</v>
      </c>
      <c r="P1259" s="3">
        <v>46721</v>
      </c>
    </row>
    <row r="1260" spans="1:16" x14ac:dyDescent="0.15">
      <c r="A1260" s="2" t="s">
        <v>49</v>
      </c>
      <c r="B1260" s="2" t="s">
        <v>7768</v>
      </c>
      <c r="C1260" s="4" t="s">
        <v>6</v>
      </c>
      <c r="D1260" s="5" t="s">
        <v>85</v>
      </c>
      <c r="E1260" s="5" t="s">
        <v>7769</v>
      </c>
      <c r="F1260" s="6" t="s">
        <v>7770</v>
      </c>
      <c r="G1260" s="2" t="s">
        <v>7765</v>
      </c>
      <c r="H1260" s="4" t="s">
        <v>9</v>
      </c>
      <c r="I1260" s="5" t="s">
        <v>2449</v>
      </c>
      <c r="J1260" s="5" t="s">
        <v>7766</v>
      </c>
      <c r="K1260" s="5" t="s">
        <v>7767</v>
      </c>
      <c r="L1260" s="6" t="s">
        <v>5</v>
      </c>
      <c r="M1260" s="2" t="s">
        <v>7771</v>
      </c>
      <c r="N1260" s="3">
        <v>40495</v>
      </c>
      <c r="O1260" s="3">
        <v>45047</v>
      </c>
      <c r="P1260" s="3">
        <v>47238</v>
      </c>
    </row>
    <row r="1261" spans="1:16" x14ac:dyDescent="0.15">
      <c r="A1261" s="2" t="s">
        <v>49</v>
      </c>
      <c r="B1261" s="2" t="s">
        <v>7781</v>
      </c>
      <c r="C1261" s="4" t="s">
        <v>6</v>
      </c>
      <c r="D1261" s="5" t="s">
        <v>290</v>
      </c>
      <c r="E1261" s="5" t="s">
        <v>7782</v>
      </c>
      <c r="F1261" s="6" t="s">
        <v>5</v>
      </c>
      <c r="G1261" s="2" t="s">
        <v>7779</v>
      </c>
      <c r="H1261" s="4" t="s">
        <v>9</v>
      </c>
      <c r="I1261" s="5" t="s">
        <v>6</v>
      </c>
      <c r="J1261" s="5" t="s">
        <v>3201</v>
      </c>
      <c r="K1261" s="5" t="s">
        <v>7780</v>
      </c>
      <c r="L1261" s="6" t="s">
        <v>5</v>
      </c>
      <c r="M1261" s="2" t="s">
        <v>7783</v>
      </c>
      <c r="N1261" s="3">
        <v>40802</v>
      </c>
      <c r="O1261" s="3">
        <v>45383</v>
      </c>
      <c r="P1261" s="3">
        <v>47573</v>
      </c>
    </row>
    <row r="1262" spans="1:16" x14ac:dyDescent="0.15">
      <c r="A1262" s="2" t="s">
        <v>49</v>
      </c>
      <c r="B1262" s="2" t="s">
        <v>4747</v>
      </c>
      <c r="C1262" s="4" t="s">
        <v>6</v>
      </c>
      <c r="D1262" s="5" t="s">
        <v>3019</v>
      </c>
      <c r="E1262" s="5" t="s">
        <v>4748</v>
      </c>
      <c r="F1262" s="6" t="s">
        <v>5</v>
      </c>
      <c r="G1262" s="2"/>
      <c r="H1262" s="4"/>
      <c r="I1262" s="5"/>
      <c r="J1262" s="5"/>
      <c r="K1262" s="5"/>
      <c r="L1262" s="6"/>
      <c r="M1262" s="2" t="s">
        <v>4749</v>
      </c>
      <c r="N1262" s="3">
        <v>42500</v>
      </c>
      <c r="O1262" s="3">
        <v>44682</v>
      </c>
      <c r="P1262" s="3">
        <v>46507</v>
      </c>
    </row>
    <row r="1263" spans="1:16" x14ac:dyDescent="0.15">
      <c r="A1263" s="2" t="s">
        <v>49</v>
      </c>
      <c r="B1263" s="2" t="s">
        <v>7792</v>
      </c>
      <c r="C1263" s="4" t="s">
        <v>6</v>
      </c>
      <c r="D1263" s="5" t="s">
        <v>1360</v>
      </c>
      <c r="E1263" s="5" t="s">
        <v>7793</v>
      </c>
      <c r="F1263" s="6" t="s">
        <v>5</v>
      </c>
      <c r="G1263" s="2" t="s">
        <v>7788</v>
      </c>
      <c r="H1263" s="4" t="s">
        <v>29</v>
      </c>
      <c r="I1263" s="5" t="s">
        <v>7789</v>
      </c>
      <c r="J1263" s="5" t="s">
        <v>7790</v>
      </c>
      <c r="K1263" s="5" t="s">
        <v>7791</v>
      </c>
      <c r="L1263" s="6" t="s">
        <v>5</v>
      </c>
      <c r="M1263" s="2" t="s">
        <v>7794</v>
      </c>
      <c r="N1263" s="3">
        <v>38219</v>
      </c>
      <c r="O1263" s="3">
        <v>45017</v>
      </c>
      <c r="P1263" s="3">
        <v>47208</v>
      </c>
    </row>
    <row r="1264" spans="1:16" x14ac:dyDescent="0.15">
      <c r="A1264" s="2" t="s">
        <v>49</v>
      </c>
      <c r="B1264" s="2" t="s">
        <v>7795</v>
      </c>
      <c r="C1264" s="4" t="s">
        <v>6</v>
      </c>
      <c r="D1264" s="5" t="s">
        <v>3361</v>
      </c>
      <c r="E1264" s="5" t="s">
        <v>7796</v>
      </c>
      <c r="F1264" s="6" t="s">
        <v>5</v>
      </c>
      <c r="G1264" s="2" t="s">
        <v>7788</v>
      </c>
      <c r="H1264" s="4" t="s">
        <v>29</v>
      </c>
      <c r="I1264" s="5" t="s">
        <v>7789</v>
      </c>
      <c r="J1264" s="5" t="s">
        <v>7790</v>
      </c>
      <c r="K1264" s="5" t="s">
        <v>7791</v>
      </c>
      <c r="L1264" s="6" t="s">
        <v>5</v>
      </c>
      <c r="M1264" s="2" t="s">
        <v>7797</v>
      </c>
      <c r="N1264" s="3">
        <v>42731</v>
      </c>
      <c r="O1264" s="3">
        <v>45047</v>
      </c>
      <c r="P1264" s="3">
        <v>47238</v>
      </c>
    </row>
    <row r="1265" spans="1:16" x14ac:dyDescent="0.15">
      <c r="A1265" s="2" t="s">
        <v>49</v>
      </c>
      <c r="B1265" s="2" t="s">
        <v>4759</v>
      </c>
      <c r="C1265" s="4" t="s">
        <v>6</v>
      </c>
      <c r="D1265" s="5" t="s">
        <v>247</v>
      </c>
      <c r="E1265" s="5" t="s">
        <v>1540</v>
      </c>
      <c r="F1265" s="6" t="s">
        <v>4760</v>
      </c>
      <c r="G1265" s="2"/>
      <c r="H1265" s="4"/>
      <c r="I1265" s="5"/>
      <c r="J1265" s="5"/>
      <c r="K1265" s="5"/>
      <c r="L1265" s="6"/>
      <c r="M1265" s="2" t="s">
        <v>4761</v>
      </c>
      <c r="N1265" s="3">
        <v>44651</v>
      </c>
      <c r="O1265" s="3">
        <v>44651</v>
      </c>
      <c r="P1265" s="3">
        <v>46538</v>
      </c>
    </row>
    <row r="1266" spans="1:16" x14ac:dyDescent="0.15">
      <c r="A1266" s="2" t="s">
        <v>49</v>
      </c>
      <c r="B1266" s="2" t="s">
        <v>7798</v>
      </c>
      <c r="C1266" s="4" t="s">
        <v>6</v>
      </c>
      <c r="D1266" s="5" t="s">
        <v>3361</v>
      </c>
      <c r="E1266" s="5" t="s">
        <v>7796</v>
      </c>
      <c r="F1266" s="6" t="s">
        <v>5</v>
      </c>
      <c r="G1266" s="2" t="s">
        <v>7788</v>
      </c>
      <c r="H1266" s="4" t="s">
        <v>29</v>
      </c>
      <c r="I1266" s="5" t="s">
        <v>7789</v>
      </c>
      <c r="J1266" s="5" t="s">
        <v>7790</v>
      </c>
      <c r="K1266" s="5" t="s">
        <v>7791</v>
      </c>
      <c r="L1266" s="6" t="s">
        <v>5</v>
      </c>
      <c r="M1266" s="2" t="s">
        <v>7799</v>
      </c>
      <c r="N1266" s="3">
        <v>42731</v>
      </c>
      <c r="O1266" s="3">
        <v>45047</v>
      </c>
      <c r="P1266" s="3">
        <v>47238</v>
      </c>
    </row>
    <row r="1267" spans="1:16" x14ac:dyDescent="0.15">
      <c r="A1267" s="2" t="s">
        <v>49</v>
      </c>
      <c r="B1267" s="2" t="s">
        <v>7805</v>
      </c>
      <c r="C1267" s="4" t="s">
        <v>6</v>
      </c>
      <c r="D1267" s="5" t="s">
        <v>1360</v>
      </c>
      <c r="E1267" s="5" t="s">
        <v>7806</v>
      </c>
      <c r="F1267" s="6" t="s">
        <v>5</v>
      </c>
      <c r="G1267" s="2" t="s">
        <v>7804</v>
      </c>
      <c r="H1267" s="4" t="s">
        <v>9</v>
      </c>
      <c r="I1267" s="5" t="s">
        <v>6</v>
      </c>
      <c r="J1267" s="5" t="s">
        <v>7380</v>
      </c>
      <c r="K1267" s="5" t="s">
        <v>6664</v>
      </c>
      <c r="L1267" s="6" t="s">
        <v>5</v>
      </c>
      <c r="M1267" s="2" t="s">
        <v>7807</v>
      </c>
      <c r="N1267" s="3">
        <v>35873</v>
      </c>
      <c r="O1267" s="3">
        <v>45017</v>
      </c>
      <c r="P1267" s="3">
        <v>46843</v>
      </c>
    </row>
    <row r="1268" spans="1:16" x14ac:dyDescent="0.15">
      <c r="A1268" s="2" t="s">
        <v>49</v>
      </c>
      <c r="B1268" s="2" t="s">
        <v>7810</v>
      </c>
      <c r="C1268" s="4" t="s">
        <v>6</v>
      </c>
      <c r="D1268" s="5" t="s">
        <v>2978</v>
      </c>
      <c r="E1268" s="5" t="s">
        <v>7811</v>
      </c>
      <c r="F1268" s="6" t="s">
        <v>5</v>
      </c>
      <c r="G1268" s="2" t="s">
        <v>7808</v>
      </c>
      <c r="H1268" s="4" t="s">
        <v>3664</v>
      </c>
      <c r="I1268" s="5" t="s">
        <v>3665</v>
      </c>
      <c r="J1268" s="5" t="s">
        <v>7809</v>
      </c>
      <c r="K1268" s="5" t="s">
        <v>727</v>
      </c>
      <c r="L1268" s="6" t="s">
        <v>5</v>
      </c>
      <c r="M1268" s="2" t="s">
        <v>7812</v>
      </c>
      <c r="N1268" s="3">
        <v>42641</v>
      </c>
      <c r="O1268" s="3">
        <v>45017</v>
      </c>
      <c r="P1268" s="3">
        <v>47208</v>
      </c>
    </row>
    <row r="1269" spans="1:16" x14ac:dyDescent="0.15">
      <c r="A1269" s="2" t="s">
        <v>49</v>
      </c>
      <c r="B1269" s="2" t="s">
        <v>4772</v>
      </c>
      <c r="C1269" s="4" t="s">
        <v>6</v>
      </c>
      <c r="D1269" s="5" t="s">
        <v>4771</v>
      </c>
      <c r="E1269" s="5" t="s">
        <v>3760</v>
      </c>
      <c r="F1269" s="6" t="s">
        <v>5</v>
      </c>
      <c r="G1269" s="2"/>
      <c r="H1269" s="4"/>
      <c r="I1269" s="5"/>
      <c r="J1269" s="5"/>
      <c r="K1269" s="5"/>
      <c r="L1269" s="6"/>
      <c r="M1269" s="2" t="s">
        <v>4773</v>
      </c>
      <c r="N1269" s="3">
        <v>37369</v>
      </c>
      <c r="O1269" s="3">
        <v>44682</v>
      </c>
      <c r="P1269" s="3">
        <v>46507</v>
      </c>
    </row>
    <row r="1270" spans="1:16" x14ac:dyDescent="0.15">
      <c r="A1270" s="2" t="s">
        <v>16</v>
      </c>
      <c r="B1270" s="2" t="s">
        <v>4775</v>
      </c>
      <c r="C1270" s="4" t="s">
        <v>6</v>
      </c>
      <c r="D1270" s="5" t="s">
        <v>4774</v>
      </c>
      <c r="E1270" s="5" t="s">
        <v>4742</v>
      </c>
      <c r="F1270" s="6" t="s">
        <v>5</v>
      </c>
      <c r="G1270" s="2"/>
      <c r="H1270" s="4"/>
      <c r="I1270" s="5"/>
      <c r="J1270" s="5"/>
      <c r="K1270" s="5"/>
      <c r="L1270" s="6"/>
      <c r="M1270" s="2" t="s">
        <v>4776</v>
      </c>
      <c r="N1270" s="3">
        <v>32875</v>
      </c>
      <c r="O1270" s="3">
        <v>44652</v>
      </c>
      <c r="P1270" s="3">
        <v>46477</v>
      </c>
    </row>
    <row r="1271" spans="1:16" x14ac:dyDescent="0.15">
      <c r="A1271" s="2" t="s">
        <v>49</v>
      </c>
      <c r="B1271" s="2" t="s">
        <v>4779</v>
      </c>
      <c r="C1271" s="4" t="s">
        <v>6</v>
      </c>
      <c r="D1271" s="5" t="s">
        <v>4777</v>
      </c>
      <c r="E1271" s="5" t="s">
        <v>4778</v>
      </c>
      <c r="F1271" s="6" t="s">
        <v>5</v>
      </c>
      <c r="G1271" s="2"/>
      <c r="H1271" s="4"/>
      <c r="I1271" s="5"/>
      <c r="J1271" s="5"/>
      <c r="K1271" s="5"/>
      <c r="L1271" s="6"/>
      <c r="M1271" s="2" t="s">
        <v>4780</v>
      </c>
      <c r="N1271" s="3">
        <v>41030</v>
      </c>
      <c r="O1271" s="3">
        <v>44682</v>
      </c>
      <c r="P1271" s="3">
        <v>46507</v>
      </c>
    </row>
    <row r="1272" spans="1:16" x14ac:dyDescent="0.15">
      <c r="A1272" s="2" t="s">
        <v>49</v>
      </c>
      <c r="B1272" s="2" t="s">
        <v>4781</v>
      </c>
      <c r="C1272" s="4" t="s">
        <v>6</v>
      </c>
      <c r="D1272" s="5" t="s">
        <v>253</v>
      </c>
      <c r="E1272" s="5" t="s">
        <v>1265</v>
      </c>
      <c r="F1272" s="6" t="s">
        <v>4782</v>
      </c>
      <c r="G1272" s="2"/>
      <c r="H1272" s="4"/>
      <c r="I1272" s="5"/>
      <c r="J1272" s="5"/>
      <c r="K1272" s="5"/>
      <c r="L1272" s="6"/>
      <c r="M1272" s="2" t="s">
        <v>4783</v>
      </c>
      <c r="N1272" s="3">
        <v>40385</v>
      </c>
      <c r="O1272" s="3">
        <v>44713</v>
      </c>
      <c r="P1272" s="3">
        <v>46538</v>
      </c>
    </row>
    <row r="1273" spans="1:16" x14ac:dyDescent="0.15">
      <c r="A1273" s="2" t="s">
        <v>49</v>
      </c>
      <c r="B1273" s="2" t="s">
        <v>7815</v>
      </c>
      <c r="C1273" s="4" t="s">
        <v>6</v>
      </c>
      <c r="D1273" s="5" t="s">
        <v>270</v>
      </c>
      <c r="E1273" s="5" t="s">
        <v>7816</v>
      </c>
      <c r="F1273" s="6" t="s">
        <v>5</v>
      </c>
      <c r="G1273" s="2" t="s">
        <v>7813</v>
      </c>
      <c r="H1273" s="4" t="s">
        <v>29</v>
      </c>
      <c r="I1273" s="5" t="s">
        <v>1887</v>
      </c>
      <c r="J1273" s="5" t="s">
        <v>7814</v>
      </c>
      <c r="K1273" s="5" t="s">
        <v>1536</v>
      </c>
      <c r="L1273" s="6" t="s">
        <v>5</v>
      </c>
      <c r="M1273" s="2" t="s">
        <v>7817</v>
      </c>
      <c r="N1273" s="3">
        <v>42783</v>
      </c>
      <c r="O1273" s="3">
        <v>45017</v>
      </c>
      <c r="P1273" s="3">
        <v>47208</v>
      </c>
    </row>
    <row r="1274" spans="1:16" x14ac:dyDescent="0.15">
      <c r="A1274" s="2" t="s">
        <v>49</v>
      </c>
      <c r="B1274" s="2" t="s">
        <v>7820</v>
      </c>
      <c r="C1274" s="4" t="s">
        <v>6</v>
      </c>
      <c r="D1274" s="5" t="s">
        <v>270</v>
      </c>
      <c r="E1274" s="5" t="s">
        <v>7819</v>
      </c>
      <c r="F1274" s="6" t="s">
        <v>5</v>
      </c>
      <c r="G1274" s="2" t="s">
        <v>7818</v>
      </c>
      <c r="H1274" s="4" t="s">
        <v>9</v>
      </c>
      <c r="I1274" s="5" t="s">
        <v>6</v>
      </c>
      <c r="J1274" s="5" t="s">
        <v>270</v>
      </c>
      <c r="K1274" s="5" t="s">
        <v>7819</v>
      </c>
      <c r="L1274" s="6" t="s">
        <v>5</v>
      </c>
      <c r="M1274" s="2" t="s">
        <v>7821</v>
      </c>
      <c r="N1274" s="3">
        <v>36271</v>
      </c>
      <c r="O1274" s="3">
        <v>45017</v>
      </c>
      <c r="P1274" s="3">
        <v>47208</v>
      </c>
    </row>
    <row r="1275" spans="1:16" x14ac:dyDescent="0.15">
      <c r="A1275" s="2" t="s">
        <v>49</v>
      </c>
      <c r="B1275" s="2" t="s">
        <v>4792</v>
      </c>
      <c r="C1275" s="4" t="s">
        <v>6</v>
      </c>
      <c r="D1275" s="5" t="s">
        <v>1250</v>
      </c>
      <c r="E1275" s="5" t="s">
        <v>4793</v>
      </c>
      <c r="F1275" s="6" t="s">
        <v>5</v>
      </c>
      <c r="G1275" s="2"/>
      <c r="H1275" s="4"/>
      <c r="I1275" s="5"/>
      <c r="J1275" s="5"/>
      <c r="K1275" s="5"/>
      <c r="L1275" s="6"/>
      <c r="M1275" s="2" t="s">
        <v>4794</v>
      </c>
      <c r="N1275" s="3">
        <v>37368</v>
      </c>
      <c r="O1275" s="3">
        <v>44652</v>
      </c>
      <c r="P1275" s="3">
        <v>46843</v>
      </c>
    </row>
    <row r="1276" spans="1:16" x14ac:dyDescent="0.15">
      <c r="A1276" s="2" t="s">
        <v>49</v>
      </c>
      <c r="B1276" s="2" t="s">
        <v>4795</v>
      </c>
      <c r="C1276" s="4" t="s">
        <v>6</v>
      </c>
      <c r="D1276" s="5" t="s">
        <v>1250</v>
      </c>
      <c r="E1276" s="5" t="s">
        <v>4796</v>
      </c>
      <c r="F1276" s="6" t="s">
        <v>4797</v>
      </c>
      <c r="G1276" s="2"/>
      <c r="H1276" s="4"/>
      <c r="I1276" s="5"/>
      <c r="J1276" s="5"/>
      <c r="K1276" s="5"/>
      <c r="L1276" s="6"/>
      <c r="M1276" s="2" t="s">
        <v>4798</v>
      </c>
      <c r="N1276" s="3">
        <v>40988</v>
      </c>
      <c r="O1276" s="3">
        <v>45383</v>
      </c>
      <c r="P1276" s="3">
        <v>47573</v>
      </c>
    </row>
    <row r="1277" spans="1:16" x14ac:dyDescent="0.15">
      <c r="A1277" s="2" t="s">
        <v>49</v>
      </c>
      <c r="B1277" s="2" t="s">
        <v>4799</v>
      </c>
      <c r="C1277" s="4" t="s">
        <v>6</v>
      </c>
      <c r="D1277" s="5" t="s">
        <v>4800</v>
      </c>
      <c r="E1277" s="5" t="s">
        <v>5</v>
      </c>
      <c r="F1277" s="6" t="s">
        <v>4801</v>
      </c>
      <c r="G1277" s="2"/>
      <c r="H1277" s="4"/>
      <c r="I1277" s="5"/>
      <c r="J1277" s="5"/>
      <c r="K1277" s="5"/>
      <c r="L1277" s="6"/>
      <c r="M1277" s="2" t="s">
        <v>4802</v>
      </c>
      <c r="N1277" s="3">
        <v>42646</v>
      </c>
      <c r="O1277" s="3">
        <v>44682</v>
      </c>
      <c r="P1277" s="3">
        <v>46507</v>
      </c>
    </row>
    <row r="1278" spans="1:16" x14ac:dyDescent="0.15">
      <c r="A1278" s="2" t="s">
        <v>16</v>
      </c>
      <c r="B1278" s="2" t="s">
        <v>4799</v>
      </c>
      <c r="C1278" s="4" t="s">
        <v>6</v>
      </c>
      <c r="D1278" s="5" t="s">
        <v>4800</v>
      </c>
      <c r="E1278" s="5" t="s">
        <v>5</v>
      </c>
      <c r="F1278" s="6" t="s">
        <v>4801</v>
      </c>
      <c r="G1278" s="2"/>
      <c r="H1278" s="4"/>
      <c r="I1278" s="5"/>
      <c r="J1278" s="5"/>
      <c r="K1278" s="5"/>
      <c r="L1278" s="6"/>
      <c r="M1278" s="2" t="s">
        <v>4803</v>
      </c>
      <c r="N1278" s="3">
        <v>42646</v>
      </c>
      <c r="O1278" s="3">
        <v>44682</v>
      </c>
      <c r="P1278" s="3">
        <v>46507</v>
      </c>
    </row>
    <row r="1279" spans="1:16" x14ac:dyDescent="0.15">
      <c r="A1279" s="2" t="s">
        <v>16</v>
      </c>
      <c r="B1279" s="2" t="s">
        <v>4804</v>
      </c>
      <c r="C1279" s="4" t="s">
        <v>6</v>
      </c>
      <c r="D1279" s="5" t="s">
        <v>4805</v>
      </c>
      <c r="E1279" s="5" t="s">
        <v>4806</v>
      </c>
      <c r="F1279" s="6" t="s">
        <v>5</v>
      </c>
      <c r="G1279" s="2"/>
      <c r="H1279" s="4"/>
      <c r="I1279" s="5"/>
      <c r="J1279" s="5"/>
      <c r="K1279" s="5"/>
      <c r="L1279" s="6"/>
      <c r="M1279" s="2" t="s">
        <v>4807</v>
      </c>
      <c r="N1279" s="3">
        <v>44656</v>
      </c>
      <c r="O1279" s="3">
        <v>44656</v>
      </c>
      <c r="P1279" s="3">
        <v>46843</v>
      </c>
    </row>
    <row r="1280" spans="1:16" x14ac:dyDescent="0.15">
      <c r="A1280" s="2" t="s">
        <v>49</v>
      </c>
      <c r="B1280" s="2" t="s">
        <v>4808</v>
      </c>
      <c r="C1280" s="4" t="s">
        <v>6</v>
      </c>
      <c r="D1280" s="5" t="s">
        <v>4809</v>
      </c>
      <c r="E1280" s="5" t="s">
        <v>4810</v>
      </c>
      <c r="F1280" s="6" t="s">
        <v>5</v>
      </c>
      <c r="G1280" s="2"/>
      <c r="H1280" s="4"/>
      <c r="I1280" s="5"/>
      <c r="J1280" s="5"/>
      <c r="K1280" s="5"/>
      <c r="L1280" s="6"/>
      <c r="M1280" s="2" t="s">
        <v>4811</v>
      </c>
      <c r="N1280" s="3">
        <v>44668</v>
      </c>
      <c r="O1280" s="3">
        <v>44668</v>
      </c>
      <c r="P1280" s="3">
        <v>46660</v>
      </c>
    </row>
    <row r="1281" spans="1:16" x14ac:dyDescent="0.15">
      <c r="A1281" s="2" t="s">
        <v>49</v>
      </c>
      <c r="B1281" s="2" t="s">
        <v>4812</v>
      </c>
      <c r="C1281" s="4" t="s">
        <v>6</v>
      </c>
      <c r="D1281" s="5" t="s">
        <v>815</v>
      </c>
      <c r="E1281" s="5" t="s">
        <v>492</v>
      </c>
      <c r="F1281" s="6" t="s">
        <v>4813</v>
      </c>
      <c r="G1281" s="2"/>
      <c r="H1281" s="4"/>
      <c r="I1281" s="5"/>
      <c r="J1281" s="5"/>
      <c r="K1281" s="5"/>
      <c r="L1281" s="6"/>
      <c r="M1281" s="2" t="s">
        <v>4814</v>
      </c>
      <c r="N1281" s="3">
        <v>44659</v>
      </c>
      <c r="O1281" s="3">
        <v>44659</v>
      </c>
      <c r="P1281" s="3">
        <v>47026</v>
      </c>
    </row>
    <row r="1282" spans="1:16" x14ac:dyDescent="0.15">
      <c r="A1282" s="2" t="s">
        <v>49</v>
      </c>
      <c r="B1282" s="2" t="s">
        <v>4815</v>
      </c>
      <c r="C1282" s="4" t="s">
        <v>6</v>
      </c>
      <c r="D1282" s="5" t="s">
        <v>4816</v>
      </c>
      <c r="E1282" s="5" t="s">
        <v>5</v>
      </c>
      <c r="F1282" s="6" t="s">
        <v>4817</v>
      </c>
      <c r="G1282" s="2"/>
      <c r="H1282" s="4"/>
      <c r="I1282" s="5"/>
      <c r="J1282" s="5"/>
      <c r="K1282" s="5"/>
      <c r="L1282" s="6"/>
      <c r="M1282" s="2" t="s">
        <v>4818</v>
      </c>
      <c r="N1282" s="3">
        <v>42201</v>
      </c>
      <c r="O1282" s="3">
        <v>44713</v>
      </c>
      <c r="P1282" s="3">
        <v>46904</v>
      </c>
    </row>
    <row r="1283" spans="1:16" x14ac:dyDescent="0.15">
      <c r="A1283" s="2" t="s">
        <v>49</v>
      </c>
      <c r="B1283" s="2" t="s">
        <v>7824</v>
      </c>
      <c r="C1283" s="4" t="s">
        <v>6</v>
      </c>
      <c r="D1283" s="5" t="s">
        <v>207</v>
      </c>
      <c r="E1283" s="5" t="s">
        <v>7825</v>
      </c>
      <c r="F1283" s="6" t="s">
        <v>5</v>
      </c>
      <c r="G1283" s="2" t="s">
        <v>7822</v>
      </c>
      <c r="H1283" s="4" t="s">
        <v>9</v>
      </c>
      <c r="I1283" s="5" t="s">
        <v>6</v>
      </c>
      <c r="J1283" s="5" t="s">
        <v>207</v>
      </c>
      <c r="K1283" s="5" t="s">
        <v>7823</v>
      </c>
      <c r="L1283" s="6" t="s">
        <v>5</v>
      </c>
      <c r="M1283" s="2" t="s">
        <v>7826</v>
      </c>
      <c r="N1283" s="3">
        <v>35364</v>
      </c>
      <c r="O1283" s="3">
        <v>45047</v>
      </c>
      <c r="P1283" s="3">
        <v>47238</v>
      </c>
    </row>
    <row r="1284" spans="1:16" x14ac:dyDescent="0.15">
      <c r="A1284" s="2" t="s">
        <v>49</v>
      </c>
      <c r="B1284" s="2" t="s">
        <v>7845</v>
      </c>
      <c r="C1284" s="4" t="s">
        <v>6</v>
      </c>
      <c r="D1284" s="5" t="s">
        <v>3949</v>
      </c>
      <c r="E1284" s="5" t="s">
        <v>7290</v>
      </c>
      <c r="F1284" s="6" t="s">
        <v>5</v>
      </c>
      <c r="G1284" s="2" t="s">
        <v>7841</v>
      </c>
      <c r="H1284" s="4" t="s">
        <v>724</v>
      </c>
      <c r="I1284" s="5" t="s">
        <v>7842</v>
      </c>
      <c r="J1284" s="5" t="s">
        <v>7843</v>
      </c>
      <c r="K1284" s="5" t="s">
        <v>7844</v>
      </c>
      <c r="L1284" s="6" t="s">
        <v>5</v>
      </c>
      <c r="M1284" s="2" t="s">
        <v>7846</v>
      </c>
      <c r="N1284" s="3">
        <v>36641</v>
      </c>
      <c r="O1284" s="3">
        <v>45017</v>
      </c>
      <c r="P1284" s="3">
        <v>47208</v>
      </c>
    </row>
    <row r="1285" spans="1:16" x14ac:dyDescent="0.15">
      <c r="A1285" s="2" t="s">
        <v>49</v>
      </c>
      <c r="B1285" s="2" t="s">
        <v>4828</v>
      </c>
      <c r="C1285" s="4" t="s">
        <v>6</v>
      </c>
      <c r="D1285" s="5" t="s">
        <v>464</v>
      </c>
      <c r="E1285" s="5" t="s">
        <v>4829</v>
      </c>
      <c r="F1285" s="6" t="s">
        <v>4830</v>
      </c>
      <c r="G1285" s="2"/>
      <c r="H1285" s="4"/>
      <c r="I1285" s="5"/>
      <c r="J1285" s="5"/>
      <c r="K1285" s="5"/>
      <c r="L1285" s="6"/>
      <c r="M1285" s="2" t="s">
        <v>4831</v>
      </c>
      <c r="N1285" s="3">
        <v>38474</v>
      </c>
      <c r="O1285" s="3">
        <v>44713</v>
      </c>
      <c r="P1285" s="3">
        <v>46904</v>
      </c>
    </row>
    <row r="1286" spans="1:16" x14ac:dyDescent="0.15">
      <c r="A1286" s="2" t="s">
        <v>49</v>
      </c>
      <c r="B1286" s="2" t="s">
        <v>4832</v>
      </c>
      <c r="C1286" s="4" t="s">
        <v>6</v>
      </c>
      <c r="D1286" s="5" t="s">
        <v>253</v>
      </c>
      <c r="E1286" s="5" t="s">
        <v>4833</v>
      </c>
      <c r="F1286" s="6" t="s">
        <v>4834</v>
      </c>
      <c r="G1286" s="2"/>
      <c r="H1286" s="4"/>
      <c r="I1286" s="5"/>
      <c r="J1286" s="5"/>
      <c r="K1286" s="5"/>
      <c r="L1286" s="6"/>
      <c r="M1286" s="2" t="s">
        <v>4835</v>
      </c>
      <c r="N1286" s="3">
        <v>34918</v>
      </c>
      <c r="O1286" s="3">
        <v>44713</v>
      </c>
      <c r="P1286" s="3">
        <v>46904</v>
      </c>
    </row>
    <row r="1287" spans="1:16" x14ac:dyDescent="0.15">
      <c r="A1287" s="2" t="s">
        <v>49</v>
      </c>
      <c r="B1287" s="2" t="s">
        <v>4836</v>
      </c>
      <c r="C1287" s="4" t="s">
        <v>6</v>
      </c>
      <c r="D1287" s="5" t="s">
        <v>378</v>
      </c>
      <c r="E1287" s="5" t="s">
        <v>4837</v>
      </c>
      <c r="F1287" s="6" t="s">
        <v>4838</v>
      </c>
      <c r="G1287" s="2"/>
      <c r="H1287" s="4"/>
      <c r="I1287" s="5"/>
      <c r="J1287" s="5"/>
      <c r="K1287" s="5"/>
      <c r="L1287" s="6"/>
      <c r="M1287" s="2" t="s">
        <v>4839</v>
      </c>
      <c r="N1287" s="3">
        <v>29822</v>
      </c>
      <c r="O1287" s="3">
        <v>44713</v>
      </c>
      <c r="P1287" s="3">
        <v>46538</v>
      </c>
    </row>
    <row r="1288" spans="1:16" x14ac:dyDescent="0.15">
      <c r="A1288" s="2" t="s">
        <v>49</v>
      </c>
      <c r="B1288" s="2" t="s">
        <v>7847</v>
      </c>
      <c r="C1288" s="4" t="s">
        <v>6</v>
      </c>
      <c r="D1288" s="5" t="s">
        <v>689</v>
      </c>
      <c r="E1288" s="5" t="s">
        <v>690</v>
      </c>
      <c r="F1288" s="6" t="s">
        <v>5</v>
      </c>
      <c r="G1288" s="2" t="s">
        <v>7841</v>
      </c>
      <c r="H1288" s="4" t="s">
        <v>724</v>
      </c>
      <c r="I1288" s="5" t="s">
        <v>7842</v>
      </c>
      <c r="J1288" s="5" t="s">
        <v>7843</v>
      </c>
      <c r="K1288" s="5" t="s">
        <v>7844</v>
      </c>
      <c r="L1288" s="6" t="s">
        <v>5</v>
      </c>
      <c r="M1288" s="2" t="s">
        <v>7848</v>
      </c>
      <c r="N1288" s="3">
        <v>34044</v>
      </c>
      <c r="O1288" s="3">
        <v>45047</v>
      </c>
      <c r="P1288" s="3">
        <v>47238</v>
      </c>
    </row>
    <row r="1289" spans="1:16" x14ac:dyDescent="0.15">
      <c r="A1289" s="2" t="s">
        <v>49</v>
      </c>
      <c r="B1289" s="2" t="s">
        <v>4846</v>
      </c>
      <c r="C1289" s="4" t="s">
        <v>6</v>
      </c>
      <c r="D1289" s="5" t="s">
        <v>247</v>
      </c>
      <c r="E1289" s="5" t="s">
        <v>3992</v>
      </c>
      <c r="F1289" s="6" t="s">
        <v>4847</v>
      </c>
      <c r="G1289" s="2"/>
      <c r="H1289" s="4"/>
      <c r="I1289" s="5"/>
      <c r="J1289" s="5"/>
      <c r="K1289" s="5"/>
      <c r="L1289" s="6"/>
      <c r="M1289" s="2" t="s">
        <v>4848</v>
      </c>
      <c r="N1289" s="3">
        <v>40276</v>
      </c>
      <c r="O1289" s="3">
        <v>44713</v>
      </c>
      <c r="P1289" s="3">
        <v>46904</v>
      </c>
    </row>
    <row r="1290" spans="1:16" x14ac:dyDescent="0.15">
      <c r="A1290" s="2" t="s">
        <v>49</v>
      </c>
      <c r="B1290" s="2" t="s">
        <v>7861</v>
      </c>
      <c r="C1290" s="4" t="s">
        <v>6</v>
      </c>
      <c r="D1290" s="5" t="s">
        <v>1186</v>
      </c>
      <c r="E1290" s="5" t="s">
        <v>7860</v>
      </c>
      <c r="F1290" s="6" t="s">
        <v>5</v>
      </c>
      <c r="G1290" s="2" t="s">
        <v>7859</v>
      </c>
      <c r="H1290" s="4" t="s">
        <v>9</v>
      </c>
      <c r="I1290" s="5" t="s">
        <v>6</v>
      </c>
      <c r="J1290" s="5" t="s">
        <v>1186</v>
      </c>
      <c r="K1290" s="5" t="s">
        <v>7860</v>
      </c>
      <c r="L1290" s="6" t="s">
        <v>5</v>
      </c>
      <c r="M1290" s="2" t="s">
        <v>7862</v>
      </c>
      <c r="N1290" s="3">
        <v>42511</v>
      </c>
      <c r="O1290" s="3">
        <v>45017</v>
      </c>
      <c r="P1290" s="3">
        <v>47208</v>
      </c>
    </row>
    <row r="1291" spans="1:16" x14ac:dyDescent="0.15">
      <c r="A1291" s="2" t="s">
        <v>49</v>
      </c>
      <c r="B1291" s="2" t="s">
        <v>7867</v>
      </c>
      <c r="C1291" s="4" t="s">
        <v>6</v>
      </c>
      <c r="D1291" s="5" t="s">
        <v>2356</v>
      </c>
      <c r="E1291" s="5" t="s">
        <v>7866</v>
      </c>
      <c r="F1291" s="6" t="s">
        <v>5</v>
      </c>
      <c r="G1291" s="2" t="s">
        <v>7865</v>
      </c>
      <c r="H1291" s="4" t="s">
        <v>9</v>
      </c>
      <c r="I1291" s="5" t="s">
        <v>6</v>
      </c>
      <c r="J1291" s="5" t="s">
        <v>2356</v>
      </c>
      <c r="K1291" s="5" t="s">
        <v>7866</v>
      </c>
      <c r="L1291" s="6" t="s">
        <v>5</v>
      </c>
      <c r="M1291" s="2" t="s">
        <v>7868</v>
      </c>
      <c r="N1291" s="3">
        <v>38105</v>
      </c>
      <c r="O1291" s="3">
        <v>45017</v>
      </c>
      <c r="P1291" s="3">
        <v>47208</v>
      </c>
    </row>
    <row r="1292" spans="1:16" x14ac:dyDescent="0.15">
      <c r="A1292" s="2" t="s">
        <v>49</v>
      </c>
      <c r="B1292" s="2" t="s">
        <v>7878</v>
      </c>
      <c r="C1292" s="4" t="s">
        <v>6</v>
      </c>
      <c r="D1292" s="5" t="s">
        <v>174</v>
      </c>
      <c r="E1292" s="5" t="s">
        <v>175</v>
      </c>
      <c r="F1292" s="6" t="s">
        <v>7879</v>
      </c>
      <c r="G1292" s="2" t="s">
        <v>7874</v>
      </c>
      <c r="H1292" s="4" t="s">
        <v>29</v>
      </c>
      <c r="I1292" s="5" t="s">
        <v>7875</v>
      </c>
      <c r="J1292" s="5" t="s">
        <v>7876</v>
      </c>
      <c r="K1292" s="5" t="s">
        <v>7877</v>
      </c>
      <c r="L1292" s="6" t="s">
        <v>5</v>
      </c>
      <c r="M1292" s="2" t="s">
        <v>7880</v>
      </c>
      <c r="N1292" s="3">
        <v>45023</v>
      </c>
      <c r="O1292" s="3">
        <v>45023</v>
      </c>
      <c r="P1292" s="3">
        <v>47391</v>
      </c>
    </row>
    <row r="1293" spans="1:16" x14ac:dyDescent="0.15">
      <c r="A1293" s="2" t="s">
        <v>49</v>
      </c>
      <c r="B1293" s="2" t="s">
        <v>7894</v>
      </c>
      <c r="C1293" s="4" t="s">
        <v>6</v>
      </c>
      <c r="D1293" s="5" t="s">
        <v>1186</v>
      </c>
      <c r="E1293" s="5" t="s">
        <v>3782</v>
      </c>
      <c r="F1293" s="6" t="s">
        <v>5</v>
      </c>
      <c r="G1293" s="2" t="s">
        <v>7891</v>
      </c>
      <c r="H1293" s="4" t="s">
        <v>685</v>
      </c>
      <c r="I1293" s="5" t="s">
        <v>686</v>
      </c>
      <c r="J1293" s="5" t="s">
        <v>7892</v>
      </c>
      <c r="K1293" s="5" t="s">
        <v>7893</v>
      </c>
      <c r="L1293" s="6" t="s">
        <v>5</v>
      </c>
      <c r="M1293" s="2" t="s">
        <v>7895</v>
      </c>
      <c r="N1293" s="3">
        <v>40397</v>
      </c>
      <c r="O1293" s="3">
        <v>45017</v>
      </c>
      <c r="P1293" s="3">
        <v>47208</v>
      </c>
    </row>
    <row r="1294" spans="1:16" x14ac:dyDescent="0.15">
      <c r="A1294" s="2" t="s">
        <v>49</v>
      </c>
      <c r="B1294" s="2" t="s">
        <v>4865</v>
      </c>
      <c r="C1294" s="4" t="s">
        <v>6</v>
      </c>
      <c r="D1294" s="5" t="s">
        <v>4863</v>
      </c>
      <c r="E1294" s="5" t="s">
        <v>4864</v>
      </c>
      <c r="F1294" s="6" t="s">
        <v>5</v>
      </c>
      <c r="G1294" s="2"/>
      <c r="H1294" s="4"/>
      <c r="I1294" s="5"/>
      <c r="J1294" s="5"/>
      <c r="K1294" s="5"/>
      <c r="L1294" s="6"/>
      <c r="M1294" s="2" t="s">
        <v>4866</v>
      </c>
      <c r="N1294" s="3">
        <v>32846</v>
      </c>
      <c r="O1294" s="3">
        <v>44682</v>
      </c>
      <c r="P1294" s="3">
        <v>46507</v>
      </c>
    </row>
    <row r="1295" spans="1:16" x14ac:dyDescent="0.15">
      <c r="A1295" s="2" t="s">
        <v>49</v>
      </c>
      <c r="B1295" s="2" t="s">
        <v>4867</v>
      </c>
      <c r="C1295" s="4" t="s">
        <v>6</v>
      </c>
      <c r="D1295" s="5" t="s">
        <v>848</v>
      </c>
      <c r="E1295" s="5" t="s">
        <v>4868</v>
      </c>
      <c r="F1295" s="6" t="s">
        <v>4869</v>
      </c>
      <c r="G1295" s="2"/>
      <c r="H1295" s="4"/>
      <c r="I1295" s="5"/>
      <c r="J1295" s="5"/>
      <c r="K1295" s="5"/>
      <c r="L1295" s="6"/>
      <c r="M1295" s="2" t="s">
        <v>4870</v>
      </c>
      <c r="N1295" s="3">
        <v>37132</v>
      </c>
      <c r="O1295" s="3">
        <v>44713</v>
      </c>
      <c r="P1295" s="3">
        <v>46538</v>
      </c>
    </row>
    <row r="1296" spans="1:16" x14ac:dyDescent="0.15">
      <c r="A1296" s="2" t="s">
        <v>49</v>
      </c>
      <c r="B1296" s="2" t="s">
        <v>7898</v>
      </c>
      <c r="C1296" s="4" t="s">
        <v>6</v>
      </c>
      <c r="D1296" s="5" t="s">
        <v>301</v>
      </c>
      <c r="E1296" s="5" t="s">
        <v>7897</v>
      </c>
      <c r="F1296" s="6" t="s">
        <v>5</v>
      </c>
      <c r="G1296" s="2" t="s">
        <v>7896</v>
      </c>
      <c r="H1296" s="4" t="s">
        <v>9</v>
      </c>
      <c r="I1296" s="5" t="s">
        <v>6</v>
      </c>
      <c r="J1296" s="5" t="s">
        <v>301</v>
      </c>
      <c r="K1296" s="5" t="s">
        <v>7897</v>
      </c>
      <c r="L1296" s="6" t="s">
        <v>5</v>
      </c>
      <c r="M1296" s="2" t="s">
        <v>7899</v>
      </c>
      <c r="N1296" s="3">
        <v>42692</v>
      </c>
      <c r="O1296" s="3">
        <v>45017</v>
      </c>
      <c r="P1296" s="3">
        <v>47208</v>
      </c>
    </row>
    <row r="1297" spans="1:16" x14ac:dyDescent="0.15">
      <c r="A1297" s="2" t="s">
        <v>49</v>
      </c>
      <c r="B1297" s="2" t="s">
        <v>7906</v>
      </c>
      <c r="C1297" s="4" t="s">
        <v>6</v>
      </c>
      <c r="D1297" s="5" t="s">
        <v>7904</v>
      </c>
      <c r="E1297" s="5" t="s">
        <v>7907</v>
      </c>
      <c r="F1297" s="6" t="s">
        <v>5</v>
      </c>
      <c r="G1297" s="2" t="s">
        <v>7903</v>
      </c>
      <c r="H1297" s="4" t="s">
        <v>9</v>
      </c>
      <c r="I1297" s="5" t="s">
        <v>6</v>
      </c>
      <c r="J1297" s="5" t="s">
        <v>7904</v>
      </c>
      <c r="K1297" s="5" t="s">
        <v>7905</v>
      </c>
      <c r="L1297" s="6" t="s">
        <v>5</v>
      </c>
      <c r="M1297" s="2" t="s">
        <v>7908</v>
      </c>
      <c r="N1297" s="3">
        <v>44089</v>
      </c>
      <c r="O1297" s="3">
        <v>44089</v>
      </c>
      <c r="P1297" s="3">
        <v>46477</v>
      </c>
    </row>
    <row r="1298" spans="1:16" x14ac:dyDescent="0.15">
      <c r="A1298" s="2" t="s">
        <v>49</v>
      </c>
      <c r="B1298" s="2" t="s">
        <v>7932</v>
      </c>
      <c r="C1298" s="4" t="s">
        <v>6</v>
      </c>
      <c r="D1298" s="5" t="s">
        <v>689</v>
      </c>
      <c r="E1298" s="5" t="s">
        <v>7933</v>
      </c>
      <c r="F1298" s="6" t="s">
        <v>5</v>
      </c>
      <c r="G1298" s="2" t="s">
        <v>7929</v>
      </c>
      <c r="H1298" s="4" t="s">
        <v>384</v>
      </c>
      <c r="I1298" s="5" t="s">
        <v>441</v>
      </c>
      <c r="J1298" s="5" t="s">
        <v>7930</v>
      </c>
      <c r="K1298" s="5" t="s">
        <v>7931</v>
      </c>
      <c r="L1298" s="6" t="s">
        <v>5</v>
      </c>
      <c r="M1298" s="2" t="s">
        <v>7934</v>
      </c>
      <c r="N1298" s="3">
        <v>42941</v>
      </c>
      <c r="O1298" s="3">
        <v>45047</v>
      </c>
      <c r="P1298" s="3">
        <v>47238</v>
      </c>
    </row>
    <row r="1299" spans="1:16" x14ac:dyDescent="0.15">
      <c r="A1299" s="2" t="s">
        <v>49</v>
      </c>
      <c r="B1299" s="2" t="s">
        <v>7941</v>
      </c>
      <c r="C1299" s="4" t="s">
        <v>6</v>
      </c>
      <c r="D1299" s="5" t="s">
        <v>1152</v>
      </c>
      <c r="E1299" s="5" t="s">
        <v>2461</v>
      </c>
      <c r="F1299" s="6" t="s">
        <v>7942</v>
      </c>
      <c r="G1299" s="2" t="s">
        <v>7938</v>
      </c>
      <c r="H1299" s="4" t="s">
        <v>9</v>
      </c>
      <c r="I1299" s="5" t="s">
        <v>6</v>
      </c>
      <c r="J1299" s="5" t="s">
        <v>7939</v>
      </c>
      <c r="K1299" s="5" t="s">
        <v>7940</v>
      </c>
      <c r="L1299" s="6" t="s">
        <v>5</v>
      </c>
      <c r="M1299" s="2" t="s">
        <v>7943</v>
      </c>
      <c r="N1299" s="3">
        <v>45001</v>
      </c>
      <c r="O1299" s="3">
        <v>45001</v>
      </c>
      <c r="P1299" s="3">
        <v>47452</v>
      </c>
    </row>
    <row r="1300" spans="1:16" x14ac:dyDescent="0.15">
      <c r="A1300" s="2" t="s">
        <v>49</v>
      </c>
      <c r="B1300" s="2" t="s">
        <v>7961</v>
      </c>
      <c r="C1300" s="4" t="s">
        <v>6</v>
      </c>
      <c r="D1300" s="5" t="s">
        <v>7904</v>
      </c>
      <c r="E1300" s="5" t="s">
        <v>4379</v>
      </c>
      <c r="F1300" s="6" t="s">
        <v>5</v>
      </c>
      <c r="G1300" s="2" t="s">
        <v>7961</v>
      </c>
      <c r="H1300" s="4" t="s">
        <v>9</v>
      </c>
      <c r="I1300" s="5" t="s">
        <v>6</v>
      </c>
      <c r="J1300" s="5" t="s">
        <v>1248</v>
      </c>
      <c r="K1300" s="5" t="s">
        <v>3729</v>
      </c>
      <c r="L1300" s="6" t="s">
        <v>5</v>
      </c>
      <c r="M1300" s="2" t="s">
        <v>7962</v>
      </c>
      <c r="N1300" s="3">
        <v>42670</v>
      </c>
      <c r="O1300" s="3">
        <v>45017</v>
      </c>
      <c r="P1300" s="3">
        <v>47208</v>
      </c>
    </row>
    <row r="1301" spans="1:16" x14ac:dyDescent="0.15">
      <c r="A1301" s="2" t="s">
        <v>49</v>
      </c>
      <c r="B1301" s="2" t="s">
        <v>7967</v>
      </c>
      <c r="C1301" s="4" t="s">
        <v>6</v>
      </c>
      <c r="D1301" s="5" t="s">
        <v>1360</v>
      </c>
      <c r="E1301" s="5" t="s">
        <v>7968</v>
      </c>
      <c r="F1301" s="6" t="s">
        <v>5</v>
      </c>
      <c r="G1301" s="2" t="s">
        <v>7964</v>
      </c>
      <c r="H1301" s="4" t="s">
        <v>29</v>
      </c>
      <c r="I1301" s="5" t="s">
        <v>30</v>
      </c>
      <c r="J1301" s="5" t="s">
        <v>7965</v>
      </c>
      <c r="K1301" s="5" t="s">
        <v>7966</v>
      </c>
      <c r="L1301" s="6" t="s">
        <v>5</v>
      </c>
      <c r="M1301" s="2" t="s">
        <v>7969</v>
      </c>
      <c r="N1301" s="3">
        <v>42594</v>
      </c>
      <c r="O1301" s="3">
        <v>45017</v>
      </c>
      <c r="P1301" s="3">
        <v>47208</v>
      </c>
    </row>
    <row r="1302" spans="1:16" x14ac:dyDescent="0.15">
      <c r="A1302" s="2" t="s">
        <v>49</v>
      </c>
      <c r="B1302" s="2" t="s">
        <v>7977</v>
      </c>
      <c r="C1302" s="4" t="s">
        <v>6</v>
      </c>
      <c r="D1302" s="5" t="s">
        <v>2012</v>
      </c>
      <c r="E1302" s="5" t="s">
        <v>7978</v>
      </c>
      <c r="F1302" s="6" t="s">
        <v>5</v>
      </c>
      <c r="G1302" s="2" t="s">
        <v>7974</v>
      </c>
      <c r="H1302" s="4" t="s">
        <v>724</v>
      </c>
      <c r="I1302" s="5" t="s">
        <v>725</v>
      </c>
      <c r="J1302" s="5" t="s">
        <v>7975</v>
      </c>
      <c r="K1302" s="5" t="s">
        <v>7976</v>
      </c>
      <c r="L1302" s="6" t="s">
        <v>5</v>
      </c>
      <c r="M1302" s="2" t="s">
        <v>7979</v>
      </c>
      <c r="N1302" s="3">
        <v>38154</v>
      </c>
      <c r="O1302" s="3">
        <v>45017</v>
      </c>
      <c r="P1302" s="3">
        <v>47208</v>
      </c>
    </row>
    <row r="1303" spans="1:16" x14ac:dyDescent="0.15">
      <c r="A1303" s="2" t="s">
        <v>49</v>
      </c>
      <c r="B1303" s="2" t="s">
        <v>7994</v>
      </c>
      <c r="C1303" s="4" t="s">
        <v>6</v>
      </c>
      <c r="D1303" s="5" t="s">
        <v>3063</v>
      </c>
      <c r="E1303" s="5" t="s">
        <v>7995</v>
      </c>
      <c r="F1303" s="6" t="s">
        <v>5</v>
      </c>
      <c r="G1303" s="2" t="s">
        <v>7992</v>
      </c>
      <c r="H1303" s="4" t="s">
        <v>9</v>
      </c>
      <c r="I1303" s="5" t="s">
        <v>663</v>
      </c>
      <c r="J1303" s="5" t="s">
        <v>861</v>
      </c>
      <c r="K1303" s="5" t="s">
        <v>7993</v>
      </c>
      <c r="L1303" s="6" t="s">
        <v>5</v>
      </c>
      <c r="M1303" s="2" t="s">
        <v>7996</v>
      </c>
      <c r="N1303" s="3">
        <v>40306</v>
      </c>
      <c r="O1303" s="3">
        <v>45047</v>
      </c>
      <c r="P1303" s="3">
        <v>47238</v>
      </c>
    </row>
    <row r="1304" spans="1:16" x14ac:dyDescent="0.15">
      <c r="A1304" s="2" t="s">
        <v>49</v>
      </c>
      <c r="B1304" s="2" t="s">
        <v>8003</v>
      </c>
      <c r="C1304" s="4" t="s">
        <v>6</v>
      </c>
      <c r="D1304" s="5" t="s">
        <v>834</v>
      </c>
      <c r="E1304" s="5" t="s">
        <v>8002</v>
      </c>
      <c r="F1304" s="6" t="s">
        <v>5</v>
      </c>
      <c r="G1304" s="2" t="s">
        <v>8001</v>
      </c>
      <c r="H1304" s="4" t="s">
        <v>9</v>
      </c>
      <c r="I1304" s="5" t="s">
        <v>6</v>
      </c>
      <c r="J1304" s="5" t="s">
        <v>834</v>
      </c>
      <c r="K1304" s="5" t="s">
        <v>8002</v>
      </c>
      <c r="L1304" s="6" t="s">
        <v>5</v>
      </c>
      <c r="M1304" s="2" t="s">
        <v>8004</v>
      </c>
      <c r="N1304" s="3">
        <v>45017</v>
      </c>
      <c r="O1304" s="3">
        <v>45017</v>
      </c>
      <c r="P1304" s="3">
        <v>47208</v>
      </c>
    </row>
    <row r="1305" spans="1:16" x14ac:dyDescent="0.15">
      <c r="A1305" s="2" t="s">
        <v>49</v>
      </c>
      <c r="B1305" s="2" t="s">
        <v>4903</v>
      </c>
      <c r="C1305" s="4" t="s">
        <v>6</v>
      </c>
      <c r="D1305" s="5" t="s">
        <v>253</v>
      </c>
      <c r="E1305" s="5" t="s">
        <v>403</v>
      </c>
      <c r="F1305" s="6" t="s">
        <v>4904</v>
      </c>
      <c r="G1305" s="2"/>
      <c r="H1305" s="4"/>
      <c r="I1305" s="5"/>
      <c r="J1305" s="5"/>
      <c r="K1305" s="5"/>
      <c r="L1305" s="6"/>
      <c r="M1305" s="2" t="s">
        <v>4905</v>
      </c>
      <c r="N1305" s="3">
        <v>44661</v>
      </c>
      <c r="O1305" s="3">
        <v>44661</v>
      </c>
      <c r="P1305" s="3">
        <v>46538</v>
      </c>
    </row>
    <row r="1306" spans="1:16" x14ac:dyDescent="0.15">
      <c r="A1306" s="2" t="s">
        <v>49</v>
      </c>
      <c r="B1306" s="2" t="s">
        <v>8013</v>
      </c>
      <c r="C1306" s="4" t="s">
        <v>6</v>
      </c>
      <c r="D1306" s="5" t="s">
        <v>755</v>
      </c>
      <c r="E1306" s="5" t="s">
        <v>8014</v>
      </c>
      <c r="F1306" s="6" t="s">
        <v>8015</v>
      </c>
      <c r="G1306" s="2" t="s">
        <v>8009</v>
      </c>
      <c r="H1306" s="4" t="s">
        <v>1694</v>
      </c>
      <c r="I1306" s="5" t="s">
        <v>8010</v>
      </c>
      <c r="J1306" s="5" t="s">
        <v>8011</v>
      </c>
      <c r="K1306" s="5" t="s">
        <v>8012</v>
      </c>
      <c r="L1306" s="6" t="s">
        <v>5</v>
      </c>
      <c r="M1306" s="2" t="s">
        <v>8016</v>
      </c>
      <c r="N1306" s="3">
        <v>40498</v>
      </c>
      <c r="O1306" s="3">
        <v>45017</v>
      </c>
      <c r="P1306" s="3">
        <v>47208</v>
      </c>
    </row>
    <row r="1307" spans="1:16" x14ac:dyDescent="0.15">
      <c r="A1307" s="2" t="s">
        <v>49</v>
      </c>
      <c r="B1307" s="2" t="s">
        <v>8043</v>
      </c>
      <c r="C1307" s="4" t="s">
        <v>6</v>
      </c>
      <c r="D1307" s="5" t="s">
        <v>8041</v>
      </c>
      <c r="E1307" s="5" t="s">
        <v>8042</v>
      </c>
      <c r="F1307" s="6" t="s">
        <v>5</v>
      </c>
      <c r="G1307" s="2" t="s">
        <v>8040</v>
      </c>
      <c r="H1307" s="4" t="s">
        <v>9</v>
      </c>
      <c r="I1307" s="5" t="s">
        <v>6</v>
      </c>
      <c r="J1307" s="5" t="s">
        <v>8041</v>
      </c>
      <c r="K1307" s="5" t="s">
        <v>8042</v>
      </c>
      <c r="L1307" s="6" t="s">
        <v>5</v>
      </c>
      <c r="M1307" s="2" t="s">
        <v>8044</v>
      </c>
      <c r="N1307" s="3">
        <v>37691</v>
      </c>
      <c r="O1307" s="3">
        <v>45017</v>
      </c>
      <c r="P1307" s="3">
        <v>46843</v>
      </c>
    </row>
    <row r="1308" spans="1:16" x14ac:dyDescent="0.15">
      <c r="A1308" s="2" t="s">
        <v>49</v>
      </c>
      <c r="B1308" s="2" t="s">
        <v>8047</v>
      </c>
      <c r="C1308" s="4" t="s">
        <v>6</v>
      </c>
      <c r="D1308" s="5" t="s">
        <v>500</v>
      </c>
      <c r="E1308" s="5" t="s">
        <v>8048</v>
      </c>
      <c r="F1308" s="6" t="s">
        <v>5</v>
      </c>
      <c r="G1308" s="2" t="s">
        <v>8045</v>
      </c>
      <c r="H1308" s="4" t="s">
        <v>9</v>
      </c>
      <c r="I1308" s="5" t="s">
        <v>6</v>
      </c>
      <c r="J1308" s="5" t="s">
        <v>500</v>
      </c>
      <c r="K1308" s="5" t="s">
        <v>8046</v>
      </c>
      <c r="L1308" s="6" t="s">
        <v>5</v>
      </c>
      <c r="M1308" s="2" t="s">
        <v>8049</v>
      </c>
      <c r="N1308" s="3">
        <v>36748</v>
      </c>
      <c r="O1308" s="3">
        <v>45078</v>
      </c>
      <c r="P1308" s="3">
        <v>47269</v>
      </c>
    </row>
    <row r="1309" spans="1:16" x14ac:dyDescent="0.15">
      <c r="A1309" s="2" t="s">
        <v>49</v>
      </c>
      <c r="B1309" s="2" t="s">
        <v>8055</v>
      </c>
      <c r="C1309" s="4" t="s">
        <v>6</v>
      </c>
      <c r="D1309" s="5" t="s">
        <v>608</v>
      </c>
      <c r="E1309" s="5" t="s">
        <v>337</v>
      </c>
      <c r="F1309" s="6" t="s">
        <v>8056</v>
      </c>
      <c r="G1309" s="2" t="s">
        <v>8053</v>
      </c>
      <c r="H1309" s="4" t="s">
        <v>9</v>
      </c>
      <c r="I1309" s="5" t="s">
        <v>6</v>
      </c>
      <c r="J1309" s="5" t="s">
        <v>977</v>
      </c>
      <c r="K1309" s="5" t="s">
        <v>8054</v>
      </c>
      <c r="L1309" s="6" t="s">
        <v>5</v>
      </c>
      <c r="M1309" s="2" t="s">
        <v>8057</v>
      </c>
      <c r="N1309" s="3">
        <v>45016</v>
      </c>
      <c r="O1309" s="3">
        <v>45016</v>
      </c>
      <c r="P1309" s="3">
        <v>47087</v>
      </c>
    </row>
    <row r="1310" spans="1:16" x14ac:dyDescent="0.15">
      <c r="A1310" s="2" t="s">
        <v>49</v>
      </c>
      <c r="B1310" s="2" t="s">
        <v>8059</v>
      </c>
      <c r="C1310" s="4" t="s">
        <v>6</v>
      </c>
      <c r="D1310" s="5" t="s">
        <v>253</v>
      </c>
      <c r="E1310" s="5" t="s">
        <v>5039</v>
      </c>
      <c r="F1310" s="6" t="s">
        <v>5</v>
      </c>
      <c r="G1310" s="2" t="s">
        <v>5254</v>
      </c>
      <c r="H1310" s="4" t="s">
        <v>9</v>
      </c>
      <c r="I1310" s="5" t="s">
        <v>6</v>
      </c>
      <c r="J1310" s="5" t="s">
        <v>69</v>
      </c>
      <c r="K1310" s="5" t="s">
        <v>8058</v>
      </c>
      <c r="L1310" s="6" t="s">
        <v>5</v>
      </c>
      <c r="M1310" s="2" t="s">
        <v>8060</v>
      </c>
      <c r="N1310" s="3">
        <v>40472</v>
      </c>
      <c r="O1310" s="3">
        <v>45078</v>
      </c>
      <c r="P1310" s="3">
        <v>47269</v>
      </c>
    </row>
    <row r="1311" spans="1:16" x14ac:dyDescent="0.15">
      <c r="A1311" s="2" t="s">
        <v>49</v>
      </c>
      <c r="B1311" s="2" t="s">
        <v>8066</v>
      </c>
      <c r="C1311" s="4" t="s">
        <v>6</v>
      </c>
      <c r="D1311" s="5" t="s">
        <v>8067</v>
      </c>
      <c r="E1311" s="5" t="s">
        <v>8068</v>
      </c>
      <c r="F1311" s="6" t="s">
        <v>5</v>
      </c>
      <c r="G1311" s="2" t="s">
        <v>8064</v>
      </c>
      <c r="H1311" s="4" t="s">
        <v>9</v>
      </c>
      <c r="I1311" s="5" t="s">
        <v>6</v>
      </c>
      <c r="J1311" s="5" t="s">
        <v>247</v>
      </c>
      <c r="K1311" s="5" t="s">
        <v>8065</v>
      </c>
      <c r="L1311" s="6" t="s">
        <v>5</v>
      </c>
      <c r="M1311" s="2" t="s">
        <v>8069</v>
      </c>
      <c r="N1311" s="3">
        <v>45034</v>
      </c>
      <c r="O1311" s="3">
        <v>45034</v>
      </c>
      <c r="P1311" s="3">
        <v>47573</v>
      </c>
    </row>
    <row r="1312" spans="1:16" x14ac:dyDescent="0.15">
      <c r="A1312" s="2" t="s">
        <v>49</v>
      </c>
      <c r="B1312" s="2" t="s">
        <v>4928</v>
      </c>
      <c r="C1312" s="4" t="s">
        <v>6</v>
      </c>
      <c r="D1312" s="5" t="s">
        <v>247</v>
      </c>
      <c r="E1312" s="5" t="s">
        <v>2367</v>
      </c>
      <c r="F1312" s="6" t="s">
        <v>5</v>
      </c>
      <c r="G1312" s="2"/>
      <c r="H1312" s="4"/>
      <c r="I1312" s="5"/>
      <c r="J1312" s="5"/>
      <c r="K1312" s="5"/>
      <c r="L1312" s="6"/>
      <c r="M1312" s="2" t="s">
        <v>4929</v>
      </c>
      <c r="N1312" s="3">
        <v>41047</v>
      </c>
      <c r="O1312" s="3">
        <v>44713</v>
      </c>
      <c r="P1312" s="3">
        <v>46538</v>
      </c>
    </row>
    <row r="1313" spans="1:16" x14ac:dyDescent="0.15">
      <c r="A1313" s="2" t="s">
        <v>49</v>
      </c>
      <c r="B1313" s="2" t="s">
        <v>4930</v>
      </c>
      <c r="C1313" s="4" t="s">
        <v>6</v>
      </c>
      <c r="D1313" s="5" t="s">
        <v>307</v>
      </c>
      <c r="E1313" s="5" t="s">
        <v>4931</v>
      </c>
      <c r="F1313" s="6" t="s">
        <v>5</v>
      </c>
      <c r="G1313" s="2"/>
      <c r="H1313" s="4"/>
      <c r="I1313" s="5"/>
      <c r="J1313" s="5"/>
      <c r="K1313" s="5"/>
      <c r="L1313" s="6"/>
      <c r="M1313" s="2" t="s">
        <v>4932</v>
      </c>
      <c r="N1313" s="3">
        <v>34870</v>
      </c>
      <c r="O1313" s="3">
        <v>44682</v>
      </c>
      <c r="P1313" s="3">
        <v>46873</v>
      </c>
    </row>
    <row r="1314" spans="1:16" x14ac:dyDescent="0.15">
      <c r="A1314" s="2" t="s">
        <v>49</v>
      </c>
      <c r="B1314" s="2" t="s">
        <v>4935</v>
      </c>
      <c r="C1314" s="4" t="s">
        <v>6</v>
      </c>
      <c r="D1314" s="5" t="s">
        <v>4933</v>
      </c>
      <c r="E1314" s="5" t="s">
        <v>4934</v>
      </c>
      <c r="F1314" s="6" t="s">
        <v>5</v>
      </c>
      <c r="G1314" s="2"/>
      <c r="H1314" s="4"/>
      <c r="I1314" s="5"/>
      <c r="J1314" s="5"/>
      <c r="K1314" s="5"/>
      <c r="L1314" s="6"/>
      <c r="M1314" s="2" t="s">
        <v>4936</v>
      </c>
      <c r="N1314" s="3">
        <v>35644</v>
      </c>
      <c r="O1314" s="3">
        <v>44682</v>
      </c>
      <c r="P1314" s="3">
        <v>46507</v>
      </c>
    </row>
    <row r="1315" spans="1:16" x14ac:dyDescent="0.15">
      <c r="A1315" s="2" t="s">
        <v>49</v>
      </c>
      <c r="B1315" s="2" t="s">
        <v>4937</v>
      </c>
      <c r="C1315" s="4" t="s">
        <v>6</v>
      </c>
      <c r="D1315" s="5" t="s">
        <v>4938</v>
      </c>
      <c r="E1315" s="5" t="s">
        <v>4939</v>
      </c>
      <c r="F1315" s="6" t="s">
        <v>4940</v>
      </c>
      <c r="G1315" s="2"/>
      <c r="H1315" s="4"/>
      <c r="I1315" s="5"/>
      <c r="J1315" s="5"/>
      <c r="K1315" s="5"/>
      <c r="L1315" s="6"/>
      <c r="M1315" s="2" t="s">
        <v>4941</v>
      </c>
      <c r="N1315" s="3">
        <v>42272</v>
      </c>
      <c r="O1315" s="3">
        <v>44682</v>
      </c>
      <c r="P1315" s="3">
        <v>46873</v>
      </c>
    </row>
    <row r="1316" spans="1:16" x14ac:dyDescent="0.15">
      <c r="A1316" s="2" t="s">
        <v>49</v>
      </c>
      <c r="B1316" s="2" t="s">
        <v>4943</v>
      </c>
      <c r="C1316" s="4" t="s">
        <v>6</v>
      </c>
      <c r="D1316" s="5" t="s">
        <v>4942</v>
      </c>
      <c r="E1316" s="5" t="s">
        <v>1265</v>
      </c>
      <c r="F1316" s="6" t="s">
        <v>5</v>
      </c>
      <c r="G1316" s="2"/>
      <c r="H1316" s="4"/>
      <c r="I1316" s="5"/>
      <c r="J1316" s="5"/>
      <c r="K1316" s="5"/>
      <c r="L1316" s="6"/>
      <c r="M1316" s="2" t="s">
        <v>4944</v>
      </c>
      <c r="N1316" s="3">
        <v>33996</v>
      </c>
      <c r="O1316" s="3">
        <v>44682</v>
      </c>
      <c r="P1316" s="3">
        <v>46873</v>
      </c>
    </row>
    <row r="1317" spans="1:16" x14ac:dyDescent="0.15">
      <c r="A1317" s="2" t="s">
        <v>66</v>
      </c>
      <c r="B1317" s="2" t="s">
        <v>4943</v>
      </c>
      <c r="C1317" s="4" t="s">
        <v>6</v>
      </c>
      <c r="D1317" s="5" t="s">
        <v>4942</v>
      </c>
      <c r="E1317" s="5" t="s">
        <v>1265</v>
      </c>
      <c r="F1317" s="6" t="s">
        <v>5</v>
      </c>
      <c r="G1317" s="2"/>
      <c r="H1317" s="4"/>
      <c r="I1317" s="5"/>
      <c r="J1317" s="5"/>
      <c r="K1317" s="5"/>
      <c r="L1317" s="6"/>
      <c r="M1317" s="2" t="s">
        <v>4945</v>
      </c>
      <c r="N1317" s="3">
        <v>33996</v>
      </c>
      <c r="O1317" s="3">
        <v>44682</v>
      </c>
      <c r="P1317" s="3">
        <v>46873</v>
      </c>
    </row>
    <row r="1318" spans="1:16" x14ac:dyDescent="0.15">
      <c r="A1318" s="2" t="s">
        <v>49</v>
      </c>
      <c r="B1318" s="2" t="s">
        <v>4947</v>
      </c>
      <c r="C1318" s="4" t="s">
        <v>6</v>
      </c>
      <c r="D1318" s="5" t="s">
        <v>1000</v>
      </c>
      <c r="E1318" s="5" t="s">
        <v>4948</v>
      </c>
      <c r="F1318" s="6" t="s">
        <v>4949</v>
      </c>
      <c r="G1318" s="2"/>
      <c r="H1318" s="4"/>
      <c r="I1318" s="5"/>
      <c r="J1318" s="5"/>
      <c r="K1318" s="5"/>
      <c r="L1318" s="6"/>
      <c r="M1318" s="2" t="s">
        <v>4950</v>
      </c>
      <c r="N1318" s="3">
        <v>44666</v>
      </c>
      <c r="O1318" s="3">
        <v>44666</v>
      </c>
      <c r="P1318" s="3">
        <v>47026</v>
      </c>
    </row>
    <row r="1319" spans="1:16" x14ac:dyDescent="0.15">
      <c r="A1319" s="2" t="s">
        <v>16</v>
      </c>
      <c r="B1319" s="2" t="s">
        <v>4951</v>
      </c>
      <c r="C1319" s="4" t="s">
        <v>6</v>
      </c>
      <c r="D1319" s="5" t="s">
        <v>3887</v>
      </c>
      <c r="E1319" s="5" t="s">
        <v>4952</v>
      </c>
      <c r="F1319" s="6" t="s">
        <v>5</v>
      </c>
      <c r="G1319" s="2"/>
      <c r="H1319" s="4"/>
      <c r="I1319" s="5"/>
      <c r="J1319" s="5"/>
      <c r="K1319" s="5"/>
      <c r="L1319" s="6"/>
      <c r="M1319" s="2" t="s">
        <v>4953</v>
      </c>
      <c r="N1319" s="3">
        <v>44666</v>
      </c>
      <c r="O1319" s="3">
        <v>44666</v>
      </c>
      <c r="P1319" s="3">
        <v>47208</v>
      </c>
    </row>
    <row r="1320" spans="1:16" x14ac:dyDescent="0.15">
      <c r="A1320" s="2" t="s">
        <v>49</v>
      </c>
      <c r="B1320" s="2" t="s">
        <v>4955</v>
      </c>
      <c r="C1320" s="4" t="s">
        <v>6</v>
      </c>
      <c r="D1320" s="5" t="s">
        <v>1810</v>
      </c>
      <c r="E1320" s="5" t="s">
        <v>4954</v>
      </c>
      <c r="F1320" s="6" t="s">
        <v>5</v>
      </c>
      <c r="G1320" s="2"/>
      <c r="H1320" s="4"/>
      <c r="I1320" s="5"/>
      <c r="J1320" s="5"/>
      <c r="K1320" s="5"/>
      <c r="L1320" s="6"/>
      <c r="M1320" s="2" t="s">
        <v>4956</v>
      </c>
      <c r="N1320" s="3">
        <v>44669</v>
      </c>
      <c r="O1320" s="3">
        <v>44669</v>
      </c>
      <c r="P1320" s="3">
        <v>46660</v>
      </c>
    </row>
    <row r="1321" spans="1:16" x14ac:dyDescent="0.15">
      <c r="A1321" s="2" t="s">
        <v>49</v>
      </c>
      <c r="B1321" s="2" t="s">
        <v>8073</v>
      </c>
      <c r="C1321" s="4" t="s">
        <v>6</v>
      </c>
      <c r="D1321" s="5" t="s">
        <v>8017</v>
      </c>
      <c r="E1321" s="5" t="s">
        <v>3851</v>
      </c>
      <c r="F1321" s="6" t="s">
        <v>5</v>
      </c>
      <c r="G1321" s="2" t="s">
        <v>8070</v>
      </c>
      <c r="H1321" s="4" t="s">
        <v>29</v>
      </c>
      <c r="I1321" s="5" t="s">
        <v>1197</v>
      </c>
      <c r="J1321" s="5" t="s">
        <v>8071</v>
      </c>
      <c r="K1321" s="5" t="s">
        <v>8072</v>
      </c>
      <c r="L1321" s="6" t="s">
        <v>5</v>
      </c>
      <c r="M1321" s="2" t="s">
        <v>8074</v>
      </c>
      <c r="N1321" s="3">
        <v>40500</v>
      </c>
      <c r="O1321" s="3">
        <v>45047</v>
      </c>
      <c r="P1321" s="3">
        <v>47238</v>
      </c>
    </row>
    <row r="1322" spans="1:16" x14ac:dyDescent="0.15">
      <c r="A1322" s="2" t="s">
        <v>49</v>
      </c>
      <c r="B1322" s="2" t="s">
        <v>8098</v>
      </c>
      <c r="C1322" s="4" t="s">
        <v>6</v>
      </c>
      <c r="D1322" s="5" t="s">
        <v>8041</v>
      </c>
      <c r="E1322" s="5" t="s">
        <v>8097</v>
      </c>
      <c r="F1322" s="6" t="s">
        <v>5</v>
      </c>
      <c r="G1322" s="2" t="s">
        <v>8096</v>
      </c>
      <c r="H1322" s="4" t="s">
        <v>9</v>
      </c>
      <c r="I1322" s="5" t="s">
        <v>6</v>
      </c>
      <c r="J1322" s="5" t="s">
        <v>8041</v>
      </c>
      <c r="K1322" s="5" t="s">
        <v>8097</v>
      </c>
      <c r="L1322" s="6" t="s">
        <v>5</v>
      </c>
      <c r="M1322" s="2" t="s">
        <v>8099</v>
      </c>
      <c r="N1322" s="3">
        <v>31083</v>
      </c>
      <c r="O1322" s="3">
        <v>45017</v>
      </c>
      <c r="P1322" s="3">
        <v>47208</v>
      </c>
    </row>
    <row r="1323" spans="1:16" x14ac:dyDescent="0.15">
      <c r="A1323" s="2" t="s">
        <v>49</v>
      </c>
      <c r="B1323" s="2" t="s">
        <v>4965</v>
      </c>
      <c r="C1323" s="4" t="s">
        <v>6</v>
      </c>
      <c r="D1323" s="5" t="s">
        <v>4575</v>
      </c>
      <c r="E1323" s="5" t="s">
        <v>4966</v>
      </c>
      <c r="F1323" s="6" t="s">
        <v>5</v>
      </c>
      <c r="G1323" s="2"/>
      <c r="H1323" s="4"/>
      <c r="I1323" s="5"/>
      <c r="J1323" s="5"/>
      <c r="K1323" s="5"/>
      <c r="L1323" s="6"/>
      <c r="M1323" s="2" t="s">
        <v>4967</v>
      </c>
      <c r="N1323" s="3">
        <v>44666</v>
      </c>
      <c r="O1323" s="3">
        <v>44666</v>
      </c>
      <c r="P1323" s="3">
        <v>47208</v>
      </c>
    </row>
    <row r="1324" spans="1:16" x14ac:dyDescent="0.15">
      <c r="A1324" s="2" t="s">
        <v>49</v>
      </c>
      <c r="B1324" s="2" t="s">
        <v>4968</v>
      </c>
      <c r="C1324" s="4" t="s">
        <v>6</v>
      </c>
      <c r="D1324" s="5" t="s">
        <v>848</v>
      </c>
      <c r="E1324" s="5" t="s">
        <v>412</v>
      </c>
      <c r="F1324" s="6" t="s">
        <v>5</v>
      </c>
      <c r="G1324" s="2"/>
      <c r="H1324" s="4"/>
      <c r="I1324" s="5"/>
      <c r="J1324" s="5"/>
      <c r="K1324" s="5"/>
      <c r="L1324" s="6"/>
      <c r="M1324" s="2" t="s">
        <v>4969</v>
      </c>
      <c r="N1324" s="3">
        <v>37165</v>
      </c>
      <c r="O1324" s="3">
        <v>44713</v>
      </c>
      <c r="P1324" s="3">
        <v>46538</v>
      </c>
    </row>
    <row r="1325" spans="1:16" x14ac:dyDescent="0.15">
      <c r="A1325" s="2" t="s">
        <v>49</v>
      </c>
      <c r="B1325" s="2" t="s">
        <v>8112</v>
      </c>
      <c r="C1325" s="4" t="s">
        <v>6</v>
      </c>
      <c r="D1325" s="5" t="s">
        <v>3063</v>
      </c>
      <c r="E1325" s="5" t="s">
        <v>8113</v>
      </c>
      <c r="F1325" s="6" t="s">
        <v>8114</v>
      </c>
      <c r="G1325" s="2" t="s">
        <v>8108</v>
      </c>
      <c r="H1325" s="4" t="s">
        <v>1273</v>
      </c>
      <c r="I1325" s="5" t="s">
        <v>8109</v>
      </c>
      <c r="J1325" s="5" t="s">
        <v>8110</v>
      </c>
      <c r="K1325" s="5" t="s">
        <v>8111</v>
      </c>
      <c r="L1325" s="6" t="s">
        <v>5</v>
      </c>
      <c r="M1325" s="2" t="s">
        <v>8115</v>
      </c>
      <c r="N1325" s="3">
        <v>42791</v>
      </c>
      <c r="O1325" s="3">
        <v>45047</v>
      </c>
      <c r="P1325" s="3">
        <v>47238</v>
      </c>
    </row>
    <row r="1326" spans="1:16" x14ac:dyDescent="0.15">
      <c r="A1326" s="2" t="s">
        <v>49</v>
      </c>
      <c r="B1326" s="2" t="s">
        <v>4975</v>
      </c>
      <c r="C1326" s="4" t="s">
        <v>6</v>
      </c>
      <c r="D1326" s="5" t="s">
        <v>69</v>
      </c>
      <c r="E1326" s="5" t="s">
        <v>3671</v>
      </c>
      <c r="F1326" s="6" t="s">
        <v>5</v>
      </c>
      <c r="G1326" s="2"/>
      <c r="H1326" s="4"/>
      <c r="I1326" s="5"/>
      <c r="J1326" s="5"/>
      <c r="K1326" s="5"/>
      <c r="L1326" s="6"/>
      <c r="M1326" s="2" t="s">
        <v>4976</v>
      </c>
      <c r="N1326" s="3">
        <v>27051</v>
      </c>
      <c r="O1326" s="3">
        <v>44713</v>
      </c>
      <c r="P1326" s="3">
        <v>46538</v>
      </c>
    </row>
    <row r="1327" spans="1:16" x14ac:dyDescent="0.15">
      <c r="A1327" s="2" t="s">
        <v>49</v>
      </c>
      <c r="B1327" s="2" t="s">
        <v>4978</v>
      </c>
      <c r="C1327" s="4" t="s">
        <v>6</v>
      </c>
      <c r="D1327" s="5" t="s">
        <v>207</v>
      </c>
      <c r="E1327" s="5" t="s">
        <v>4979</v>
      </c>
      <c r="F1327" s="6" t="s">
        <v>4980</v>
      </c>
      <c r="G1327" s="2"/>
      <c r="H1327" s="4"/>
      <c r="I1327" s="5"/>
      <c r="J1327" s="5"/>
      <c r="K1327" s="5"/>
      <c r="L1327" s="6"/>
      <c r="M1327" s="2" t="s">
        <v>4981</v>
      </c>
      <c r="N1327" s="3">
        <v>42789</v>
      </c>
      <c r="O1327" s="3">
        <v>44682</v>
      </c>
      <c r="P1327" s="3">
        <v>46507</v>
      </c>
    </row>
    <row r="1328" spans="1:16" x14ac:dyDescent="0.15">
      <c r="A1328" s="2" t="s">
        <v>49</v>
      </c>
      <c r="B1328" s="2" t="s">
        <v>8132</v>
      </c>
      <c r="C1328" s="4" t="s">
        <v>6</v>
      </c>
      <c r="D1328" s="5" t="s">
        <v>179</v>
      </c>
      <c r="E1328" s="5" t="s">
        <v>180</v>
      </c>
      <c r="F1328" s="6" t="s">
        <v>8133</v>
      </c>
      <c r="G1328" s="2" t="s">
        <v>8130</v>
      </c>
      <c r="H1328" s="4" t="s">
        <v>29</v>
      </c>
      <c r="I1328" s="5" t="s">
        <v>504</v>
      </c>
      <c r="J1328" s="5" t="s">
        <v>7699</v>
      </c>
      <c r="K1328" s="5" t="s">
        <v>8131</v>
      </c>
      <c r="L1328" s="6" t="s">
        <v>5</v>
      </c>
      <c r="M1328" s="2" t="s">
        <v>8134</v>
      </c>
      <c r="N1328" s="3">
        <v>45044</v>
      </c>
      <c r="O1328" s="3">
        <v>45044</v>
      </c>
      <c r="P1328" s="3">
        <v>47391</v>
      </c>
    </row>
    <row r="1329" spans="1:16" x14ac:dyDescent="0.15">
      <c r="A1329" s="2" t="s">
        <v>16</v>
      </c>
      <c r="B1329" s="2" t="s">
        <v>4988</v>
      </c>
      <c r="C1329" s="4" t="s">
        <v>6</v>
      </c>
      <c r="D1329" s="5" t="s">
        <v>301</v>
      </c>
      <c r="E1329" s="5" t="s">
        <v>4989</v>
      </c>
      <c r="F1329" s="6" t="s">
        <v>5</v>
      </c>
      <c r="G1329" s="2"/>
      <c r="H1329" s="4"/>
      <c r="I1329" s="5"/>
      <c r="J1329" s="5"/>
      <c r="K1329" s="5"/>
      <c r="L1329" s="6"/>
      <c r="M1329" s="2" t="s">
        <v>4990</v>
      </c>
      <c r="N1329" s="3">
        <v>44672</v>
      </c>
      <c r="O1329" s="3">
        <v>44672</v>
      </c>
      <c r="P1329" s="3">
        <v>47208</v>
      </c>
    </row>
    <row r="1330" spans="1:16" x14ac:dyDescent="0.15">
      <c r="A1330" s="2" t="s">
        <v>49</v>
      </c>
      <c r="B1330" s="2" t="s">
        <v>4991</v>
      </c>
      <c r="C1330" s="4" t="s">
        <v>6</v>
      </c>
      <c r="D1330" s="5" t="s">
        <v>247</v>
      </c>
      <c r="E1330" s="5" t="s">
        <v>2367</v>
      </c>
      <c r="F1330" s="6" t="s">
        <v>5</v>
      </c>
      <c r="G1330" s="2"/>
      <c r="H1330" s="4"/>
      <c r="I1330" s="5"/>
      <c r="J1330" s="5"/>
      <c r="K1330" s="5"/>
      <c r="L1330" s="6"/>
      <c r="M1330" s="2" t="s">
        <v>4992</v>
      </c>
      <c r="N1330" s="3">
        <v>38936</v>
      </c>
      <c r="O1330" s="3">
        <v>44713</v>
      </c>
      <c r="P1330" s="3">
        <v>46538</v>
      </c>
    </row>
    <row r="1331" spans="1:16" x14ac:dyDescent="0.15">
      <c r="A1331" s="2" t="s">
        <v>49</v>
      </c>
      <c r="B1331" s="2" t="s">
        <v>8146</v>
      </c>
      <c r="C1331" s="4" t="s">
        <v>6</v>
      </c>
      <c r="D1331" s="5" t="s">
        <v>500</v>
      </c>
      <c r="E1331" s="5" t="s">
        <v>8147</v>
      </c>
      <c r="F1331" s="6" t="s">
        <v>5</v>
      </c>
      <c r="G1331" s="2" t="s">
        <v>8143</v>
      </c>
      <c r="H1331" s="4" t="s">
        <v>9</v>
      </c>
      <c r="I1331" s="5" t="s">
        <v>6</v>
      </c>
      <c r="J1331" s="5" t="s">
        <v>8144</v>
      </c>
      <c r="K1331" s="5" t="s">
        <v>8145</v>
      </c>
      <c r="L1331" s="6" t="s">
        <v>5</v>
      </c>
      <c r="M1331" s="2" t="s">
        <v>8148</v>
      </c>
      <c r="N1331" s="3">
        <v>45078</v>
      </c>
      <c r="O1331" s="3">
        <v>45078</v>
      </c>
      <c r="P1331" s="3">
        <v>47269</v>
      </c>
    </row>
    <row r="1332" spans="1:16" x14ac:dyDescent="0.15">
      <c r="A1332" s="2" t="s">
        <v>49</v>
      </c>
      <c r="B1332" s="2" t="s">
        <v>4997</v>
      </c>
      <c r="C1332" s="4" t="s">
        <v>6</v>
      </c>
      <c r="D1332" s="5" t="s">
        <v>2876</v>
      </c>
      <c r="E1332" s="5" t="s">
        <v>4998</v>
      </c>
      <c r="F1332" s="6" t="s">
        <v>5</v>
      </c>
      <c r="G1332" s="2"/>
      <c r="H1332" s="4"/>
      <c r="I1332" s="5"/>
      <c r="J1332" s="5"/>
      <c r="K1332" s="5"/>
      <c r="L1332" s="6"/>
      <c r="M1332" s="2" t="s">
        <v>4999</v>
      </c>
      <c r="N1332" s="3">
        <v>40664</v>
      </c>
      <c r="O1332" s="3">
        <v>44682</v>
      </c>
      <c r="P1332" s="3">
        <v>46873</v>
      </c>
    </row>
    <row r="1333" spans="1:16" x14ac:dyDescent="0.15">
      <c r="A1333" s="2" t="s">
        <v>49</v>
      </c>
      <c r="B1333" s="2" t="s">
        <v>8151</v>
      </c>
      <c r="C1333" s="4" t="s">
        <v>6</v>
      </c>
      <c r="D1333" s="5" t="s">
        <v>456</v>
      </c>
      <c r="E1333" s="5" t="s">
        <v>520</v>
      </c>
      <c r="F1333" s="6" t="s">
        <v>5</v>
      </c>
      <c r="G1333" s="2" t="s">
        <v>8149</v>
      </c>
      <c r="H1333" s="4" t="s">
        <v>9</v>
      </c>
      <c r="I1333" s="5" t="s">
        <v>6</v>
      </c>
      <c r="J1333" s="5" t="s">
        <v>33</v>
      </c>
      <c r="K1333" s="5" t="s">
        <v>8150</v>
      </c>
      <c r="L1333" s="6" t="s">
        <v>5</v>
      </c>
      <c r="M1333" s="2" t="s">
        <v>8152</v>
      </c>
      <c r="N1333" s="3">
        <v>45026</v>
      </c>
      <c r="O1333" s="3">
        <v>45026</v>
      </c>
      <c r="P1333" s="3">
        <v>46904</v>
      </c>
    </row>
    <row r="1334" spans="1:16" x14ac:dyDescent="0.15">
      <c r="A1334" s="2" t="s">
        <v>49</v>
      </c>
      <c r="B1334" s="2" t="s">
        <v>5004</v>
      </c>
      <c r="C1334" s="4" t="s">
        <v>6</v>
      </c>
      <c r="D1334" s="5" t="s">
        <v>253</v>
      </c>
      <c r="E1334" s="5" t="s">
        <v>599</v>
      </c>
      <c r="F1334" s="6" t="s">
        <v>5005</v>
      </c>
      <c r="G1334" s="2"/>
      <c r="H1334" s="4"/>
      <c r="I1334" s="5"/>
      <c r="J1334" s="5"/>
      <c r="K1334" s="5"/>
      <c r="L1334" s="6"/>
      <c r="M1334" s="2" t="s">
        <v>5006</v>
      </c>
      <c r="N1334" s="3">
        <v>40330</v>
      </c>
      <c r="O1334" s="3">
        <v>44713</v>
      </c>
      <c r="P1334" s="3">
        <v>46904</v>
      </c>
    </row>
    <row r="1335" spans="1:16" x14ac:dyDescent="0.15">
      <c r="A1335" s="2" t="s">
        <v>49</v>
      </c>
      <c r="B1335" s="2" t="s">
        <v>8169</v>
      </c>
      <c r="C1335" s="4" t="s">
        <v>6</v>
      </c>
      <c r="D1335" s="5" t="s">
        <v>45</v>
      </c>
      <c r="E1335" s="5" t="s">
        <v>8170</v>
      </c>
      <c r="F1335" s="6" t="s">
        <v>5</v>
      </c>
      <c r="G1335" s="2" t="s">
        <v>8166</v>
      </c>
      <c r="H1335" s="4" t="s">
        <v>9</v>
      </c>
      <c r="I1335" s="5" t="s">
        <v>6</v>
      </c>
      <c r="J1335" s="5" t="s">
        <v>8167</v>
      </c>
      <c r="K1335" s="5" t="s">
        <v>8168</v>
      </c>
      <c r="L1335" s="6" t="s">
        <v>5</v>
      </c>
      <c r="M1335" s="2" t="s">
        <v>8171</v>
      </c>
      <c r="N1335" s="3">
        <v>45044</v>
      </c>
      <c r="O1335" s="3">
        <v>45044</v>
      </c>
      <c r="P1335" s="3">
        <v>47452</v>
      </c>
    </row>
    <row r="1336" spans="1:16" x14ac:dyDescent="0.15">
      <c r="A1336" s="2" t="s">
        <v>49</v>
      </c>
      <c r="B1336" s="2" t="s">
        <v>5012</v>
      </c>
      <c r="C1336" s="4" t="s">
        <v>6</v>
      </c>
      <c r="D1336" s="5" t="s">
        <v>434</v>
      </c>
      <c r="E1336" s="5" t="s">
        <v>5013</v>
      </c>
      <c r="F1336" s="6" t="s">
        <v>5</v>
      </c>
      <c r="G1336" s="2"/>
      <c r="H1336" s="4"/>
      <c r="I1336" s="5"/>
      <c r="J1336" s="5"/>
      <c r="K1336" s="5"/>
      <c r="L1336" s="6"/>
      <c r="M1336" s="2" t="s">
        <v>5014</v>
      </c>
      <c r="N1336" s="3">
        <v>44672</v>
      </c>
      <c r="O1336" s="3">
        <v>44672</v>
      </c>
      <c r="P1336" s="3">
        <v>47057</v>
      </c>
    </row>
    <row r="1337" spans="1:16" x14ac:dyDescent="0.15">
      <c r="A1337" s="2" t="s">
        <v>49</v>
      </c>
      <c r="B1337" s="2" t="s">
        <v>5016</v>
      </c>
      <c r="C1337" s="4" t="s">
        <v>6</v>
      </c>
      <c r="D1337" s="5" t="s">
        <v>4758</v>
      </c>
      <c r="E1337" s="5" t="s">
        <v>5015</v>
      </c>
      <c r="F1337" s="6" t="s">
        <v>5</v>
      </c>
      <c r="G1337" s="2"/>
      <c r="H1337" s="4"/>
      <c r="I1337" s="5"/>
      <c r="J1337" s="5"/>
      <c r="K1337" s="5"/>
      <c r="L1337" s="6"/>
      <c r="M1337" s="2" t="s">
        <v>5017</v>
      </c>
      <c r="N1337" s="3">
        <v>32705</v>
      </c>
      <c r="O1337" s="3">
        <v>44682</v>
      </c>
      <c r="P1337" s="3">
        <v>46507</v>
      </c>
    </row>
    <row r="1338" spans="1:16" x14ac:dyDescent="0.15">
      <c r="A1338" s="2" t="s">
        <v>49</v>
      </c>
      <c r="B1338" s="2" t="s">
        <v>5019</v>
      </c>
      <c r="C1338" s="4" t="s">
        <v>6</v>
      </c>
      <c r="D1338" s="5" t="s">
        <v>819</v>
      </c>
      <c r="E1338" s="5" t="s">
        <v>5018</v>
      </c>
      <c r="F1338" s="6" t="s">
        <v>5</v>
      </c>
      <c r="G1338" s="2"/>
      <c r="H1338" s="4"/>
      <c r="I1338" s="5"/>
      <c r="J1338" s="5"/>
      <c r="K1338" s="5"/>
      <c r="L1338" s="6"/>
      <c r="M1338" s="2" t="s">
        <v>5020</v>
      </c>
      <c r="N1338" s="3">
        <v>44690</v>
      </c>
      <c r="O1338" s="3">
        <v>44690</v>
      </c>
      <c r="P1338" s="3">
        <v>46873</v>
      </c>
    </row>
    <row r="1339" spans="1:16" x14ac:dyDescent="0.15">
      <c r="A1339" s="2" t="s">
        <v>49</v>
      </c>
      <c r="B1339" s="2" t="s">
        <v>5021</v>
      </c>
      <c r="C1339" s="4" t="s">
        <v>6</v>
      </c>
      <c r="D1339" s="5" t="s">
        <v>5022</v>
      </c>
      <c r="E1339" s="5" t="s">
        <v>682</v>
      </c>
      <c r="F1339" s="6" t="s">
        <v>5</v>
      </c>
      <c r="G1339" s="2"/>
      <c r="H1339" s="4"/>
      <c r="I1339" s="5"/>
      <c r="J1339" s="5"/>
      <c r="K1339" s="5"/>
      <c r="L1339" s="6"/>
      <c r="M1339" s="2" t="s">
        <v>5023</v>
      </c>
      <c r="N1339" s="3">
        <v>45392</v>
      </c>
      <c r="O1339" s="3">
        <v>45392</v>
      </c>
      <c r="P1339" s="3">
        <v>47787</v>
      </c>
    </row>
    <row r="1340" spans="1:16" x14ac:dyDescent="0.15">
      <c r="A1340" s="2" t="s">
        <v>49</v>
      </c>
      <c r="B1340" s="2" t="s">
        <v>8180</v>
      </c>
      <c r="C1340" s="4" t="s">
        <v>6</v>
      </c>
      <c r="D1340" s="5" t="s">
        <v>4034</v>
      </c>
      <c r="E1340" s="5" t="s">
        <v>8181</v>
      </c>
      <c r="F1340" s="6" t="s">
        <v>5</v>
      </c>
      <c r="G1340" s="2" t="s">
        <v>8178</v>
      </c>
      <c r="H1340" s="4" t="s">
        <v>9</v>
      </c>
      <c r="I1340" s="5" t="s">
        <v>6</v>
      </c>
      <c r="J1340" s="5" t="s">
        <v>1517</v>
      </c>
      <c r="K1340" s="5" t="s">
        <v>8179</v>
      </c>
      <c r="L1340" s="6" t="s">
        <v>5</v>
      </c>
      <c r="M1340" s="2" t="s">
        <v>8182</v>
      </c>
      <c r="N1340" s="3">
        <v>45028</v>
      </c>
      <c r="O1340" s="3">
        <v>45028</v>
      </c>
      <c r="P1340" s="3">
        <v>47208</v>
      </c>
    </row>
    <row r="1341" spans="1:16" x14ac:dyDescent="0.15">
      <c r="A1341" s="2" t="s">
        <v>49</v>
      </c>
      <c r="B1341" s="2" t="s">
        <v>8180</v>
      </c>
      <c r="C1341" s="4" t="s">
        <v>6</v>
      </c>
      <c r="D1341" s="5" t="s">
        <v>1517</v>
      </c>
      <c r="E1341" s="5" t="s">
        <v>8179</v>
      </c>
      <c r="F1341" s="6" t="s">
        <v>5</v>
      </c>
      <c r="G1341" s="2" t="s">
        <v>8178</v>
      </c>
      <c r="H1341" s="4" t="s">
        <v>9</v>
      </c>
      <c r="I1341" s="5" t="s">
        <v>6</v>
      </c>
      <c r="J1341" s="5" t="s">
        <v>1517</v>
      </c>
      <c r="K1341" s="5" t="s">
        <v>8179</v>
      </c>
      <c r="L1341" s="6" t="s">
        <v>5</v>
      </c>
      <c r="M1341" s="2" t="s">
        <v>8184</v>
      </c>
      <c r="N1341" s="3">
        <v>45028</v>
      </c>
      <c r="O1341" s="3">
        <v>45028</v>
      </c>
      <c r="P1341" s="3">
        <v>47026</v>
      </c>
    </row>
    <row r="1342" spans="1:16" x14ac:dyDescent="0.15">
      <c r="A1342" s="2" t="s">
        <v>49</v>
      </c>
      <c r="B1342" s="2" t="s">
        <v>5031</v>
      </c>
      <c r="C1342" s="4" t="s">
        <v>6</v>
      </c>
      <c r="D1342" s="5" t="s">
        <v>5032</v>
      </c>
      <c r="E1342" s="5" t="s">
        <v>5</v>
      </c>
      <c r="F1342" s="6" t="s">
        <v>5</v>
      </c>
      <c r="G1342" s="2"/>
      <c r="H1342" s="4"/>
      <c r="I1342" s="5"/>
      <c r="J1342" s="5"/>
      <c r="K1342" s="5"/>
      <c r="L1342" s="6"/>
      <c r="M1342" s="2" t="s">
        <v>5033</v>
      </c>
      <c r="N1342" s="3">
        <v>44683</v>
      </c>
      <c r="O1342" s="3">
        <v>44683</v>
      </c>
      <c r="P1342" s="3">
        <v>47208</v>
      </c>
    </row>
    <row r="1343" spans="1:16" x14ac:dyDescent="0.15">
      <c r="A1343" s="2" t="s">
        <v>49</v>
      </c>
      <c r="B1343" s="2" t="s">
        <v>1397</v>
      </c>
      <c r="C1343" s="4" t="s">
        <v>6</v>
      </c>
      <c r="D1343" s="5" t="s">
        <v>69</v>
      </c>
      <c r="E1343" s="5" t="s">
        <v>527</v>
      </c>
      <c r="F1343" s="6" t="s">
        <v>5034</v>
      </c>
      <c r="G1343" s="2"/>
      <c r="H1343" s="4"/>
      <c r="I1343" s="5"/>
      <c r="J1343" s="5"/>
      <c r="K1343" s="5"/>
      <c r="L1343" s="6"/>
      <c r="M1343" s="2" t="s">
        <v>5035</v>
      </c>
      <c r="N1343" s="3">
        <v>34101</v>
      </c>
      <c r="O1343" s="3">
        <v>44713</v>
      </c>
      <c r="P1343" s="3">
        <v>46904</v>
      </c>
    </row>
    <row r="1344" spans="1:16" x14ac:dyDescent="0.15">
      <c r="A1344" s="2" t="s">
        <v>49</v>
      </c>
      <c r="B1344" s="2" t="s">
        <v>8191</v>
      </c>
      <c r="C1344" s="4" t="s">
        <v>6</v>
      </c>
      <c r="D1344" s="5" t="s">
        <v>1754</v>
      </c>
      <c r="E1344" s="5" t="s">
        <v>8190</v>
      </c>
      <c r="F1344" s="6" t="s">
        <v>5</v>
      </c>
      <c r="G1344" s="2" t="s">
        <v>8189</v>
      </c>
      <c r="H1344" s="4" t="s">
        <v>9</v>
      </c>
      <c r="I1344" s="5" t="s">
        <v>6</v>
      </c>
      <c r="J1344" s="5" t="s">
        <v>1754</v>
      </c>
      <c r="K1344" s="5" t="s">
        <v>8190</v>
      </c>
      <c r="L1344" s="6" t="s">
        <v>5</v>
      </c>
      <c r="M1344" s="2" t="s">
        <v>8192</v>
      </c>
      <c r="N1344" s="3">
        <v>38716</v>
      </c>
      <c r="O1344" s="3">
        <v>45047</v>
      </c>
      <c r="P1344" s="3">
        <v>47238</v>
      </c>
    </row>
    <row r="1345" spans="1:16" x14ac:dyDescent="0.15">
      <c r="A1345" s="2" t="s">
        <v>49</v>
      </c>
      <c r="B1345" s="2" t="s">
        <v>5042</v>
      </c>
      <c r="C1345" s="4" t="s">
        <v>6</v>
      </c>
      <c r="D1345" s="5" t="s">
        <v>5043</v>
      </c>
      <c r="E1345" s="5" t="s">
        <v>5</v>
      </c>
      <c r="F1345" s="6" t="s">
        <v>5</v>
      </c>
      <c r="G1345" s="2"/>
      <c r="H1345" s="4"/>
      <c r="I1345" s="5"/>
      <c r="J1345" s="5"/>
      <c r="K1345" s="5"/>
      <c r="L1345" s="6"/>
      <c r="M1345" s="2" t="s">
        <v>5044</v>
      </c>
      <c r="N1345" s="3">
        <v>42166</v>
      </c>
      <c r="O1345" s="3">
        <v>44713</v>
      </c>
      <c r="P1345" s="3">
        <v>46904</v>
      </c>
    </row>
    <row r="1346" spans="1:16" x14ac:dyDescent="0.15">
      <c r="A1346" s="2" t="s">
        <v>49</v>
      </c>
      <c r="B1346" s="2" t="s">
        <v>5045</v>
      </c>
      <c r="C1346" s="4" t="s">
        <v>6</v>
      </c>
      <c r="D1346" s="5" t="s">
        <v>510</v>
      </c>
      <c r="E1346" s="5" t="s">
        <v>4946</v>
      </c>
      <c r="F1346" s="6" t="s">
        <v>5</v>
      </c>
      <c r="G1346" s="2"/>
      <c r="H1346" s="4"/>
      <c r="I1346" s="5"/>
      <c r="J1346" s="5"/>
      <c r="K1346" s="5"/>
      <c r="L1346" s="6"/>
      <c r="M1346" s="2" t="s">
        <v>5046</v>
      </c>
      <c r="N1346" s="3">
        <v>44683</v>
      </c>
      <c r="O1346" s="3">
        <v>44683</v>
      </c>
      <c r="P1346" s="3">
        <v>46568</v>
      </c>
    </row>
    <row r="1347" spans="1:16" x14ac:dyDescent="0.15">
      <c r="A1347" s="2" t="s">
        <v>16</v>
      </c>
      <c r="B1347" s="2" t="s">
        <v>5045</v>
      </c>
      <c r="C1347" s="4" t="s">
        <v>6</v>
      </c>
      <c r="D1347" s="5" t="s">
        <v>510</v>
      </c>
      <c r="E1347" s="5" t="s">
        <v>4946</v>
      </c>
      <c r="F1347" s="6" t="s">
        <v>5</v>
      </c>
      <c r="G1347" s="2"/>
      <c r="H1347" s="4"/>
      <c r="I1347" s="5"/>
      <c r="J1347" s="5"/>
      <c r="K1347" s="5"/>
      <c r="L1347" s="6"/>
      <c r="M1347" s="2" t="s">
        <v>5047</v>
      </c>
      <c r="N1347" s="3">
        <v>44683</v>
      </c>
      <c r="O1347" s="3">
        <v>44683</v>
      </c>
      <c r="P1347" s="3">
        <v>46568</v>
      </c>
    </row>
    <row r="1348" spans="1:16" x14ac:dyDescent="0.15">
      <c r="A1348" s="2" t="s">
        <v>49</v>
      </c>
      <c r="B1348" s="2" t="s">
        <v>5048</v>
      </c>
      <c r="C1348" s="4" t="s">
        <v>6</v>
      </c>
      <c r="D1348" s="5" t="s">
        <v>5049</v>
      </c>
      <c r="E1348" s="5" t="s">
        <v>5050</v>
      </c>
      <c r="F1348" s="6" t="s">
        <v>5</v>
      </c>
      <c r="G1348" s="2"/>
      <c r="H1348" s="4"/>
      <c r="I1348" s="5"/>
      <c r="J1348" s="5"/>
      <c r="K1348" s="5"/>
      <c r="L1348" s="6"/>
      <c r="M1348" s="2" t="s">
        <v>5051</v>
      </c>
      <c r="N1348" s="3">
        <v>45176</v>
      </c>
      <c r="O1348" s="3">
        <v>45176</v>
      </c>
      <c r="P1348" s="3">
        <v>47603</v>
      </c>
    </row>
    <row r="1349" spans="1:16" x14ac:dyDescent="0.15">
      <c r="A1349" s="2" t="s">
        <v>49</v>
      </c>
      <c r="B1349" s="2" t="s">
        <v>5052</v>
      </c>
      <c r="C1349" s="4" t="s">
        <v>6</v>
      </c>
      <c r="D1349" s="5" t="s">
        <v>1027</v>
      </c>
      <c r="E1349" s="5" t="s">
        <v>5053</v>
      </c>
      <c r="F1349" s="6" t="s">
        <v>5054</v>
      </c>
      <c r="G1349" s="2"/>
      <c r="H1349" s="4"/>
      <c r="I1349" s="5"/>
      <c r="J1349" s="5"/>
      <c r="K1349" s="5"/>
      <c r="L1349" s="6"/>
      <c r="M1349" s="2" t="s">
        <v>5055</v>
      </c>
      <c r="N1349" s="3">
        <v>44687</v>
      </c>
      <c r="O1349" s="3">
        <v>44687</v>
      </c>
      <c r="P1349" s="3">
        <v>47087</v>
      </c>
    </row>
    <row r="1350" spans="1:16" x14ac:dyDescent="0.15">
      <c r="A1350" s="2" t="s">
        <v>49</v>
      </c>
      <c r="B1350" s="2" t="s">
        <v>5056</v>
      </c>
      <c r="C1350" s="4" t="s">
        <v>6</v>
      </c>
      <c r="D1350" s="5" t="s">
        <v>1027</v>
      </c>
      <c r="E1350" s="5" t="s">
        <v>2830</v>
      </c>
      <c r="F1350" s="6" t="s">
        <v>5057</v>
      </c>
      <c r="G1350" s="2"/>
      <c r="H1350" s="4"/>
      <c r="I1350" s="5"/>
      <c r="J1350" s="5"/>
      <c r="K1350" s="5"/>
      <c r="L1350" s="6"/>
      <c r="M1350" s="2" t="s">
        <v>5058</v>
      </c>
      <c r="N1350" s="3">
        <v>44753</v>
      </c>
      <c r="O1350" s="3">
        <v>44753</v>
      </c>
      <c r="P1350" s="3">
        <v>47087</v>
      </c>
    </row>
    <row r="1351" spans="1:16" x14ac:dyDescent="0.15">
      <c r="A1351" s="2" t="s">
        <v>49</v>
      </c>
      <c r="B1351" s="2" t="s">
        <v>5059</v>
      </c>
      <c r="C1351" s="4" t="s">
        <v>6</v>
      </c>
      <c r="D1351" s="5" t="s">
        <v>848</v>
      </c>
      <c r="E1351" s="5" t="s">
        <v>1187</v>
      </c>
      <c r="F1351" s="6" t="s">
        <v>5060</v>
      </c>
      <c r="G1351" s="2"/>
      <c r="H1351" s="4"/>
      <c r="I1351" s="5"/>
      <c r="J1351" s="5"/>
      <c r="K1351" s="5"/>
      <c r="L1351" s="6"/>
      <c r="M1351" s="2" t="s">
        <v>5061</v>
      </c>
      <c r="N1351" s="3">
        <v>44679</v>
      </c>
      <c r="O1351" s="3">
        <v>44679</v>
      </c>
      <c r="P1351" s="3">
        <v>46538</v>
      </c>
    </row>
    <row r="1352" spans="1:16" x14ac:dyDescent="0.15">
      <c r="A1352" s="2" t="s">
        <v>49</v>
      </c>
      <c r="B1352" s="2" t="s">
        <v>5062</v>
      </c>
      <c r="C1352" s="4" t="s">
        <v>6</v>
      </c>
      <c r="D1352" s="5" t="s">
        <v>500</v>
      </c>
      <c r="E1352" s="5" t="s">
        <v>5063</v>
      </c>
      <c r="F1352" s="6" t="s">
        <v>5064</v>
      </c>
      <c r="G1352" s="2"/>
      <c r="H1352" s="4"/>
      <c r="I1352" s="5"/>
      <c r="J1352" s="5"/>
      <c r="K1352" s="5"/>
      <c r="L1352" s="6"/>
      <c r="M1352" s="2" t="s">
        <v>5065</v>
      </c>
      <c r="N1352" s="3">
        <v>45253</v>
      </c>
      <c r="O1352" s="3">
        <v>45253</v>
      </c>
      <c r="P1352" s="3">
        <v>47634</v>
      </c>
    </row>
    <row r="1353" spans="1:16" x14ac:dyDescent="0.15">
      <c r="A1353" s="2" t="s">
        <v>49</v>
      </c>
      <c r="B1353" s="2" t="s">
        <v>5066</v>
      </c>
      <c r="C1353" s="4" t="s">
        <v>6</v>
      </c>
      <c r="D1353" s="5" t="s">
        <v>69</v>
      </c>
      <c r="E1353" s="5" t="s">
        <v>5067</v>
      </c>
      <c r="F1353" s="6" t="s">
        <v>5068</v>
      </c>
      <c r="G1353" s="2"/>
      <c r="H1353" s="4"/>
      <c r="I1353" s="5"/>
      <c r="J1353" s="5"/>
      <c r="K1353" s="5"/>
      <c r="L1353" s="6"/>
      <c r="M1353" s="2" t="s">
        <v>5069</v>
      </c>
      <c r="N1353" s="3">
        <v>44673</v>
      </c>
      <c r="O1353" s="3">
        <v>44673</v>
      </c>
      <c r="P1353" s="3">
        <v>46904</v>
      </c>
    </row>
    <row r="1354" spans="1:16" x14ac:dyDescent="0.15">
      <c r="A1354" s="2" t="s">
        <v>49</v>
      </c>
      <c r="B1354" s="2" t="s">
        <v>5070</v>
      </c>
      <c r="C1354" s="4" t="s">
        <v>6</v>
      </c>
      <c r="D1354" s="5" t="s">
        <v>2750</v>
      </c>
      <c r="E1354" s="5" t="s">
        <v>763</v>
      </c>
      <c r="F1354" s="6" t="s">
        <v>5071</v>
      </c>
      <c r="G1354" s="2"/>
      <c r="H1354" s="4"/>
      <c r="I1354" s="5"/>
      <c r="J1354" s="5"/>
      <c r="K1354" s="5"/>
      <c r="L1354" s="6"/>
      <c r="M1354" s="2" t="s">
        <v>5072</v>
      </c>
      <c r="N1354" s="3">
        <v>44672</v>
      </c>
      <c r="O1354" s="3">
        <v>44672</v>
      </c>
      <c r="P1354" s="3">
        <v>46873</v>
      </c>
    </row>
    <row r="1355" spans="1:16" x14ac:dyDescent="0.15">
      <c r="A1355" s="2" t="s">
        <v>49</v>
      </c>
      <c r="B1355" s="2" t="s">
        <v>5073</v>
      </c>
      <c r="C1355" s="4" t="s">
        <v>6</v>
      </c>
      <c r="D1355" s="5" t="s">
        <v>247</v>
      </c>
      <c r="E1355" s="5" t="s">
        <v>5074</v>
      </c>
      <c r="F1355" s="6" t="s">
        <v>5</v>
      </c>
      <c r="G1355" s="2"/>
      <c r="H1355" s="4"/>
      <c r="I1355" s="5"/>
      <c r="J1355" s="5"/>
      <c r="K1355" s="5"/>
      <c r="L1355" s="6"/>
      <c r="M1355" s="2" t="s">
        <v>5075</v>
      </c>
      <c r="N1355" s="3">
        <v>36920</v>
      </c>
      <c r="O1355" s="3">
        <v>44713</v>
      </c>
      <c r="P1355" s="3">
        <v>46538</v>
      </c>
    </row>
    <row r="1356" spans="1:16" x14ac:dyDescent="0.15">
      <c r="A1356" s="2" t="s">
        <v>49</v>
      </c>
      <c r="B1356" s="2" t="s">
        <v>5076</v>
      </c>
      <c r="C1356" s="4" t="s">
        <v>6</v>
      </c>
      <c r="D1356" s="5" t="s">
        <v>1027</v>
      </c>
      <c r="E1356" s="5" t="s">
        <v>5077</v>
      </c>
      <c r="F1356" s="6" t="s">
        <v>5078</v>
      </c>
      <c r="G1356" s="2"/>
      <c r="H1356" s="4"/>
      <c r="I1356" s="5"/>
      <c r="J1356" s="5"/>
      <c r="K1356" s="5"/>
      <c r="L1356" s="6"/>
      <c r="M1356" s="2" t="s">
        <v>5079</v>
      </c>
      <c r="N1356" s="3">
        <v>44693</v>
      </c>
      <c r="O1356" s="3">
        <v>44693</v>
      </c>
      <c r="P1356" s="3">
        <v>47087</v>
      </c>
    </row>
    <row r="1357" spans="1:16" x14ac:dyDescent="0.15">
      <c r="A1357" s="2" t="s">
        <v>49</v>
      </c>
      <c r="B1357" s="2" t="s">
        <v>8195</v>
      </c>
      <c r="C1357" s="4" t="s">
        <v>6</v>
      </c>
      <c r="D1357" s="5" t="s">
        <v>3361</v>
      </c>
      <c r="E1357" s="5" t="s">
        <v>8194</v>
      </c>
      <c r="F1357" s="6" t="s">
        <v>5</v>
      </c>
      <c r="G1357" s="2" t="s">
        <v>8193</v>
      </c>
      <c r="H1357" s="4" t="s">
        <v>9</v>
      </c>
      <c r="I1357" s="5" t="s">
        <v>6</v>
      </c>
      <c r="J1357" s="5" t="s">
        <v>3361</v>
      </c>
      <c r="K1357" s="5" t="s">
        <v>8194</v>
      </c>
      <c r="L1357" s="6" t="s">
        <v>5</v>
      </c>
      <c r="M1357" s="2" t="s">
        <v>8196</v>
      </c>
      <c r="N1357" s="3">
        <v>42697</v>
      </c>
      <c r="O1357" s="3">
        <v>45047</v>
      </c>
      <c r="P1357" s="3">
        <v>47238</v>
      </c>
    </row>
    <row r="1358" spans="1:16" x14ac:dyDescent="0.15">
      <c r="A1358" s="2" t="s">
        <v>49</v>
      </c>
      <c r="B1358" s="2" t="s">
        <v>8212</v>
      </c>
      <c r="C1358" s="4" t="s">
        <v>6</v>
      </c>
      <c r="D1358" s="5" t="s">
        <v>500</v>
      </c>
      <c r="E1358" s="5" t="s">
        <v>8211</v>
      </c>
      <c r="F1358" s="6" t="s">
        <v>5</v>
      </c>
      <c r="G1358" s="2" t="s">
        <v>8210</v>
      </c>
      <c r="H1358" s="4" t="s">
        <v>9</v>
      </c>
      <c r="I1358" s="5" t="s">
        <v>6</v>
      </c>
      <c r="J1358" s="5" t="s">
        <v>500</v>
      </c>
      <c r="K1358" s="5" t="s">
        <v>8211</v>
      </c>
      <c r="L1358" s="6" t="s">
        <v>5</v>
      </c>
      <c r="M1358" s="2" t="s">
        <v>8213</v>
      </c>
      <c r="N1358" s="3">
        <v>40527</v>
      </c>
      <c r="O1358" s="3">
        <v>45078</v>
      </c>
      <c r="P1358" s="3">
        <v>47269</v>
      </c>
    </row>
    <row r="1359" spans="1:16" x14ac:dyDescent="0.15">
      <c r="A1359" s="2" t="s">
        <v>49</v>
      </c>
      <c r="B1359" s="2" t="s">
        <v>8224</v>
      </c>
      <c r="C1359" s="4" t="s">
        <v>6</v>
      </c>
      <c r="D1359" s="5" t="s">
        <v>111</v>
      </c>
      <c r="E1359" s="5" t="s">
        <v>8225</v>
      </c>
      <c r="F1359" s="6" t="s">
        <v>5</v>
      </c>
      <c r="G1359" s="2" t="s">
        <v>8221</v>
      </c>
      <c r="H1359" s="4" t="s">
        <v>384</v>
      </c>
      <c r="I1359" s="5" t="s">
        <v>2035</v>
      </c>
      <c r="J1359" s="5" t="s">
        <v>8222</v>
      </c>
      <c r="K1359" s="5" t="s">
        <v>8223</v>
      </c>
      <c r="L1359" s="6" t="s">
        <v>5</v>
      </c>
      <c r="M1359" s="2" t="s">
        <v>8226</v>
      </c>
      <c r="N1359" s="3">
        <v>45036</v>
      </c>
      <c r="O1359" s="3">
        <v>45036</v>
      </c>
      <c r="P1359" s="3">
        <v>47422</v>
      </c>
    </row>
    <row r="1360" spans="1:16" x14ac:dyDescent="0.15">
      <c r="A1360" s="2" t="s">
        <v>49</v>
      </c>
      <c r="B1360" s="2" t="s">
        <v>8232</v>
      </c>
      <c r="C1360" s="4" t="s">
        <v>6</v>
      </c>
      <c r="D1360" s="5" t="s">
        <v>6261</v>
      </c>
      <c r="E1360" s="5" t="s">
        <v>8233</v>
      </c>
      <c r="F1360" s="6" t="s">
        <v>8234</v>
      </c>
      <c r="G1360" s="2" t="s">
        <v>8230</v>
      </c>
      <c r="H1360" s="4" t="s">
        <v>9</v>
      </c>
      <c r="I1360" s="5" t="s">
        <v>6</v>
      </c>
      <c r="J1360" s="5" t="s">
        <v>207</v>
      </c>
      <c r="K1360" s="5" t="s">
        <v>8231</v>
      </c>
      <c r="L1360" s="6" t="s">
        <v>5</v>
      </c>
      <c r="M1360" s="2" t="s">
        <v>8235</v>
      </c>
      <c r="N1360" s="3">
        <v>45078</v>
      </c>
      <c r="O1360" s="3">
        <v>45078</v>
      </c>
      <c r="P1360" s="3">
        <v>47391</v>
      </c>
    </row>
    <row r="1361" spans="1:16" x14ac:dyDescent="0.15">
      <c r="A1361" s="2" t="s">
        <v>49</v>
      </c>
      <c r="B1361" s="2" t="s">
        <v>8236</v>
      </c>
      <c r="C1361" s="4" t="s">
        <v>6</v>
      </c>
      <c r="D1361" s="5" t="s">
        <v>207</v>
      </c>
      <c r="E1361" s="5" t="s">
        <v>8237</v>
      </c>
      <c r="F1361" s="6" t="s">
        <v>5</v>
      </c>
      <c r="G1361" s="2" t="s">
        <v>8230</v>
      </c>
      <c r="H1361" s="4" t="s">
        <v>9</v>
      </c>
      <c r="I1361" s="5" t="s">
        <v>6</v>
      </c>
      <c r="J1361" s="5" t="s">
        <v>207</v>
      </c>
      <c r="K1361" s="5" t="s">
        <v>8231</v>
      </c>
      <c r="L1361" s="6" t="s">
        <v>5</v>
      </c>
      <c r="M1361" s="2" t="s">
        <v>8238</v>
      </c>
      <c r="N1361" s="3">
        <v>33179</v>
      </c>
      <c r="O1361" s="3">
        <v>45413</v>
      </c>
      <c r="P1361" s="3">
        <v>47603</v>
      </c>
    </row>
    <row r="1362" spans="1:16" x14ac:dyDescent="0.15">
      <c r="A1362" s="2" t="s">
        <v>39</v>
      </c>
      <c r="B1362" s="2" t="s">
        <v>5107</v>
      </c>
      <c r="C1362" s="4" t="s">
        <v>6</v>
      </c>
      <c r="D1362" s="5" t="s">
        <v>848</v>
      </c>
      <c r="E1362" s="5" t="s">
        <v>5108</v>
      </c>
      <c r="F1362" s="6" t="s">
        <v>5109</v>
      </c>
      <c r="G1362" s="2"/>
      <c r="H1362" s="4"/>
      <c r="I1362" s="5"/>
      <c r="J1362" s="5"/>
      <c r="K1362" s="5"/>
      <c r="L1362" s="6"/>
      <c r="M1362" s="2" t="s">
        <v>5110</v>
      </c>
      <c r="N1362" s="3">
        <v>44682</v>
      </c>
      <c r="O1362" s="3">
        <v>44682</v>
      </c>
      <c r="P1362" s="3">
        <v>46904</v>
      </c>
    </row>
    <row r="1363" spans="1:16" x14ac:dyDescent="0.15">
      <c r="A1363" s="2" t="s">
        <v>49</v>
      </c>
      <c r="B1363" s="2" t="s">
        <v>8246</v>
      </c>
      <c r="C1363" s="4" t="s">
        <v>6</v>
      </c>
      <c r="D1363" s="5" t="s">
        <v>3019</v>
      </c>
      <c r="E1363" s="5" t="s">
        <v>8247</v>
      </c>
      <c r="F1363" s="6" t="s">
        <v>5</v>
      </c>
      <c r="G1363" s="2" t="s">
        <v>8244</v>
      </c>
      <c r="H1363" s="4" t="s">
        <v>9</v>
      </c>
      <c r="I1363" s="5" t="s">
        <v>6</v>
      </c>
      <c r="J1363" s="5" t="s">
        <v>570</v>
      </c>
      <c r="K1363" s="5" t="s">
        <v>8245</v>
      </c>
      <c r="L1363" s="6" t="s">
        <v>5</v>
      </c>
      <c r="M1363" s="2" t="s">
        <v>8248</v>
      </c>
      <c r="N1363" s="3">
        <v>45047</v>
      </c>
      <c r="O1363" s="3">
        <v>45047</v>
      </c>
      <c r="P1363" s="3">
        <v>47238</v>
      </c>
    </row>
    <row r="1364" spans="1:16" x14ac:dyDescent="0.15">
      <c r="A1364" s="2" t="s">
        <v>49</v>
      </c>
      <c r="B1364" s="2" t="s">
        <v>5117</v>
      </c>
      <c r="C1364" s="4" t="s">
        <v>6</v>
      </c>
      <c r="D1364" s="5" t="s">
        <v>3891</v>
      </c>
      <c r="E1364" s="5" t="s">
        <v>5118</v>
      </c>
      <c r="F1364" s="6" t="s">
        <v>5</v>
      </c>
      <c r="G1364" s="2"/>
      <c r="H1364" s="4"/>
      <c r="I1364" s="5"/>
      <c r="J1364" s="5"/>
      <c r="K1364" s="5"/>
      <c r="L1364" s="6"/>
      <c r="M1364" s="2" t="s">
        <v>5119</v>
      </c>
      <c r="N1364" s="3">
        <v>44680</v>
      </c>
      <c r="O1364" s="3">
        <v>44680</v>
      </c>
      <c r="P1364" s="3">
        <v>47208</v>
      </c>
    </row>
    <row r="1365" spans="1:16" x14ac:dyDescent="0.15">
      <c r="A1365" s="2" t="s">
        <v>49</v>
      </c>
      <c r="B1365" s="2" t="s">
        <v>5120</v>
      </c>
      <c r="C1365" s="4" t="s">
        <v>6</v>
      </c>
      <c r="D1365" s="5" t="s">
        <v>2089</v>
      </c>
      <c r="E1365" s="5" t="s">
        <v>5121</v>
      </c>
      <c r="F1365" s="6" t="s">
        <v>2091</v>
      </c>
      <c r="G1365" s="2"/>
      <c r="H1365" s="4"/>
      <c r="I1365" s="5"/>
      <c r="J1365" s="5"/>
      <c r="K1365" s="5"/>
      <c r="L1365" s="6"/>
      <c r="M1365" s="2" t="s">
        <v>5122</v>
      </c>
      <c r="N1365" s="3">
        <v>44691</v>
      </c>
      <c r="O1365" s="3">
        <v>44691</v>
      </c>
      <c r="P1365" s="3">
        <v>46904</v>
      </c>
    </row>
    <row r="1366" spans="1:16" x14ac:dyDescent="0.15">
      <c r="A1366" s="2" t="s">
        <v>49</v>
      </c>
      <c r="B1366" s="2" t="s">
        <v>8265</v>
      </c>
      <c r="C1366" s="4" t="s">
        <v>6</v>
      </c>
      <c r="D1366" s="5" t="s">
        <v>3201</v>
      </c>
      <c r="E1366" s="5" t="s">
        <v>2006</v>
      </c>
      <c r="F1366" s="6" t="s">
        <v>5</v>
      </c>
      <c r="G1366" s="2" t="s">
        <v>8263</v>
      </c>
      <c r="H1366" s="4" t="s">
        <v>9</v>
      </c>
      <c r="I1366" s="5" t="s">
        <v>6</v>
      </c>
      <c r="J1366" s="5" t="s">
        <v>8264</v>
      </c>
      <c r="K1366" s="5" t="s">
        <v>194</v>
      </c>
      <c r="L1366" s="6" t="s">
        <v>5</v>
      </c>
      <c r="M1366" s="2" t="s">
        <v>8266</v>
      </c>
      <c r="N1366" s="3">
        <v>43193</v>
      </c>
      <c r="O1366" s="3">
        <v>45047</v>
      </c>
      <c r="P1366" s="3">
        <v>46873</v>
      </c>
    </row>
    <row r="1367" spans="1:16" x14ac:dyDescent="0.15">
      <c r="A1367" s="2" t="s">
        <v>49</v>
      </c>
      <c r="B1367" s="2" t="s">
        <v>5127</v>
      </c>
      <c r="C1367" s="4" t="s">
        <v>6</v>
      </c>
      <c r="D1367" s="5" t="s">
        <v>500</v>
      </c>
      <c r="E1367" s="5" t="s">
        <v>5128</v>
      </c>
      <c r="F1367" s="6" t="s">
        <v>5129</v>
      </c>
      <c r="G1367" s="2"/>
      <c r="H1367" s="4"/>
      <c r="I1367" s="5"/>
      <c r="J1367" s="5"/>
      <c r="K1367" s="5"/>
      <c r="L1367" s="6"/>
      <c r="M1367" s="2" t="s">
        <v>5130</v>
      </c>
      <c r="N1367" s="3">
        <v>37195</v>
      </c>
      <c r="O1367" s="3">
        <v>44713</v>
      </c>
      <c r="P1367" s="3">
        <v>46538</v>
      </c>
    </row>
    <row r="1368" spans="1:16" x14ac:dyDescent="0.15">
      <c r="A1368" s="2" t="s">
        <v>49</v>
      </c>
      <c r="B1368" s="2" t="s">
        <v>8271</v>
      </c>
      <c r="C1368" s="4" t="s">
        <v>6</v>
      </c>
      <c r="D1368" s="5" t="s">
        <v>3259</v>
      </c>
      <c r="E1368" s="5" t="s">
        <v>8270</v>
      </c>
      <c r="F1368" s="6" t="s">
        <v>5</v>
      </c>
      <c r="G1368" s="2" t="s">
        <v>8269</v>
      </c>
      <c r="H1368" s="4" t="s">
        <v>9</v>
      </c>
      <c r="I1368" s="5" t="s">
        <v>6</v>
      </c>
      <c r="J1368" s="5" t="s">
        <v>3259</v>
      </c>
      <c r="K1368" s="5" t="s">
        <v>8270</v>
      </c>
      <c r="L1368" s="6" t="s">
        <v>5</v>
      </c>
      <c r="M1368" s="2" t="s">
        <v>8272</v>
      </c>
      <c r="N1368" s="3">
        <v>44737</v>
      </c>
      <c r="O1368" s="3">
        <v>45047</v>
      </c>
      <c r="P1368" s="3">
        <v>46873</v>
      </c>
    </row>
    <row r="1369" spans="1:16" x14ac:dyDescent="0.15">
      <c r="A1369" s="2" t="s">
        <v>49</v>
      </c>
      <c r="B1369" s="2" t="s">
        <v>8282</v>
      </c>
      <c r="C1369" s="4" t="s">
        <v>6</v>
      </c>
      <c r="D1369" s="5" t="s">
        <v>1076</v>
      </c>
      <c r="E1369" s="5" t="s">
        <v>2306</v>
      </c>
      <c r="F1369" s="6" t="s">
        <v>5</v>
      </c>
      <c r="G1369" s="2" t="s">
        <v>8279</v>
      </c>
      <c r="H1369" s="4" t="s">
        <v>4539</v>
      </c>
      <c r="I1369" s="5" t="s">
        <v>7137</v>
      </c>
      <c r="J1369" s="5" t="s">
        <v>8280</v>
      </c>
      <c r="K1369" s="5" t="s">
        <v>8281</v>
      </c>
      <c r="L1369" s="6" t="s">
        <v>5</v>
      </c>
      <c r="M1369" s="2" t="s">
        <v>8283</v>
      </c>
      <c r="N1369" s="3">
        <v>45044</v>
      </c>
      <c r="O1369" s="3">
        <v>45044</v>
      </c>
      <c r="P1369" s="3">
        <v>46873</v>
      </c>
    </row>
    <row r="1370" spans="1:16" x14ac:dyDescent="0.15">
      <c r="A1370" s="2" t="s">
        <v>49</v>
      </c>
      <c r="B1370" s="2" t="s">
        <v>5142</v>
      </c>
      <c r="C1370" s="4" t="s">
        <v>6</v>
      </c>
      <c r="D1370" s="5" t="s">
        <v>247</v>
      </c>
      <c r="E1370" s="5" t="s">
        <v>1745</v>
      </c>
      <c r="F1370" s="6" t="s">
        <v>5143</v>
      </c>
      <c r="G1370" s="2"/>
      <c r="H1370" s="4"/>
      <c r="I1370" s="5"/>
      <c r="J1370" s="5"/>
      <c r="K1370" s="5"/>
      <c r="L1370" s="6"/>
      <c r="M1370" s="2" t="s">
        <v>5144</v>
      </c>
      <c r="N1370" s="3">
        <v>40493</v>
      </c>
      <c r="O1370" s="3">
        <v>44713</v>
      </c>
      <c r="P1370" s="3">
        <v>46904</v>
      </c>
    </row>
    <row r="1371" spans="1:16" x14ac:dyDescent="0.15">
      <c r="A1371" s="2" t="s">
        <v>49</v>
      </c>
      <c r="B1371" s="2" t="s">
        <v>5145</v>
      </c>
      <c r="C1371" s="4" t="s">
        <v>6</v>
      </c>
      <c r="D1371" s="5" t="s">
        <v>247</v>
      </c>
      <c r="E1371" s="5" t="s">
        <v>1540</v>
      </c>
      <c r="F1371" s="6" t="s">
        <v>5146</v>
      </c>
      <c r="G1371" s="2"/>
      <c r="H1371" s="4"/>
      <c r="I1371" s="5"/>
      <c r="J1371" s="5"/>
      <c r="K1371" s="5"/>
      <c r="L1371" s="6"/>
      <c r="M1371" s="2" t="s">
        <v>5147</v>
      </c>
      <c r="N1371" s="3">
        <v>44690</v>
      </c>
      <c r="O1371" s="3">
        <v>44690</v>
      </c>
      <c r="P1371" s="3">
        <v>46904</v>
      </c>
    </row>
    <row r="1372" spans="1:16" x14ac:dyDescent="0.15">
      <c r="A1372" s="2" t="s">
        <v>49</v>
      </c>
      <c r="B1372" s="2" t="s">
        <v>5149</v>
      </c>
      <c r="C1372" s="4" t="s">
        <v>6</v>
      </c>
      <c r="D1372" s="5" t="s">
        <v>91</v>
      </c>
      <c r="E1372" s="5" t="s">
        <v>5150</v>
      </c>
      <c r="F1372" s="6" t="s">
        <v>5151</v>
      </c>
      <c r="G1372" s="2"/>
      <c r="H1372" s="4"/>
      <c r="I1372" s="5"/>
      <c r="J1372" s="5"/>
      <c r="K1372" s="5"/>
      <c r="L1372" s="6"/>
      <c r="M1372" s="2" t="s">
        <v>5152</v>
      </c>
      <c r="N1372" s="3">
        <v>44693</v>
      </c>
      <c r="O1372" s="3">
        <v>44693</v>
      </c>
      <c r="P1372" s="3">
        <v>46843</v>
      </c>
    </row>
    <row r="1373" spans="1:16" x14ac:dyDescent="0.15">
      <c r="A1373" s="2" t="s">
        <v>49</v>
      </c>
      <c r="B1373" s="2" t="s">
        <v>5153</v>
      </c>
      <c r="C1373" s="4" t="s">
        <v>6</v>
      </c>
      <c r="D1373" s="5" t="s">
        <v>5154</v>
      </c>
      <c r="E1373" s="5" t="s">
        <v>5155</v>
      </c>
      <c r="F1373" s="6" t="s">
        <v>5</v>
      </c>
      <c r="G1373" s="2"/>
      <c r="H1373" s="4"/>
      <c r="I1373" s="5"/>
      <c r="J1373" s="5"/>
      <c r="K1373" s="5"/>
      <c r="L1373" s="6"/>
      <c r="M1373" s="2" t="s">
        <v>5156</v>
      </c>
      <c r="N1373" s="3">
        <v>35782</v>
      </c>
      <c r="O1373" s="3">
        <v>44743</v>
      </c>
      <c r="P1373" s="3">
        <v>46568</v>
      </c>
    </row>
    <row r="1374" spans="1:16" x14ac:dyDescent="0.15">
      <c r="A1374" s="2" t="s">
        <v>49</v>
      </c>
      <c r="B1374" s="2" t="s">
        <v>5158</v>
      </c>
      <c r="C1374" s="4" t="s">
        <v>6</v>
      </c>
      <c r="D1374" s="5" t="s">
        <v>5157</v>
      </c>
      <c r="E1374" s="5" t="s">
        <v>1144</v>
      </c>
      <c r="F1374" s="6" t="s">
        <v>5</v>
      </c>
      <c r="G1374" s="2"/>
      <c r="H1374" s="4"/>
      <c r="I1374" s="5"/>
      <c r="J1374" s="5"/>
      <c r="K1374" s="5"/>
      <c r="L1374" s="6"/>
      <c r="M1374" s="2" t="s">
        <v>5159</v>
      </c>
      <c r="N1374" s="3">
        <v>37137</v>
      </c>
      <c r="O1374" s="3">
        <v>44743</v>
      </c>
      <c r="P1374" s="3">
        <v>46568</v>
      </c>
    </row>
    <row r="1375" spans="1:16" x14ac:dyDescent="0.15">
      <c r="A1375" s="2" t="s">
        <v>49</v>
      </c>
      <c r="B1375" s="2" t="s">
        <v>5160</v>
      </c>
      <c r="C1375" s="4" t="s">
        <v>6</v>
      </c>
      <c r="D1375" s="5" t="s">
        <v>5161</v>
      </c>
      <c r="E1375" s="5" t="s">
        <v>5</v>
      </c>
      <c r="F1375" s="6" t="s">
        <v>5162</v>
      </c>
      <c r="G1375" s="2"/>
      <c r="H1375" s="4"/>
      <c r="I1375" s="5"/>
      <c r="J1375" s="5"/>
      <c r="K1375" s="5"/>
      <c r="L1375" s="6"/>
      <c r="M1375" s="2" t="s">
        <v>5163</v>
      </c>
      <c r="N1375" s="3">
        <v>44687</v>
      </c>
      <c r="O1375" s="3">
        <v>44687</v>
      </c>
      <c r="P1375" s="3">
        <v>46721</v>
      </c>
    </row>
    <row r="1376" spans="1:16" x14ac:dyDescent="0.15">
      <c r="A1376" s="2" t="s">
        <v>49</v>
      </c>
      <c r="B1376" s="2" t="s">
        <v>5164</v>
      </c>
      <c r="C1376" s="4" t="s">
        <v>6</v>
      </c>
      <c r="D1376" s="5" t="s">
        <v>1269</v>
      </c>
      <c r="E1376" s="5" t="s">
        <v>5165</v>
      </c>
      <c r="F1376" s="6" t="s">
        <v>5</v>
      </c>
      <c r="G1376" s="2"/>
      <c r="H1376" s="4"/>
      <c r="I1376" s="5"/>
      <c r="J1376" s="5"/>
      <c r="K1376" s="5"/>
      <c r="L1376" s="6"/>
      <c r="M1376" s="2" t="s">
        <v>5166</v>
      </c>
      <c r="N1376" s="3">
        <v>44789</v>
      </c>
      <c r="O1376" s="3">
        <v>44789</v>
      </c>
      <c r="P1376" s="3">
        <v>47208</v>
      </c>
    </row>
    <row r="1377" spans="1:16" x14ac:dyDescent="0.15">
      <c r="A1377" s="2" t="s">
        <v>16</v>
      </c>
      <c r="B1377" s="2" t="s">
        <v>5164</v>
      </c>
      <c r="C1377" s="4" t="s">
        <v>6</v>
      </c>
      <c r="D1377" s="5" t="s">
        <v>1269</v>
      </c>
      <c r="E1377" s="5" t="s">
        <v>5165</v>
      </c>
      <c r="F1377" s="6" t="s">
        <v>5</v>
      </c>
      <c r="G1377" s="2"/>
      <c r="H1377" s="4"/>
      <c r="I1377" s="5"/>
      <c r="J1377" s="5"/>
      <c r="K1377" s="5"/>
      <c r="L1377" s="6"/>
      <c r="M1377" s="2" t="s">
        <v>5167</v>
      </c>
      <c r="N1377" s="3">
        <v>44798</v>
      </c>
      <c r="O1377" s="3">
        <v>44798</v>
      </c>
      <c r="P1377" s="3">
        <v>47208</v>
      </c>
    </row>
    <row r="1378" spans="1:16" x14ac:dyDescent="0.15">
      <c r="A1378" s="2" t="s">
        <v>49</v>
      </c>
      <c r="B1378" s="2" t="s">
        <v>8287</v>
      </c>
      <c r="C1378" s="4" t="s">
        <v>6</v>
      </c>
      <c r="D1378" s="5" t="s">
        <v>815</v>
      </c>
      <c r="E1378" s="5" t="s">
        <v>8288</v>
      </c>
      <c r="F1378" s="6" t="s">
        <v>5</v>
      </c>
      <c r="G1378" s="2" t="s">
        <v>8284</v>
      </c>
      <c r="H1378" s="4" t="s">
        <v>9</v>
      </c>
      <c r="I1378" s="5" t="s">
        <v>1280</v>
      </c>
      <c r="J1378" s="5" t="s">
        <v>8285</v>
      </c>
      <c r="K1378" s="5" t="s">
        <v>8286</v>
      </c>
      <c r="L1378" s="6" t="s">
        <v>5</v>
      </c>
      <c r="M1378" s="2" t="s">
        <v>8289</v>
      </c>
      <c r="N1378" s="3">
        <v>45058</v>
      </c>
      <c r="O1378" s="3">
        <v>45058</v>
      </c>
      <c r="P1378" s="3">
        <v>47391</v>
      </c>
    </row>
    <row r="1379" spans="1:16" x14ac:dyDescent="0.15">
      <c r="A1379" s="2" t="s">
        <v>49</v>
      </c>
      <c r="B1379" s="2" t="s">
        <v>8302</v>
      </c>
      <c r="C1379" s="4" t="s">
        <v>6</v>
      </c>
      <c r="D1379" s="5" t="s">
        <v>959</v>
      </c>
      <c r="E1379" s="5" t="s">
        <v>8253</v>
      </c>
      <c r="F1379" s="6" t="s">
        <v>5</v>
      </c>
      <c r="G1379" s="2" t="s">
        <v>8299</v>
      </c>
      <c r="H1379" s="4" t="s">
        <v>9</v>
      </c>
      <c r="I1379" s="5" t="s">
        <v>6</v>
      </c>
      <c r="J1379" s="5" t="s">
        <v>8300</v>
      </c>
      <c r="K1379" s="5" t="s">
        <v>8301</v>
      </c>
      <c r="L1379" s="6" t="s">
        <v>5</v>
      </c>
      <c r="M1379" s="2" t="s">
        <v>8303</v>
      </c>
      <c r="N1379" s="3">
        <v>45128</v>
      </c>
      <c r="O1379" s="3">
        <v>45128</v>
      </c>
      <c r="P1379" s="3">
        <v>47452</v>
      </c>
    </row>
    <row r="1380" spans="1:16" x14ac:dyDescent="0.15">
      <c r="A1380" s="2" t="s">
        <v>49</v>
      </c>
      <c r="B1380" s="2" t="s">
        <v>8314</v>
      </c>
      <c r="C1380" s="4" t="s">
        <v>6</v>
      </c>
      <c r="D1380" s="5" t="s">
        <v>1832</v>
      </c>
      <c r="E1380" s="5" t="s">
        <v>8315</v>
      </c>
      <c r="F1380" s="6" t="s">
        <v>5</v>
      </c>
      <c r="G1380" s="2" t="s">
        <v>8313</v>
      </c>
      <c r="H1380" s="4" t="s">
        <v>29</v>
      </c>
      <c r="I1380" s="5" t="s">
        <v>30</v>
      </c>
      <c r="J1380" s="5" t="s">
        <v>2497</v>
      </c>
      <c r="K1380" s="5" t="s">
        <v>5</v>
      </c>
      <c r="L1380" s="6" t="s">
        <v>5</v>
      </c>
      <c r="M1380" s="2" t="s">
        <v>8316</v>
      </c>
      <c r="N1380" s="3">
        <v>45216</v>
      </c>
      <c r="O1380" s="3">
        <v>45216</v>
      </c>
      <c r="P1380" s="3">
        <v>47968</v>
      </c>
    </row>
    <row r="1381" spans="1:16" x14ac:dyDescent="0.15">
      <c r="A1381" s="2" t="s">
        <v>49</v>
      </c>
      <c r="B1381" s="2" t="s">
        <v>8319</v>
      </c>
      <c r="C1381" s="4" t="s">
        <v>6</v>
      </c>
      <c r="D1381" s="5" t="s">
        <v>456</v>
      </c>
      <c r="E1381" s="5" t="s">
        <v>520</v>
      </c>
      <c r="F1381" s="6" t="s">
        <v>5</v>
      </c>
      <c r="G1381" s="2" t="s">
        <v>8317</v>
      </c>
      <c r="H1381" s="4" t="s">
        <v>9</v>
      </c>
      <c r="I1381" s="5" t="s">
        <v>6</v>
      </c>
      <c r="J1381" s="5" t="s">
        <v>848</v>
      </c>
      <c r="K1381" s="5" t="s">
        <v>8318</v>
      </c>
      <c r="L1381" s="6" t="s">
        <v>5</v>
      </c>
      <c r="M1381" s="2" t="s">
        <v>8320</v>
      </c>
      <c r="N1381" s="3">
        <v>43202</v>
      </c>
      <c r="O1381" s="3">
        <v>45078</v>
      </c>
      <c r="P1381" s="3">
        <v>46904</v>
      </c>
    </row>
    <row r="1382" spans="1:16" x14ac:dyDescent="0.15">
      <c r="A1382" s="2" t="s">
        <v>49</v>
      </c>
      <c r="B1382" s="2" t="s">
        <v>5182</v>
      </c>
      <c r="C1382" s="4" t="s">
        <v>6</v>
      </c>
      <c r="D1382" s="5" t="s">
        <v>69</v>
      </c>
      <c r="E1382" s="5" t="s">
        <v>3445</v>
      </c>
      <c r="F1382" s="6" t="s">
        <v>5183</v>
      </c>
      <c r="G1382" s="2"/>
      <c r="H1382" s="4"/>
      <c r="I1382" s="5"/>
      <c r="J1382" s="5"/>
      <c r="K1382" s="5"/>
      <c r="L1382" s="6"/>
      <c r="M1382" s="2" t="s">
        <v>5184</v>
      </c>
      <c r="N1382" s="3">
        <v>42504</v>
      </c>
      <c r="O1382" s="3">
        <v>44713</v>
      </c>
      <c r="P1382" s="3">
        <v>46904</v>
      </c>
    </row>
    <row r="1383" spans="1:16" x14ac:dyDescent="0.15">
      <c r="A1383" s="2" t="s">
        <v>49</v>
      </c>
      <c r="B1383" s="2" t="s">
        <v>8326</v>
      </c>
      <c r="C1383" s="4" t="s">
        <v>6</v>
      </c>
      <c r="D1383" s="5" t="s">
        <v>456</v>
      </c>
      <c r="E1383" s="5" t="s">
        <v>520</v>
      </c>
      <c r="F1383" s="6" t="s">
        <v>5</v>
      </c>
      <c r="G1383" s="2" t="s">
        <v>8324</v>
      </c>
      <c r="H1383" s="4" t="s">
        <v>9</v>
      </c>
      <c r="I1383" s="5" t="s">
        <v>6</v>
      </c>
      <c r="J1383" s="5" t="s">
        <v>134</v>
      </c>
      <c r="K1383" s="5" t="s">
        <v>8325</v>
      </c>
      <c r="L1383" s="6" t="s">
        <v>5</v>
      </c>
      <c r="M1383" s="2" t="s">
        <v>8327</v>
      </c>
      <c r="N1383" s="3">
        <v>43151</v>
      </c>
      <c r="O1383" s="3">
        <v>45078</v>
      </c>
      <c r="P1383" s="3">
        <v>46904</v>
      </c>
    </row>
    <row r="1384" spans="1:16" x14ac:dyDescent="0.15">
      <c r="A1384" s="2" t="s">
        <v>49</v>
      </c>
      <c r="B1384" s="2" t="s">
        <v>5190</v>
      </c>
      <c r="C1384" s="4" t="s">
        <v>6</v>
      </c>
      <c r="D1384" s="5" t="s">
        <v>5157</v>
      </c>
      <c r="E1384" s="5" t="s">
        <v>5191</v>
      </c>
      <c r="F1384" s="6" t="s">
        <v>5</v>
      </c>
      <c r="G1384" s="2"/>
      <c r="H1384" s="4"/>
      <c r="I1384" s="5"/>
      <c r="J1384" s="5"/>
      <c r="K1384" s="5"/>
      <c r="L1384" s="6"/>
      <c r="M1384" s="2" t="s">
        <v>5192</v>
      </c>
      <c r="N1384" s="3">
        <v>34170</v>
      </c>
      <c r="O1384" s="3">
        <v>44743</v>
      </c>
      <c r="P1384" s="3">
        <v>46568</v>
      </c>
    </row>
    <row r="1385" spans="1:16" x14ac:dyDescent="0.15">
      <c r="A1385" s="2" t="s">
        <v>49</v>
      </c>
      <c r="B1385" s="2" t="s">
        <v>5194</v>
      </c>
      <c r="C1385" s="4" t="s">
        <v>6</v>
      </c>
      <c r="D1385" s="5" t="s">
        <v>1478</v>
      </c>
      <c r="E1385" s="5" t="s">
        <v>5195</v>
      </c>
      <c r="F1385" s="6" t="s">
        <v>5196</v>
      </c>
      <c r="G1385" s="2"/>
      <c r="H1385" s="4"/>
      <c r="I1385" s="5"/>
      <c r="J1385" s="5"/>
      <c r="K1385" s="5"/>
      <c r="L1385" s="6"/>
      <c r="M1385" s="2" t="s">
        <v>5197</v>
      </c>
      <c r="N1385" s="3">
        <v>44888</v>
      </c>
      <c r="O1385" s="3">
        <v>44888</v>
      </c>
      <c r="P1385" s="3">
        <v>47026</v>
      </c>
    </row>
    <row r="1386" spans="1:16" x14ac:dyDescent="0.15">
      <c r="A1386" s="2" t="s">
        <v>49</v>
      </c>
      <c r="B1386" s="2" t="s">
        <v>5198</v>
      </c>
      <c r="C1386" s="4" t="s">
        <v>6</v>
      </c>
      <c r="D1386" s="5" t="s">
        <v>247</v>
      </c>
      <c r="E1386" s="5" t="s">
        <v>5199</v>
      </c>
      <c r="F1386" s="6" t="s">
        <v>5200</v>
      </c>
      <c r="G1386" s="2"/>
      <c r="H1386" s="4"/>
      <c r="I1386" s="5"/>
      <c r="J1386" s="5"/>
      <c r="K1386" s="5"/>
      <c r="L1386" s="6"/>
      <c r="M1386" s="2" t="s">
        <v>5201</v>
      </c>
      <c r="N1386" s="3">
        <v>42409</v>
      </c>
      <c r="O1386" s="3">
        <v>44713</v>
      </c>
      <c r="P1386" s="3">
        <v>46904</v>
      </c>
    </row>
    <row r="1387" spans="1:16" x14ac:dyDescent="0.15">
      <c r="A1387" s="2" t="s">
        <v>49</v>
      </c>
      <c r="B1387" s="2" t="s">
        <v>8341</v>
      </c>
      <c r="C1387" s="4" t="s">
        <v>6</v>
      </c>
      <c r="D1387" s="5" t="s">
        <v>627</v>
      </c>
      <c r="E1387" s="5" t="s">
        <v>1933</v>
      </c>
      <c r="F1387" s="6" t="s">
        <v>5</v>
      </c>
      <c r="G1387" s="2" t="s">
        <v>8339</v>
      </c>
      <c r="H1387" s="4" t="s">
        <v>9</v>
      </c>
      <c r="I1387" s="5" t="s">
        <v>6</v>
      </c>
      <c r="J1387" s="5" t="s">
        <v>1977</v>
      </c>
      <c r="K1387" s="5" t="s">
        <v>8340</v>
      </c>
      <c r="L1387" s="6" t="s">
        <v>5</v>
      </c>
      <c r="M1387" s="2" t="s">
        <v>8342</v>
      </c>
      <c r="N1387" s="3">
        <v>45047</v>
      </c>
      <c r="O1387" s="3">
        <v>45047</v>
      </c>
      <c r="P1387" s="3">
        <v>47573</v>
      </c>
    </row>
    <row r="1388" spans="1:16" x14ac:dyDescent="0.15">
      <c r="A1388" s="2" t="s">
        <v>49</v>
      </c>
      <c r="B1388" s="2" t="s">
        <v>8349</v>
      </c>
      <c r="C1388" s="4" t="s">
        <v>6</v>
      </c>
      <c r="D1388" s="5" t="s">
        <v>500</v>
      </c>
      <c r="E1388" s="5" t="s">
        <v>8348</v>
      </c>
      <c r="F1388" s="6" t="s">
        <v>5</v>
      </c>
      <c r="G1388" s="2" t="s">
        <v>8347</v>
      </c>
      <c r="H1388" s="4" t="s">
        <v>9</v>
      </c>
      <c r="I1388" s="5" t="s">
        <v>6</v>
      </c>
      <c r="J1388" s="5" t="s">
        <v>500</v>
      </c>
      <c r="K1388" s="5" t="s">
        <v>8348</v>
      </c>
      <c r="L1388" s="6" t="s">
        <v>5</v>
      </c>
      <c r="M1388" s="2" t="s">
        <v>8350</v>
      </c>
      <c r="N1388" s="3">
        <v>34074</v>
      </c>
      <c r="O1388" s="3">
        <v>45078</v>
      </c>
      <c r="P1388" s="3">
        <v>47269</v>
      </c>
    </row>
    <row r="1389" spans="1:16" x14ac:dyDescent="0.15">
      <c r="A1389" s="2" t="s">
        <v>49</v>
      </c>
      <c r="B1389" s="2" t="s">
        <v>8356</v>
      </c>
      <c r="C1389" s="4" t="s">
        <v>6</v>
      </c>
      <c r="D1389" s="5" t="s">
        <v>69</v>
      </c>
      <c r="E1389" s="5" t="s">
        <v>8357</v>
      </c>
      <c r="F1389" s="6" t="s">
        <v>5</v>
      </c>
      <c r="G1389" s="2" t="s">
        <v>8354</v>
      </c>
      <c r="H1389" s="4" t="s">
        <v>9</v>
      </c>
      <c r="I1389" s="5" t="s">
        <v>6</v>
      </c>
      <c r="J1389" s="5" t="s">
        <v>247</v>
      </c>
      <c r="K1389" s="5" t="s">
        <v>8355</v>
      </c>
      <c r="L1389" s="6" t="s">
        <v>5</v>
      </c>
      <c r="M1389" s="2" t="s">
        <v>8358</v>
      </c>
      <c r="N1389" s="3">
        <v>45041</v>
      </c>
      <c r="O1389" s="3">
        <v>45041</v>
      </c>
      <c r="P1389" s="3">
        <v>46904</v>
      </c>
    </row>
    <row r="1390" spans="1:16" x14ac:dyDescent="0.15">
      <c r="A1390" s="2" t="s">
        <v>49</v>
      </c>
      <c r="B1390" s="2" t="s">
        <v>8359</v>
      </c>
      <c r="C1390" s="4" t="s">
        <v>6</v>
      </c>
      <c r="D1390" s="5" t="s">
        <v>464</v>
      </c>
      <c r="E1390" s="5" t="s">
        <v>8360</v>
      </c>
      <c r="F1390" s="6" t="s">
        <v>8361</v>
      </c>
      <c r="G1390" s="2" t="s">
        <v>8354</v>
      </c>
      <c r="H1390" s="4" t="s">
        <v>9</v>
      </c>
      <c r="I1390" s="5" t="s">
        <v>6</v>
      </c>
      <c r="J1390" s="5" t="s">
        <v>247</v>
      </c>
      <c r="K1390" s="5" t="s">
        <v>8355</v>
      </c>
      <c r="L1390" s="6" t="s">
        <v>5</v>
      </c>
      <c r="M1390" s="2" t="s">
        <v>8362</v>
      </c>
      <c r="N1390" s="3">
        <v>45041</v>
      </c>
      <c r="O1390" s="3">
        <v>45041</v>
      </c>
      <c r="P1390" s="3">
        <v>47269</v>
      </c>
    </row>
    <row r="1391" spans="1:16" x14ac:dyDescent="0.15">
      <c r="A1391" s="2" t="s">
        <v>49</v>
      </c>
      <c r="B1391" s="2" t="s">
        <v>8363</v>
      </c>
      <c r="C1391" s="4" t="s">
        <v>6</v>
      </c>
      <c r="D1391" s="5" t="s">
        <v>247</v>
      </c>
      <c r="E1391" s="5" t="s">
        <v>8355</v>
      </c>
      <c r="F1391" s="6" t="s">
        <v>5</v>
      </c>
      <c r="G1391" s="2" t="s">
        <v>8354</v>
      </c>
      <c r="H1391" s="4" t="s">
        <v>9</v>
      </c>
      <c r="I1391" s="5" t="s">
        <v>6</v>
      </c>
      <c r="J1391" s="5" t="s">
        <v>247</v>
      </c>
      <c r="K1391" s="5" t="s">
        <v>8355</v>
      </c>
      <c r="L1391" s="6" t="s">
        <v>5</v>
      </c>
      <c r="M1391" s="2" t="s">
        <v>8364</v>
      </c>
      <c r="N1391" s="3">
        <v>45041</v>
      </c>
      <c r="O1391" s="3">
        <v>45041</v>
      </c>
      <c r="P1391" s="3">
        <v>46904</v>
      </c>
    </row>
    <row r="1392" spans="1:16" x14ac:dyDescent="0.15">
      <c r="A1392" s="2" t="s">
        <v>49</v>
      </c>
      <c r="B1392" s="2" t="s">
        <v>8365</v>
      </c>
      <c r="C1392" s="4" t="s">
        <v>6</v>
      </c>
      <c r="D1392" s="5" t="s">
        <v>848</v>
      </c>
      <c r="E1392" s="5" t="s">
        <v>1187</v>
      </c>
      <c r="F1392" s="6" t="s">
        <v>8366</v>
      </c>
      <c r="G1392" s="2" t="s">
        <v>8354</v>
      </c>
      <c r="H1392" s="4" t="s">
        <v>9</v>
      </c>
      <c r="I1392" s="5" t="s">
        <v>6</v>
      </c>
      <c r="J1392" s="5" t="s">
        <v>247</v>
      </c>
      <c r="K1392" s="5" t="s">
        <v>8355</v>
      </c>
      <c r="L1392" s="6" t="s">
        <v>5</v>
      </c>
      <c r="M1392" s="2" t="s">
        <v>8367</v>
      </c>
      <c r="N1392" s="3">
        <v>45041</v>
      </c>
      <c r="O1392" s="3">
        <v>45041</v>
      </c>
      <c r="P1392" s="3">
        <v>46904</v>
      </c>
    </row>
    <row r="1393" spans="1:16" x14ac:dyDescent="0.15">
      <c r="A1393" s="2" t="s">
        <v>16</v>
      </c>
      <c r="B1393" s="2" t="s">
        <v>5217</v>
      </c>
      <c r="C1393" s="4" t="s">
        <v>6</v>
      </c>
      <c r="D1393" s="5" t="s">
        <v>5216</v>
      </c>
      <c r="E1393" s="5" t="s">
        <v>5</v>
      </c>
      <c r="F1393" s="6" t="s">
        <v>5</v>
      </c>
      <c r="G1393" s="2"/>
      <c r="H1393" s="4"/>
      <c r="I1393" s="5"/>
      <c r="J1393" s="5"/>
      <c r="K1393" s="5"/>
      <c r="L1393" s="6"/>
      <c r="M1393" s="2" t="s">
        <v>5218</v>
      </c>
      <c r="N1393" s="3">
        <v>44700</v>
      </c>
      <c r="O1393" s="3">
        <v>44700</v>
      </c>
      <c r="P1393" s="3">
        <v>47238</v>
      </c>
    </row>
    <row r="1394" spans="1:16" x14ac:dyDescent="0.15">
      <c r="A1394" s="2" t="s">
        <v>49</v>
      </c>
      <c r="B1394" s="2" t="s">
        <v>5221</v>
      </c>
      <c r="C1394" s="4" t="s">
        <v>6</v>
      </c>
      <c r="D1394" s="5" t="s">
        <v>69</v>
      </c>
      <c r="E1394" s="5" t="s">
        <v>523</v>
      </c>
      <c r="F1394" s="6" t="s">
        <v>5222</v>
      </c>
      <c r="G1394" s="2" t="s">
        <v>5219</v>
      </c>
      <c r="H1394" s="4" t="s">
        <v>9</v>
      </c>
      <c r="I1394" s="5" t="s">
        <v>6</v>
      </c>
      <c r="J1394" s="5" t="s">
        <v>1284</v>
      </c>
      <c r="K1394" s="5" t="s">
        <v>5220</v>
      </c>
      <c r="L1394" s="6" t="s">
        <v>5</v>
      </c>
      <c r="M1394" s="2" t="s">
        <v>5223</v>
      </c>
      <c r="N1394" s="3">
        <v>40211</v>
      </c>
      <c r="O1394" s="3">
        <v>44713</v>
      </c>
      <c r="P1394" s="3">
        <v>46904</v>
      </c>
    </row>
    <row r="1395" spans="1:16" x14ac:dyDescent="0.15">
      <c r="A1395" s="2" t="s">
        <v>49</v>
      </c>
      <c r="B1395" s="2" t="s">
        <v>5224</v>
      </c>
      <c r="C1395" s="4" t="s">
        <v>6</v>
      </c>
      <c r="D1395" s="5" t="s">
        <v>5225</v>
      </c>
      <c r="E1395" s="5" t="s">
        <v>5226</v>
      </c>
      <c r="F1395" s="6" t="s">
        <v>5</v>
      </c>
      <c r="G1395" s="2"/>
      <c r="H1395" s="4"/>
      <c r="I1395" s="5"/>
      <c r="J1395" s="5"/>
      <c r="K1395" s="5"/>
      <c r="L1395" s="6"/>
      <c r="M1395" s="2" t="s">
        <v>5227</v>
      </c>
      <c r="N1395" s="3">
        <v>37116</v>
      </c>
      <c r="O1395" s="3">
        <v>44743</v>
      </c>
      <c r="P1395" s="3">
        <v>46568</v>
      </c>
    </row>
    <row r="1396" spans="1:16" x14ac:dyDescent="0.15">
      <c r="A1396" s="2" t="s">
        <v>49</v>
      </c>
      <c r="B1396" s="2" t="s">
        <v>8368</v>
      </c>
      <c r="C1396" s="4" t="s">
        <v>6</v>
      </c>
      <c r="D1396" s="5" t="s">
        <v>69</v>
      </c>
      <c r="E1396" s="5" t="s">
        <v>3782</v>
      </c>
      <c r="F1396" s="6" t="s">
        <v>8369</v>
      </c>
      <c r="G1396" s="2" t="s">
        <v>8354</v>
      </c>
      <c r="H1396" s="4" t="s">
        <v>9</v>
      </c>
      <c r="I1396" s="5" t="s">
        <v>6</v>
      </c>
      <c r="J1396" s="5" t="s">
        <v>247</v>
      </c>
      <c r="K1396" s="5" t="s">
        <v>8355</v>
      </c>
      <c r="L1396" s="6" t="s">
        <v>5</v>
      </c>
      <c r="M1396" s="2" t="s">
        <v>8370</v>
      </c>
      <c r="N1396" s="3">
        <v>45041</v>
      </c>
      <c r="O1396" s="3">
        <v>45041</v>
      </c>
      <c r="P1396" s="3">
        <v>47269</v>
      </c>
    </row>
    <row r="1397" spans="1:16" x14ac:dyDescent="0.15">
      <c r="A1397" s="2" t="s">
        <v>49</v>
      </c>
      <c r="B1397" s="2" t="s">
        <v>8375</v>
      </c>
      <c r="C1397" s="4" t="s">
        <v>6</v>
      </c>
      <c r="D1397" s="5" t="s">
        <v>2548</v>
      </c>
      <c r="E1397" s="5" t="s">
        <v>2260</v>
      </c>
      <c r="F1397" s="6" t="s">
        <v>5</v>
      </c>
      <c r="G1397" s="2" t="s">
        <v>8374</v>
      </c>
      <c r="H1397" s="4" t="s">
        <v>9</v>
      </c>
      <c r="I1397" s="5" t="s">
        <v>6</v>
      </c>
      <c r="J1397" s="5" t="s">
        <v>2548</v>
      </c>
      <c r="K1397" s="5" t="s">
        <v>2260</v>
      </c>
      <c r="L1397" s="6" t="s">
        <v>5</v>
      </c>
      <c r="M1397" s="2" t="s">
        <v>8376</v>
      </c>
      <c r="N1397" s="3">
        <v>45067</v>
      </c>
      <c r="O1397" s="3">
        <v>45067</v>
      </c>
      <c r="P1397" s="3">
        <v>47452</v>
      </c>
    </row>
    <row r="1398" spans="1:16" x14ac:dyDescent="0.15">
      <c r="A1398" s="2" t="s">
        <v>49</v>
      </c>
      <c r="B1398" s="2" t="s">
        <v>8386</v>
      </c>
      <c r="C1398" s="4" t="s">
        <v>6</v>
      </c>
      <c r="D1398" s="5" t="s">
        <v>500</v>
      </c>
      <c r="E1398" s="5" t="s">
        <v>8147</v>
      </c>
      <c r="F1398" s="6" t="s">
        <v>8387</v>
      </c>
      <c r="G1398" s="2" t="s">
        <v>8384</v>
      </c>
      <c r="H1398" s="4" t="s">
        <v>9</v>
      </c>
      <c r="I1398" s="5" t="s">
        <v>6</v>
      </c>
      <c r="J1398" s="5" t="s">
        <v>8385</v>
      </c>
      <c r="K1398" s="5" t="s">
        <v>5</v>
      </c>
      <c r="L1398" s="6" t="s">
        <v>5</v>
      </c>
      <c r="M1398" s="2" t="s">
        <v>8388</v>
      </c>
      <c r="N1398" s="3">
        <v>42675</v>
      </c>
      <c r="O1398" s="3">
        <v>45078</v>
      </c>
      <c r="P1398" s="3">
        <v>47269</v>
      </c>
    </row>
    <row r="1399" spans="1:16" x14ac:dyDescent="0.15">
      <c r="A1399" s="2" t="s">
        <v>49</v>
      </c>
      <c r="B1399" s="2" t="s">
        <v>5238</v>
      </c>
      <c r="C1399" s="4" t="s">
        <v>6</v>
      </c>
      <c r="D1399" s="5" t="s">
        <v>5236</v>
      </c>
      <c r="E1399" s="5" t="s">
        <v>5237</v>
      </c>
      <c r="F1399" s="6" t="s">
        <v>5</v>
      </c>
      <c r="G1399" s="2"/>
      <c r="H1399" s="4"/>
      <c r="I1399" s="5"/>
      <c r="J1399" s="5"/>
      <c r="K1399" s="5"/>
      <c r="L1399" s="6"/>
      <c r="M1399" s="2" t="s">
        <v>5239</v>
      </c>
      <c r="N1399" s="3">
        <v>33780</v>
      </c>
      <c r="O1399" s="3">
        <v>44743</v>
      </c>
      <c r="P1399" s="3">
        <v>46934</v>
      </c>
    </row>
    <row r="1400" spans="1:16" x14ac:dyDescent="0.15">
      <c r="A1400" s="2" t="s">
        <v>49</v>
      </c>
      <c r="B1400" s="2" t="s">
        <v>8389</v>
      </c>
      <c r="C1400" s="4" t="s">
        <v>6</v>
      </c>
      <c r="D1400" s="5" t="s">
        <v>500</v>
      </c>
      <c r="E1400" s="5" t="s">
        <v>8390</v>
      </c>
      <c r="F1400" s="6" t="s">
        <v>8391</v>
      </c>
      <c r="G1400" s="2" t="s">
        <v>8384</v>
      </c>
      <c r="H1400" s="4" t="s">
        <v>9</v>
      </c>
      <c r="I1400" s="5" t="s">
        <v>6</v>
      </c>
      <c r="J1400" s="5" t="s">
        <v>8385</v>
      </c>
      <c r="K1400" s="5" t="s">
        <v>5</v>
      </c>
      <c r="L1400" s="6" t="s">
        <v>5</v>
      </c>
      <c r="M1400" s="2" t="s">
        <v>8392</v>
      </c>
      <c r="N1400" s="3">
        <v>42725</v>
      </c>
      <c r="O1400" s="3">
        <v>45078</v>
      </c>
      <c r="P1400" s="3">
        <v>47269</v>
      </c>
    </row>
    <row r="1401" spans="1:16" x14ac:dyDescent="0.15">
      <c r="A1401" s="2" t="s">
        <v>49</v>
      </c>
      <c r="B1401" s="2" t="s">
        <v>8402</v>
      </c>
      <c r="C1401" s="4" t="s">
        <v>6</v>
      </c>
      <c r="D1401" s="5" t="s">
        <v>8104</v>
      </c>
      <c r="E1401" s="5" t="s">
        <v>8403</v>
      </c>
      <c r="F1401" s="6" t="s">
        <v>5</v>
      </c>
      <c r="G1401" s="2" t="s">
        <v>8402</v>
      </c>
      <c r="H1401" s="4" t="s">
        <v>9</v>
      </c>
      <c r="I1401" s="5" t="s">
        <v>6</v>
      </c>
      <c r="J1401" s="5" t="s">
        <v>8104</v>
      </c>
      <c r="K1401" s="5" t="s">
        <v>8403</v>
      </c>
      <c r="L1401" s="6" t="s">
        <v>5</v>
      </c>
      <c r="M1401" s="2" t="s">
        <v>8404</v>
      </c>
      <c r="N1401" s="3">
        <v>38504</v>
      </c>
      <c r="O1401" s="3">
        <v>45047</v>
      </c>
      <c r="P1401" s="3">
        <v>47238</v>
      </c>
    </row>
    <row r="1402" spans="1:16" x14ac:dyDescent="0.15">
      <c r="A1402" s="2" t="s">
        <v>49</v>
      </c>
      <c r="B1402" s="2" t="s">
        <v>5250</v>
      </c>
      <c r="C1402" s="4" t="s">
        <v>6</v>
      </c>
      <c r="D1402" s="5" t="s">
        <v>5251</v>
      </c>
      <c r="E1402" s="5" t="s">
        <v>5252</v>
      </c>
      <c r="F1402" s="6" t="s">
        <v>5</v>
      </c>
      <c r="G1402" s="2"/>
      <c r="H1402" s="4"/>
      <c r="I1402" s="5"/>
      <c r="J1402" s="5"/>
      <c r="K1402" s="5"/>
      <c r="L1402" s="6"/>
      <c r="M1402" s="2" t="s">
        <v>5253</v>
      </c>
      <c r="N1402" s="3">
        <v>44694</v>
      </c>
      <c r="O1402" s="3">
        <v>44694</v>
      </c>
      <c r="P1402" s="3">
        <v>46721</v>
      </c>
    </row>
    <row r="1403" spans="1:16" x14ac:dyDescent="0.15">
      <c r="A1403" s="2" t="s">
        <v>49</v>
      </c>
      <c r="B1403" s="2" t="s">
        <v>8423</v>
      </c>
      <c r="C1403" s="4" t="s">
        <v>6</v>
      </c>
      <c r="D1403" s="5" t="s">
        <v>500</v>
      </c>
      <c r="E1403" s="5" t="s">
        <v>70</v>
      </c>
      <c r="F1403" s="6" t="s">
        <v>8424</v>
      </c>
      <c r="G1403" s="2" t="s">
        <v>8421</v>
      </c>
      <c r="H1403" s="4" t="s">
        <v>29</v>
      </c>
      <c r="I1403" s="5" t="s">
        <v>30</v>
      </c>
      <c r="J1403" s="5" t="s">
        <v>3658</v>
      </c>
      <c r="K1403" s="5" t="s">
        <v>8422</v>
      </c>
      <c r="L1403" s="6" t="s">
        <v>5</v>
      </c>
      <c r="M1403" s="2" t="s">
        <v>8425</v>
      </c>
      <c r="N1403" s="3">
        <v>32116</v>
      </c>
      <c r="O1403" s="3">
        <v>45078</v>
      </c>
      <c r="P1403" s="3">
        <v>47269</v>
      </c>
    </row>
    <row r="1404" spans="1:16" x14ac:dyDescent="0.15">
      <c r="A1404" s="2" t="s">
        <v>49</v>
      </c>
      <c r="B1404" s="2" t="s">
        <v>8428</v>
      </c>
      <c r="C1404" s="4" t="s">
        <v>6</v>
      </c>
      <c r="D1404" s="5" t="s">
        <v>247</v>
      </c>
      <c r="E1404" s="5" t="s">
        <v>1391</v>
      </c>
      <c r="F1404" s="6" t="s">
        <v>8429</v>
      </c>
      <c r="G1404" s="2" t="s">
        <v>8426</v>
      </c>
      <c r="H1404" s="4" t="s">
        <v>9</v>
      </c>
      <c r="I1404" s="5" t="s">
        <v>6</v>
      </c>
      <c r="J1404" s="5" t="s">
        <v>247</v>
      </c>
      <c r="K1404" s="5" t="s">
        <v>8427</v>
      </c>
      <c r="L1404" s="6" t="s">
        <v>5</v>
      </c>
      <c r="M1404" s="2" t="s">
        <v>8430</v>
      </c>
      <c r="N1404" s="3">
        <v>42887</v>
      </c>
      <c r="O1404" s="3">
        <v>45078</v>
      </c>
      <c r="P1404" s="3">
        <v>47269</v>
      </c>
    </row>
    <row r="1405" spans="1:16" x14ac:dyDescent="0.15">
      <c r="A1405" s="2" t="s">
        <v>49</v>
      </c>
      <c r="B1405" s="2" t="s">
        <v>8436</v>
      </c>
      <c r="C1405" s="4" t="s">
        <v>6</v>
      </c>
      <c r="D1405" s="5" t="s">
        <v>500</v>
      </c>
      <c r="E1405" s="5" t="s">
        <v>8437</v>
      </c>
      <c r="F1405" s="6" t="s">
        <v>8438</v>
      </c>
      <c r="G1405" s="2" t="s">
        <v>8431</v>
      </c>
      <c r="H1405" s="4" t="s">
        <v>8432</v>
      </c>
      <c r="I1405" s="5" t="s">
        <v>8433</v>
      </c>
      <c r="J1405" s="5" t="s">
        <v>8434</v>
      </c>
      <c r="K1405" s="5" t="s">
        <v>8435</v>
      </c>
      <c r="L1405" s="6" t="s">
        <v>5</v>
      </c>
      <c r="M1405" s="2" t="s">
        <v>8439</v>
      </c>
      <c r="N1405" s="3">
        <v>45072</v>
      </c>
      <c r="O1405" s="3">
        <v>45072</v>
      </c>
      <c r="P1405" s="3">
        <v>47269</v>
      </c>
    </row>
    <row r="1406" spans="1:16" x14ac:dyDescent="0.15">
      <c r="A1406" s="2" t="s">
        <v>49</v>
      </c>
      <c r="B1406" s="2" t="s">
        <v>5273</v>
      </c>
      <c r="C1406" s="4" t="s">
        <v>6</v>
      </c>
      <c r="D1406" s="5" t="s">
        <v>848</v>
      </c>
      <c r="E1406" s="5" t="s">
        <v>4181</v>
      </c>
      <c r="F1406" s="6" t="s">
        <v>5274</v>
      </c>
      <c r="G1406" s="2"/>
      <c r="H1406" s="4"/>
      <c r="I1406" s="5"/>
      <c r="J1406" s="5"/>
      <c r="K1406" s="5"/>
      <c r="L1406" s="6"/>
      <c r="M1406" s="2" t="s">
        <v>5275</v>
      </c>
      <c r="N1406" s="3">
        <v>42670</v>
      </c>
      <c r="O1406" s="3">
        <v>44713</v>
      </c>
      <c r="P1406" s="3">
        <v>46538</v>
      </c>
    </row>
    <row r="1407" spans="1:16" x14ac:dyDescent="0.15">
      <c r="A1407" s="2" t="s">
        <v>49</v>
      </c>
      <c r="B1407" s="2" t="s">
        <v>8451</v>
      </c>
      <c r="C1407" s="4" t="s">
        <v>6</v>
      </c>
      <c r="D1407" s="5" t="s">
        <v>253</v>
      </c>
      <c r="E1407" s="5" t="s">
        <v>8450</v>
      </c>
      <c r="F1407" s="6" t="s">
        <v>5</v>
      </c>
      <c r="G1407" s="2" t="s">
        <v>8449</v>
      </c>
      <c r="H1407" s="4" t="s">
        <v>9</v>
      </c>
      <c r="I1407" s="5" t="s">
        <v>6</v>
      </c>
      <c r="J1407" s="5" t="s">
        <v>253</v>
      </c>
      <c r="K1407" s="5" t="s">
        <v>8450</v>
      </c>
      <c r="L1407" s="6" t="s">
        <v>5</v>
      </c>
      <c r="M1407" s="2" t="s">
        <v>8452</v>
      </c>
      <c r="N1407" s="3">
        <v>42558</v>
      </c>
      <c r="O1407" s="3">
        <v>45078</v>
      </c>
      <c r="P1407" s="3">
        <v>47269</v>
      </c>
    </row>
    <row r="1408" spans="1:16" x14ac:dyDescent="0.15">
      <c r="A1408" s="2" t="s">
        <v>49</v>
      </c>
      <c r="B1408" s="2" t="s">
        <v>8462</v>
      </c>
      <c r="C1408" s="4" t="s">
        <v>6</v>
      </c>
      <c r="D1408" s="5" t="s">
        <v>378</v>
      </c>
      <c r="E1408" s="5" t="s">
        <v>8463</v>
      </c>
      <c r="F1408" s="6" t="s">
        <v>8464</v>
      </c>
      <c r="G1408" s="2" t="s">
        <v>8460</v>
      </c>
      <c r="H1408" s="4" t="s">
        <v>9</v>
      </c>
      <c r="I1408" s="5" t="s">
        <v>1413</v>
      </c>
      <c r="J1408" s="5" t="s">
        <v>8461</v>
      </c>
      <c r="K1408" s="5" t="s">
        <v>4946</v>
      </c>
      <c r="L1408" s="6" t="s">
        <v>5</v>
      </c>
      <c r="M1408" s="2" t="s">
        <v>8465</v>
      </c>
      <c r="N1408" s="3">
        <v>45090</v>
      </c>
      <c r="O1408" s="3">
        <v>45090</v>
      </c>
      <c r="P1408" s="3">
        <v>47634</v>
      </c>
    </row>
    <row r="1409" spans="1:16" x14ac:dyDescent="0.15">
      <c r="A1409" s="2" t="s">
        <v>49</v>
      </c>
      <c r="B1409" s="2" t="s">
        <v>5285</v>
      </c>
      <c r="C1409" s="4" t="s">
        <v>6</v>
      </c>
      <c r="D1409" s="5" t="s">
        <v>5286</v>
      </c>
      <c r="E1409" s="5" t="s">
        <v>816</v>
      </c>
      <c r="F1409" s="6" t="s">
        <v>5</v>
      </c>
      <c r="G1409" s="2"/>
      <c r="H1409" s="4"/>
      <c r="I1409" s="5"/>
      <c r="J1409" s="5"/>
      <c r="K1409" s="5"/>
      <c r="L1409" s="6"/>
      <c r="M1409" s="2" t="s">
        <v>5287</v>
      </c>
      <c r="N1409" s="3">
        <v>44699</v>
      </c>
      <c r="O1409" s="3">
        <v>44699</v>
      </c>
      <c r="P1409" s="3">
        <v>46873</v>
      </c>
    </row>
    <row r="1410" spans="1:16" x14ac:dyDescent="0.15">
      <c r="A1410" s="2" t="s">
        <v>16</v>
      </c>
      <c r="B1410" s="2" t="s">
        <v>5285</v>
      </c>
      <c r="C1410" s="4" t="s">
        <v>6</v>
      </c>
      <c r="D1410" s="5" t="s">
        <v>5286</v>
      </c>
      <c r="E1410" s="5" t="s">
        <v>816</v>
      </c>
      <c r="F1410" s="6" t="s">
        <v>5</v>
      </c>
      <c r="G1410" s="2"/>
      <c r="H1410" s="4"/>
      <c r="I1410" s="5"/>
      <c r="J1410" s="5"/>
      <c r="K1410" s="5"/>
      <c r="L1410" s="6"/>
      <c r="M1410" s="2" t="s">
        <v>5288</v>
      </c>
      <c r="N1410" s="3">
        <v>44699</v>
      </c>
      <c r="O1410" s="3">
        <v>44699</v>
      </c>
      <c r="P1410" s="3">
        <v>46873</v>
      </c>
    </row>
    <row r="1411" spans="1:16" x14ac:dyDescent="0.15">
      <c r="A1411" s="2" t="s">
        <v>16</v>
      </c>
      <c r="B1411" s="2" t="s">
        <v>5290</v>
      </c>
      <c r="C1411" s="4" t="s">
        <v>6</v>
      </c>
      <c r="D1411" s="5" t="s">
        <v>4746</v>
      </c>
      <c r="E1411" s="5" t="s">
        <v>5289</v>
      </c>
      <c r="F1411" s="6" t="s">
        <v>5</v>
      </c>
      <c r="G1411" s="2"/>
      <c r="H1411" s="4"/>
      <c r="I1411" s="5"/>
      <c r="J1411" s="5"/>
      <c r="K1411" s="5"/>
      <c r="L1411" s="6"/>
      <c r="M1411" s="2" t="s">
        <v>5291</v>
      </c>
      <c r="N1411" s="3">
        <v>30924</v>
      </c>
      <c r="O1411" s="3">
        <v>44743</v>
      </c>
      <c r="P1411" s="3">
        <v>46568</v>
      </c>
    </row>
    <row r="1412" spans="1:16" x14ac:dyDescent="0.15">
      <c r="A1412" s="2" t="s">
        <v>49</v>
      </c>
      <c r="B1412" s="2" t="s">
        <v>8483</v>
      </c>
      <c r="C1412" s="4" t="s">
        <v>6</v>
      </c>
      <c r="D1412" s="5" t="s">
        <v>8481</v>
      </c>
      <c r="E1412" s="5" t="s">
        <v>8482</v>
      </c>
      <c r="F1412" s="6" t="s">
        <v>5</v>
      </c>
      <c r="G1412" s="2" t="s">
        <v>8480</v>
      </c>
      <c r="H1412" s="4" t="s">
        <v>9</v>
      </c>
      <c r="I1412" s="5" t="s">
        <v>6</v>
      </c>
      <c r="J1412" s="5" t="s">
        <v>8481</v>
      </c>
      <c r="K1412" s="5" t="s">
        <v>8482</v>
      </c>
      <c r="L1412" s="6" t="s">
        <v>5</v>
      </c>
      <c r="M1412" s="2" t="s">
        <v>8484</v>
      </c>
      <c r="N1412" s="3">
        <v>45063</v>
      </c>
      <c r="O1412" s="3">
        <v>45063</v>
      </c>
      <c r="P1412" s="3">
        <v>47057</v>
      </c>
    </row>
    <row r="1413" spans="1:16" x14ac:dyDescent="0.15">
      <c r="A1413" s="2" t="s">
        <v>49</v>
      </c>
      <c r="B1413" s="2" t="s">
        <v>8487</v>
      </c>
      <c r="C1413" s="4" t="s">
        <v>6</v>
      </c>
      <c r="D1413" s="5" t="s">
        <v>301</v>
      </c>
      <c r="E1413" s="5" t="s">
        <v>8486</v>
      </c>
      <c r="F1413" s="6" t="s">
        <v>5</v>
      </c>
      <c r="G1413" s="2" t="s">
        <v>8485</v>
      </c>
      <c r="H1413" s="4" t="s">
        <v>9</v>
      </c>
      <c r="I1413" s="5" t="s">
        <v>6</v>
      </c>
      <c r="J1413" s="5" t="s">
        <v>301</v>
      </c>
      <c r="K1413" s="5" t="s">
        <v>8486</v>
      </c>
      <c r="L1413" s="6" t="s">
        <v>5</v>
      </c>
      <c r="M1413" s="2" t="s">
        <v>8488</v>
      </c>
      <c r="N1413" s="3">
        <v>45078</v>
      </c>
      <c r="O1413" s="3">
        <v>45078</v>
      </c>
      <c r="P1413" s="3">
        <v>47208</v>
      </c>
    </row>
    <row r="1414" spans="1:16" x14ac:dyDescent="0.15">
      <c r="A1414" s="2" t="s">
        <v>49</v>
      </c>
      <c r="B1414" s="2" t="s">
        <v>5302</v>
      </c>
      <c r="C1414" s="4" t="s">
        <v>6</v>
      </c>
      <c r="D1414" s="5" t="s">
        <v>5301</v>
      </c>
      <c r="E1414" s="5" t="s">
        <v>5</v>
      </c>
      <c r="F1414" s="6" t="s">
        <v>5</v>
      </c>
      <c r="G1414" s="2"/>
      <c r="H1414" s="4"/>
      <c r="I1414" s="5"/>
      <c r="J1414" s="5"/>
      <c r="K1414" s="5"/>
      <c r="L1414" s="6"/>
      <c r="M1414" s="2" t="s">
        <v>5303</v>
      </c>
      <c r="N1414" s="3">
        <v>32717</v>
      </c>
      <c r="O1414" s="3">
        <v>44743</v>
      </c>
      <c r="P1414" s="3">
        <v>46568</v>
      </c>
    </row>
    <row r="1415" spans="1:16" x14ac:dyDescent="0.15">
      <c r="A1415" s="2" t="s">
        <v>49</v>
      </c>
      <c r="B1415" s="2" t="s">
        <v>8502</v>
      </c>
      <c r="C1415" s="4" t="s">
        <v>6</v>
      </c>
      <c r="D1415" s="5" t="s">
        <v>6245</v>
      </c>
      <c r="E1415" s="5" t="s">
        <v>8503</v>
      </c>
      <c r="F1415" s="6" t="s">
        <v>5</v>
      </c>
      <c r="G1415" s="2" t="s">
        <v>8499</v>
      </c>
      <c r="H1415" s="4" t="s">
        <v>9</v>
      </c>
      <c r="I1415" s="5" t="s">
        <v>6</v>
      </c>
      <c r="J1415" s="5" t="s">
        <v>8500</v>
      </c>
      <c r="K1415" s="5" t="s">
        <v>8501</v>
      </c>
      <c r="L1415" s="6" t="s">
        <v>5</v>
      </c>
      <c r="M1415" s="2" t="s">
        <v>8504</v>
      </c>
      <c r="N1415" s="3">
        <v>45100</v>
      </c>
      <c r="O1415" s="3">
        <v>45100</v>
      </c>
      <c r="P1415" s="3">
        <v>47391</v>
      </c>
    </row>
    <row r="1416" spans="1:16" x14ac:dyDescent="0.15">
      <c r="A1416" s="2" t="s">
        <v>49</v>
      </c>
      <c r="B1416" s="2" t="s">
        <v>8509</v>
      </c>
      <c r="C1416" s="4" t="s">
        <v>6</v>
      </c>
      <c r="D1416" s="5" t="s">
        <v>5286</v>
      </c>
      <c r="E1416" s="5" t="s">
        <v>337</v>
      </c>
      <c r="F1416" s="6" t="s">
        <v>5</v>
      </c>
      <c r="G1416" s="2" t="s">
        <v>8507</v>
      </c>
      <c r="H1416" s="4" t="s">
        <v>9</v>
      </c>
      <c r="I1416" s="5" t="s">
        <v>6</v>
      </c>
      <c r="J1416" s="5" t="s">
        <v>5286</v>
      </c>
      <c r="K1416" s="5" t="s">
        <v>8508</v>
      </c>
      <c r="L1416" s="6" t="s">
        <v>5</v>
      </c>
      <c r="M1416" s="2" t="s">
        <v>8510</v>
      </c>
      <c r="N1416" s="3">
        <v>43056</v>
      </c>
      <c r="O1416" s="3">
        <v>45413</v>
      </c>
      <c r="P1416" s="3">
        <v>47603</v>
      </c>
    </row>
    <row r="1417" spans="1:16" x14ac:dyDescent="0.15">
      <c r="A1417" s="2" t="s">
        <v>49</v>
      </c>
      <c r="B1417" s="2" t="s">
        <v>5311</v>
      </c>
      <c r="C1417" s="4" t="s">
        <v>6</v>
      </c>
      <c r="D1417" s="5" t="s">
        <v>247</v>
      </c>
      <c r="E1417" s="5" t="s">
        <v>1969</v>
      </c>
      <c r="F1417" s="6" t="s">
        <v>5312</v>
      </c>
      <c r="G1417" s="2"/>
      <c r="H1417" s="4"/>
      <c r="I1417" s="5"/>
      <c r="J1417" s="5"/>
      <c r="K1417" s="5"/>
      <c r="L1417" s="6"/>
      <c r="M1417" s="2" t="s">
        <v>5313</v>
      </c>
      <c r="N1417" s="3">
        <v>40712</v>
      </c>
      <c r="O1417" s="3">
        <v>44713</v>
      </c>
      <c r="P1417" s="3">
        <v>46538</v>
      </c>
    </row>
    <row r="1418" spans="1:16" x14ac:dyDescent="0.15">
      <c r="A1418" s="2" t="s">
        <v>49</v>
      </c>
      <c r="B1418" s="2" t="s">
        <v>8526</v>
      </c>
      <c r="C1418" s="4" t="s">
        <v>6</v>
      </c>
      <c r="D1418" s="5" t="s">
        <v>279</v>
      </c>
      <c r="E1418" s="5" t="s">
        <v>8527</v>
      </c>
      <c r="F1418" s="6" t="s">
        <v>5</v>
      </c>
      <c r="G1418" s="2" t="s">
        <v>8524</v>
      </c>
      <c r="H1418" s="4" t="s">
        <v>685</v>
      </c>
      <c r="I1418" s="5" t="s">
        <v>686</v>
      </c>
      <c r="J1418" s="5" t="s">
        <v>8525</v>
      </c>
      <c r="K1418" s="5" t="s">
        <v>614</v>
      </c>
      <c r="L1418" s="6" t="s">
        <v>5</v>
      </c>
      <c r="M1418" s="2" t="s">
        <v>8528</v>
      </c>
      <c r="N1418" s="3">
        <v>38208</v>
      </c>
      <c r="O1418" s="3">
        <v>45108</v>
      </c>
      <c r="P1418" s="3">
        <v>47299</v>
      </c>
    </row>
    <row r="1419" spans="1:16" x14ac:dyDescent="0.15">
      <c r="A1419" s="2" t="s">
        <v>49</v>
      </c>
      <c r="B1419" s="2" t="s">
        <v>5318</v>
      </c>
      <c r="C1419" s="4" t="s">
        <v>6</v>
      </c>
      <c r="D1419" s="5" t="s">
        <v>253</v>
      </c>
      <c r="E1419" s="5" t="s">
        <v>1745</v>
      </c>
      <c r="F1419" s="6" t="s">
        <v>47</v>
      </c>
      <c r="G1419" s="2"/>
      <c r="H1419" s="4"/>
      <c r="I1419" s="5"/>
      <c r="J1419" s="5"/>
      <c r="K1419" s="5"/>
      <c r="L1419" s="6"/>
      <c r="M1419" s="2" t="s">
        <v>5319</v>
      </c>
      <c r="N1419" s="3">
        <v>38483</v>
      </c>
      <c r="O1419" s="3">
        <v>44713</v>
      </c>
      <c r="P1419" s="3">
        <v>46904</v>
      </c>
    </row>
    <row r="1420" spans="1:16" x14ac:dyDescent="0.15">
      <c r="A1420" s="2" t="s">
        <v>49</v>
      </c>
      <c r="B1420" s="2" t="s">
        <v>5321</v>
      </c>
      <c r="C1420" s="4" t="s">
        <v>6</v>
      </c>
      <c r="D1420" s="5" t="s">
        <v>894</v>
      </c>
      <c r="E1420" s="5" t="s">
        <v>5320</v>
      </c>
      <c r="F1420" s="6" t="s">
        <v>5</v>
      </c>
      <c r="G1420" s="2"/>
      <c r="H1420" s="4"/>
      <c r="I1420" s="5"/>
      <c r="J1420" s="5"/>
      <c r="K1420" s="5"/>
      <c r="L1420" s="6"/>
      <c r="M1420" s="2" t="s">
        <v>5322</v>
      </c>
      <c r="N1420" s="3">
        <v>39232</v>
      </c>
      <c r="O1420" s="3">
        <v>44743</v>
      </c>
      <c r="P1420" s="3">
        <v>46568</v>
      </c>
    </row>
    <row r="1421" spans="1:16" x14ac:dyDescent="0.15">
      <c r="A1421" s="2" t="s">
        <v>49</v>
      </c>
      <c r="B1421" s="2" t="s">
        <v>5325</v>
      </c>
      <c r="C1421" s="4" t="s">
        <v>6</v>
      </c>
      <c r="D1421" s="5" t="s">
        <v>5326</v>
      </c>
      <c r="E1421" s="5" t="s">
        <v>5327</v>
      </c>
      <c r="F1421" s="6" t="s">
        <v>5</v>
      </c>
      <c r="G1421" s="2"/>
      <c r="H1421" s="4"/>
      <c r="I1421" s="5"/>
      <c r="J1421" s="5"/>
      <c r="K1421" s="5"/>
      <c r="L1421" s="6"/>
      <c r="M1421" s="2" t="s">
        <v>5328</v>
      </c>
      <c r="N1421" s="3">
        <v>39175</v>
      </c>
      <c r="O1421" s="3">
        <v>44743</v>
      </c>
      <c r="P1421" s="3">
        <v>46568</v>
      </c>
    </row>
    <row r="1422" spans="1:16" x14ac:dyDescent="0.15">
      <c r="A1422" s="2" t="s">
        <v>49</v>
      </c>
      <c r="B1422" s="2" t="s">
        <v>5329</v>
      </c>
      <c r="C1422" s="4" t="s">
        <v>6</v>
      </c>
      <c r="D1422" s="5" t="s">
        <v>247</v>
      </c>
      <c r="E1422" s="5" t="s">
        <v>1307</v>
      </c>
      <c r="F1422" s="6" t="s">
        <v>5330</v>
      </c>
      <c r="G1422" s="2"/>
      <c r="H1422" s="4"/>
      <c r="I1422" s="5"/>
      <c r="J1422" s="5"/>
      <c r="K1422" s="5"/>
      <c r="L1422" s="6"/>
      <c r="M1422" s="2" t="s">
        <v>5331</v>
      </c>
      <c r="N1422" s="3">
        <v>38772</v>
      </c>
      <c r="O1422" s="3">
        <v>44713</v>
      </c>
      <c r="P1422" s="3">
        <v>46904</v>
      </c>
    </row>
    <row r="1423" spans="1:16" x14ac:dyDescent="0.15">
      <c r="A1423" s="2" t="s">
        <v>49</v>
      </c>
      <c r="B1423" s="2" t="s">
        <v>5332</v>
      </c>
      <c r="C1423" s="4" t="s">
        <v>6</v>
      </c>
      <c r="D1423" s="5" t="s">
        <v>253</v>
      </c>
      <c r="E1423" s="5" t="s">
        <v>5333</v>
      </c>
      <c r="F1423" s="6" t="s">
        <v>5334</v>
      </c>
      <c r="G1423" s="2"/>
      <c r="H1423" s="4"/>
      <c r="I1423" s="5"/>
      <c r="J1423" s="5"/>
      <c r="K1423" s="5"/>
      <c r="L1423" s="6"/>
      <c r="M1423" s="2" t="s">
        <v>5335</v>
      </c>
      <c r="N1423" s="3">
        <v>38353</v>
      </c>
      <c r="O1423" s="3">
        <v>44713</v>
      </c>
      <c r="P1423" s="3">
        <v>46904</v>
      </c>
    </row>
    <row r="1424" spans="1:16" x14ac:dyDescent="0.15">
      <c r="A1424" s="2" t="s">
        <v>49</v>
      </c>
      <c r="B1424" s="2" t="s">
        <v>8550</v>
      </c>
      <c r="C1424" s="4" t="s">
        <v>6</v>
      </c>
      <c r="D1424" s="5" t="s">
        <v>500</v>
      </c>
      <c r="E1424" s="5" t="s">
        <v>8551</v>
      </c>
      <c r="F1424" s="6" t="s">
        <v>5</v>
      </c>
      <c r="G1424" s="2" t="s">
        <v>8547</v>
      </c>
      <c r="H1424" s="4" t="s">
        <v>29</v>
      </c>
      <c r="I1424" s="5" t="s">
        <v>1887</v>
      </c>
      <c r="J1424" s="5" t="s">
        <v>8548</v>
      </c>
      <c r="K1424" s="5" t="s">
        <v>8549</v>
      </c>
      <c r="L1424" s="6" t="s">
        <v>5</v>
      </c>
      <c r="M1424" s="2" t="s">
        <v>8552</v>
      </c>
      <c r="N1424" s="3">
        <v>43565</v>
      </c>
      <c r="O1424" s="3">
        <v>45444</v>
      </c>
      <c r="P1424" s="3">
        <v>47634</v>
      </c>
    </row>
    <row r="1425" spans="1:16" x14ac:dyDescent="0.15">
      <c r="A1425" s="2" t="s">
        <v>49</v>
      </c>
      <c r="B1425" s="2" t="s">
        <v>5342</v>
      </c>
      <c r="C1425" s="4" t="s">
        <v>6</v>
      </c>
      <c r="D1425" s="5" t="s">
        <v>5343</v>
      </c>
      <c r="E1425" s="5" t="s">
        <v>5</v>
      </c>
      <c r="F1425" s="6" t="s">
        <v>5344</v>
      </c>
      <c r="G1425" s="2"/>
      <c r="H1425" s="4"/>
      <c r="I1425" s="5"/>
      <c r="J1425" s="5"/>
      <c r="K1425" s="5"/>
      <c r="L1425" s="6"/>
      <c r="M1425" s="2" t="s">
        <v>5345</v>
      </c>
      <c r="N1425" s="3">
        <v>44728</v>
      </c>
      <c r="O1425" s="3">
        <v>44728</v>
      </c>
      <c r="P1425" s="3">
        <v>46721</v>
      </c>
    </row>
    <row r="1426" spans="1:16" x14ac:dyDescent="0.15">
      <c r="A1426" s="2" t="s">
        <v>49</v>
      </c>
      <c r="B1426" s="2" t="s">
        <v>5346</v>
      </c>
      <c r="C1426" s="4" t="s">
        <v>6</v>
      </c>
      <c r="D1426" s="5" t="s">
        <v>464</v>
      </c>
      <c r="E1426" s="5" t="s">
        <v>2941</v>
      </c>
      <c r="F1426" s="6" t="s">
        <v>5</v>
      </c>
      <c r="G1426" s="2"/>
      <c r="H1426" s="4"/>
      <c r="I1426" s="5"/>
      <c r="J1426" s="5"/>
      <c r="K1426" s="5"/>
      <c r="L1426" s="6"/>
      <c r="M1426" s="2" t="s">
        <v>5347</v>
      </c>
      <c r="N1426" s="3">
        <v>42490</v>
      </c>
      <c r="O1426" s="3">
        <v>44713</v>
      </c>
      <c r="P1426" s="3">
        <v>46904</v>
      </c>
    </row>
    <row r="1427" spans="1:16" x14ac:dyDescent="0.15">
      <c r="A1427" s="2" t="s">
        <v>42</v>
      </c>
      <c r="B1427" s="2" t="s">
        <v>5348</v>
      </c>
      <c r="C1427" s="4" t="s">
        <v>6</v>
      </c>
      <c r="D1427" s="5" t="s">
        <v>1148</v>
      </c>
      <c r="E1427" s="5" t="s">
        <v>5349</v>
      </c>
      <c r="F1427" s="6" t="s">
        <v>5</v>
      </c>
      <c r="G1427" s="2"/>
      <c r="H1427" s="4"/>
      <c r="I1427" s="5"/>
      <c r="J1427" s="5"/>
      <c r="K1427" s="5"/>
      <c r="L1427" s="6"/>
      <c r="M1427" s="2" t="s">
        <v>5350</v>
      </c>
      <c r="N1427" s="3">
        <v>45120</v>
      </c>
      <c r="O1427" s="3">
        <v>45120</v>
      </c>
      <c r="P1427" s="3">
        <v>47573</v>
      </c>
    </row>
    <row r="1428" spans="1:16" x14ac:dyDescent="0.15">
      <c r="A1428" s="2" t="s">
        <v>16</v>
      </c>
      <c r="B1428" s="2" t="s">
        <v>5351</v>
      </c>
      <c r="C1428" s="4" t="s">
        <v>6</v>
      </c>
      <c r="D1428" s="5" t="s">
        <v>5352</v>
      </c>
      <c r="E1428" s="5" t="s">
        <v>5353</v>
      </c>
      <c r="F1428" s="6" t="s">
        <v>5</v>
      </c>
      <c r="G1428" s="2"/>
      <c r="H1428" s="4"/>
      <c r="I1428" s="5"/>
      <c r="J1428" s="5"/>
      <c r="K1428" s="5"/>
      <c r="L1428" s="6"/>
      <c r="M1428" s="2" t="s">
        <v>5354</v>
      </c>
      <c r="N1428" s="3">
        <v>44699</v>
      </c>
      <c r="O1428" s="3">
        <v>44699</v>
      </c>
      <c r="P1428" s="3">
        <v>46660</v>
      </c>
    </row>
    <row r="1429" spans="1:16" x14ac:dyDescent="0.15">
      <c r="A1429" s="2" t="s">
        <v>49</v>
      </c>
      <c r="B1429" s="2" t="s">
        <v>5355</v>
      </c>
      <c r="C1429" s="4" t="s">
        <v>6</v>
      </c>
      <c r="D1429" s="5" t="s">
        <v>247</v>
      </c>
      <c r="E1429" s="5" t="s">
        <v>5356</v>
      </c>
      <c r="F1429" s="6" t="s">
        <v>5357</v>
      </c>
      <c r="G1429" s="2"/>
      <c r="H1429" s="4"/>
      <c r="I1429" s="5"/>
      <c r="J1429" s="5"/>
      <c r="K1429" s="5"/>
      <c r="L1429" s="6"/>
      <c r="M1429" s="2" t="s">
        <v>5358</v>
      </c>
      <c r="N1429" s="3">
        <v>40960</v>
      </c>
      <c r="O1429" s="3">
        <v>44713</v>
      </c>
      <c r="P1429" s="3">
        <v>46538</v>
      </c>
    </row>
    <row r="1430" spans="1:16" x14ac:dyDescent="0.15">
      <c r="A1430" s="2" t="s">
        <v>66</v>
      </c>
      <c r="B1430" s="2" t="s">
        <v>5360</v>
      </c>
      <c r="C1430" s="4" t="s">
        <v>6</v>
      </c>
      <c r="D1430" s="5" t="s">
        <v>5323</v>
      </c>
      <c r="E1430" s="5" t="s">
        <v>5359</v>
      </c>
      <c r="F1430" s="6" t="s">
        <v>5</v>
      </c>
      <c r="G1430" s="2"/>
      <c r="H1430" s="4"/>
      <c r="I1430" s="5"/>
      <c r="J1430" s="5"/>
      <c r="K1430" s="5"/>
      <c r="L1430" s="6"/>
      <c r="M1430" s="2" t="s">
        <v>5361</v>
      </c>
      <c r="N1430" s="3">
        <v>39259</v>
      </c>
      <c r="O1430" s="3">
        <v>44743</v>
      </c>
      <c r="P1430" s="3">
        <v>46568</v>
      </c>
    </row>
    <row r="1431" spans="1:16" x14ac:dyDescent="0.15">
      <c r="A1431" s="2" t="s">
        <v>49</v>
      </c>
      <c r="B1431" s="2" t="s">
        <v>5362</v>
      </c>
      <c r="C1431" s="4" t="s">
        <v>6</v>
      </c>
      <c r="D1431" s="5" t="s">
        <v>848</v>
      </c>
      <c r="E1431" s="5" t="s">
        <v>1028</v>
      </c>
      <c r="F1431" s="6" t="s">
        <v>5363</v>
      </c>
      <c r="G1431" s="2"/>
      <c r="H1431" s="4"/>
      <c r="I1431" s="5"/>
      <c r="J1431" s="5"/>
      <c r="K1431" s="5"/>
      <c r="L1431" s="6"/>
      <c r="M1431" s="2" t="s">
        <v>5364</v>
      </c>
      <c r="N1431" s="3">
        <v>31354</v>
      </c>
      <c r="O1431" s="3">
        <v>44713</v>
      </c>
      <c r="P1431" s="3">
        <v>46538</v>
      </c>
    </row>
    <row r="1432" spans="1:16" x14ac:dyDescent="0.15">
      <c r="A1432" s="2" t="s">
        <v>49</v>
      </c>
      <c r="B1432" s="2" t="s">
        <v>5365</v>
      </c>
      <c r="C1432" s="4" t="s">
        <v>6</v>
      </c>
      <c r="D1432" s="5" t="s">
        <v>4187</v>
      </c>
      <c r="E1432" s="5" t="s">
        <v>2006</v>
      </c>
      <c r="F1432" s="6" t="s">
        <v>5</v>
      </c>
      <c r="G1432" s="2"/>
      <c r="H1432" s="4"/>
      <c r="I1432" s="5"/>
      <c r="J1432" s="5"/>
      <c r="K1432" s="5"/>
      <c r="L1432" s="6"/>
      <c r="M1432" s="2" t="s">
        <v>5366</v>
      </c>
      <c r="N1432" s="3">
        <v>39155</v>
      </c>
      <c r="O1432" s="3">
        <v>44743</v>
      </c>
      <c r="P1432" s="3">
        <v>46568</v>
      </c>
    </row>
    <row r="1433" spans="1:16" x14ac:dyDescent="0.15">
      <c r="A1433" s="2" t="s">
        <v>49</v>
      </c>
      <c r="B1433" s="2" t="s">
        <v>8561</v>
      </c>
      <c r="C1433" s="4" t="s">
        <v>6</v>
      </c>
      <c r="D1433" s="5" t="s">
        <v>588</v>
      </c>
      <c r="E1433" s="5" t="s">
        <v>8560</v>
      </c>
      <c r="F1433" s="6" t="s">
        <v>5</v>
      </c>
      <c r="G1433" s="2" t="s">
        <v>8559</v>
      </c>
      <c r="H1433" s="4" t="s">
        <v>9</v>
      </c>
      <c r="I1433" s="5" t="s">
        <v>6</v>
      </c>
      <c r="J1433" s="5" t="s">
        <v>588</v>
      </c>
      <c r="K1433" s="5" t="s">
        <v>8560</v>
      </c>
      <c r="L1433" s="6" t="s">
        <v>5</v>
      </c>
      <c r="M1433" s="2" t="s">
        <v>8562</v>
      </c>
      <c r="N1433" s="3">
        <v>43281</v>
      </c>
      <c r="O1433" s="3">
        <v>45108</v>
      </c>
      <c r="P1433" s="3">
        <v>47299</v>
      </c>
    </row>
    <row r="1434" spans="1:16" x14ac:dyDescent="0.15">
      <c r="A1434" s="2" t="s">
        <v>49</v>
      </c>
      <c r="B1434" s="2" t="s">
        <v>8598</v>
      </c>
      <c r="C1434" s="4" t="s">
        <v>6</v>
      </c>
      <c r="D1434" s="5" t="s">
        <v>247</v>
      </c>
      <c r="E1434" s="5" t="s">
        <v>8597</v>
      </c>
      <c r="F1434" s="6" t="s">
        <v>5</v>
      </c>
      <c r="G1434" s="2" t="s">
        <v>8596</v>
      </c>
      <c r="H1434" s="4" t="s">
        <v>9</v>
      </c>
      <c r="I1434" s="5" t="s">
        <v>6</v>
      </c>
      <c r="J1434" s="5" t="s">
        <v>247</v>
      </c>
      <c r="K1434" s="5" t="s">
        <v>8597</v>
      </c>
      <c r="L1434" s="6" t="s">
        <v>5</v>
      </c>
      <c r="M1434" s="2" t="s">
        <v>8599</v>
      </c>
      <c r="N1434" s="3">
        <v>42829</v>
      </c>
      <c r="O1434" s="3">
        <v>45078</v>
      </c>
      <c r="P1434" s="3">
        <v>47269</v>
      </c>
    </row>
    <row r="1435" spans="1:16" x14ac:dyDescent="0.15">
      <c r="A1435" s="2" t="s">
        <v>49</v>
      </c>
      <c r="B1435" s="2" t="s">
        <v>5373</v>
      </c>
      <c r="C1435" s="4" t="s">
        <v>6</v>
      </c>
      <c r="D1435" s="5" t="s">
        <v>247</v>
      </c>
      <c r="E1435" s="5" t="s">
        <v>1690</v>
      </c>
      <c r="F1435" s="6" t="s">
        <v>5374</v>
      </c>
      <c r="G1435" s="2"/>
      <c r="H1435" s="4"/>
      <c r="I1435" s="5"/>
      <c r="J1435" s="5"/>
      <c r="K1435" s="5"/>
      <c r="L1435" s="6"/>
      <c r="M1435" s="2" t="s">
        <v>5375</v>
      </c>
      <c r="N1435" s="3">
        <v>44700</v>
      </c>
      <c r="O1435" s="3">
        <v>44700</v>
      </c>
      <c r="P1435" s="3">
        <v>46538</v>
      </c>
    </row>
    <row r="1436" spans="1:16" x14ac:dyDescent="0.15">
      <c r="A1436" s="2" t="s">
        <v>49</v>
      </c>
      <c r="B1436" s="2" t="s">
        <v>5377</v>
      </c>
      <c r="C1436" s="4" t="s">
        <v>6</v>
      </c>
      <c r="D1436" s="5" t="s">
        <v>1027</v>
      </c>
      <c r="E1436" s="5" t="s">
        <v>3352</v>
      </c>
      <c r="F1436" s="6" t="s">
        <v>5378</v>
      </c>
      <c r="G1436" s="2"/>
      <c r="H1436" s="4"/>
      <c r="I1436" s="5"/>
      <c r="J1436" s="5"/>
      <c r="K1436" s="5"/>
      <c r="L1436" s="6"/>
      <c r="M1436" s="2" t="s">
        <v>5379</v>
      </c>
      <c r="N1436" s="3">
        <v>45230</v>
      </c>
      <c r="O1436" s="3">
        <v>45230</v>
      </c>
      <c r="P1436" s="3">
        <v>47087</v>
      </c>
    </row>
    <row r="1437" spans="1:16" x14ac:dyDescent="0.15">
      <c r="A1437" s="2" t="s">
        <v>49</v>
      </c>
      <c r="B1437" s="2" t="s">
        <v>5380</v>
      </c>
      <c r="C1437" s="4" t="s">
        <v>6</v>
      </c>
      <c r="D1437" s="5" t="s">
        <v>5381</v>
      </c>
      <c r="E1437" s="5" t="s">
        <v>5382</v>
      </c>
      <c r="F1437" s="6" t="s">
        <v>5</v>
      </c>
      <c r="G1437" s="2"/>
      <c r="H1437" s="4"/>
      <c r="I1437" s="5"/>
      <c r="J1437" s="5"/>
      <c r="K1437" s="5"/>
      <c r="L1437" s="6"/>
      <c r="M1437" s="2" t="s">
        <v>5384</v>
      </c>
      <c r="N1437" s="3">
        <v>34262</v>
      </c>
      <c r="O1437" s="3">
        <v>44743</v>
      </c>
      <c r="P1437" s="3">
        <v>46568</v>
      </c>
    </row>
    <row r="1438" spans="1:16" x14ac:dyDescent="0.15">
      <c r="A1438" s="2" t="s">
        <v>49</v>
      </c>
      <c r="B1438" s="2" t="s">
        <v>5385</v>
      </c>
      <c r="C1438" s="4" t="s">
        <v>6</v>
      </c>
      <c r="D1438" s="5" t="s">
        <v>464</v>
      </c>
      <c r="E1438" s="5" t="s">
        <v>1779</v>
      </c>
      <c r="F1438" s="6" t="s">
        <v>5</v>
      </c>
      <c r="G1438" s="2"/>
      <c r="H1438" s="4"/>
      <c r="I1438" s="5"/>
      <c r="J1438" s="5"/>
      <c r="K1438" s="5"/>
      <c r="L1438" s="6"/>
      <c r="M1438" s="2" t="s">
        <v>5386</v>
      </c>
      <c r="N1438" s="3">
        <v>42224</v>
      </c>
      <c r="O1438" s="3">
        <v>44713</v>
      </c>
      <c r="P1438" s="3">
        <v>46904</v>
      </c>
    </row>
    <row r="1439" spans="1:16" x14ac:dyDescent="0.15">
      <c r="A1439" s="2" t="s">
        <v>49</v>
      </c>
      <c r="B1439" s="2" t="s">
        <v>8600</v>
      </c>
      <c r="C1439" s="4" t="s">
        <v>6</v>
      </c>
      <c r="D1439" s="5" t="s">
        <v>247</v>
      </c>
      <c r="E1439" s="5" t="s">
        <v>8597</v>
      </c>
      <c r="F1439" s="6" t="s">
        <v>5</v>
      </c>
      <c r="G1439" s="2" t="s">
        <v>8596</v>
      </c>
      <c r="H1439" s="4" t="s">
        <v>9</v>
      </c>
      <c r="I1439" s="5" t="s">
        <v>6</v>
      </c>
      <c r="J1439" s="5" t="s">
        <v>247</v>
      </c>
      <c r="K1439" s="5" t="s">
        <v>8597</v>
      </c>
      <c r="L1439" s="6" t="s">
        <v>5</v>
      </c>
      <c r="M1439" s="2" t="s">
        <v>8601</v>
      </c>
      <c r="N1439" s="3">
        <v>32261</v>
      </c>
      <c r="O1439" s="3">
        <v>45444</v>
      </c>
      <c r="P1439" s="3">
        <v>47634</v>
      </c>
    </row>
    <row r="1440" spans="1:16" x14ac:dyDescent="0.15">
      <c r="A1440" s="2" t="s">
        <v>49</v>
      </c>
      <c r="B1440" s="2" t="s">
        <v>5392</v>
      </c>
      <c r="C1440" s="4" t="s">
        <v>6</v>
      </c>
      <c r="D1440" s="5" t="s">
        <v>5390</v>
      </c>
      <c r="E1440" s="5" t="s">
        <v>5391</v>
      </c>
      <c r="F1440" s="6" t="s">
        <v>5</v>
      </c>
      <c r="G1440" s="2"/>
      <c r="H1440" s="4"/>
      <c r="I1440" s="5"/>
      <c r="J1440" s="5"/>
      <c r="K1440" s="5"/>
      <c r="L1440" s="6"/>
      <c r="M1440" s="2" t="s">
        <v>5393</v>
      </c>
      <c r="N1440" s="3">
        <v>44713</v>
      </c>
      <c r="O1440" s="3">
        <v>44713</v>
      </c>
      <c r="P1440" s="3">
        <v>46568</v>
      </c>
    </row>
    <row r="1441" spans="1:16" x14ac:dyDescent="0.15">
      <c r="A1441" s="2" t="s">
        <v>49</v>
      </c>
      <c r="B1441" s="2" t="s">
        <v>8607</v>
      </c>
      <c r="C1441" s="4" t="s">
        <v>6</v>
      </c>
      <c r="D1441" s="5" t="s">
        <v>8608</v>
      </c>
      <c r="E1441" s="5" t="s">
        <v>5</v>
      </c>
      <c r="F1441" s="6" t="s">
        <v>5</v>
      </c>
      <c r="G1441" s="2" t="s">
        <v>8605</v>
      </c>
      <c r="H1441" s="4" t="s">
        <v>29</v>
      </c>
      <c r="I1441" s="5" t="s">
        <v>1197</v>
      </c>
      <c r="J1441" s="5" t="s">
        <v>8606</v>
      </c>
      <c r="K1441" s="5" t="s">
        <v>5</v>
      </c>
      <c r="L1441" s="6" t="s">
        <v>5</v>
      </c>
      <c r="M1441" s="2" t="s">
        <v>8609</v>
      </c>
      <c r="N1441" s="3">
        <v>40816</v>
      </c>
      <c r="O1441" s="3">
        <v>45413</v>
      </c>
      <c r="P1441" s="3">
        <v>47603</v>
      </c>
    </row>
    <row r="1442" spans="1:16" x14ac:dyDescent="0.15">
      <c r="A1442" s="2" t="s">
        <v>49</v>
      </c>
      <c r="B1442" s="2" t="s">
        <v>8640</v>
      </c>
      <c r="C1442" s="4" t="s">
        <v>6</v>
      </c>
      <c r="D1442" s="5" t="s">
        <v>8638</v>
      </c>
      <c r="E1442" s="5" t="s">
        <v>8641</v>
      </c>
      <c r="F1442" s="6" t="s">
        <v>5</v>
      </c>
      <c r="G1442" s="2" t="s">
        <v>8637</v>
      </c>
      <c r="H1442" s="4" t="s">
        <v>9</v>
      </c>
      <c r="I1442" s="5" t="s">
        <v>6</v>
      </c>
      <c r="J1442" s="5" t="s">
        <v>8638</v>
      </c>
      <c r="K1442" s="5" t="s">
        <v>8639</v>
      </c>
      <c r="L1442" s="6" t="s">
        <v>5</v>
      </c>
      <c r="M1442" s="2" t="s">
        <v>8642</v>
      </c>
      <c r="N1442" s="3">
        <v>45136</v>
      </c>
      <c r="O1442" s="3">
        <v>45136</v>
      </c>
      <c r="P1442" s="3">
        <v>47391</v>
      </c>
    </row>
    <row r="1443" spans="1:16" x14ac:dyDescent="0.15">
      <c r="A1443" s="2" t="s">
        <v>49</v>
      </c>
      <c r="B1443" s="2" t="s">
        <v>8647</v>
      </c>
      <c r="C1443" s="4" t="s">
        <v>6</v>
      </c>
      <c r="D1443" s="5" t="s">
        <v>218</v>
      </c>
      <c r="E1443" s="5" t="s">
        <v>219</v>
      </c>
      <c r="F1443" s="6" t="s">
        <v>267</v>
      </c>
      <c r="G1443" s="2" t="s">
        <v>8644</v>
      </c>
      <c r="H1443" s="4" t="s">
        <v>9</v>
      </c>
      <c r="I1443" s="5" t="s">
        <v>904</v>
      </c>
      <c r="J1443" s="5" t="s">
        <v>8645</v>
      </c>
      <c r="K1443" s="5" t="s">
        <v>8646</v>
      </c>
      <c r="L1443" s="6" t="s">
        <v>5</v>
      </c>
      <c r="M1443" s="2" t="s">
        <v>8648</v>
      </c>
      <c r="N1443" s="3">
        <v>45084</v>
      </c>
      <c r="O1443" s="3">
        <v>45084</v>
      </c>
      <c r="P1443" s="3">
        <v>47573</v>
      </c>
    </row>
    <row r="1444" spans="1:16" x14ac:dyDescent="0.15">
      <c r="A1444" s="2" t="s">
        <v>49</v>
      </c>
      <c r="B1444" s="2" t="s">
        <v>8662</v>
      </c>
      <c r="C1444" s="4" t="s">
        <v>6</v>
      </c>
      <c r="D1444" s="5" t="s">
        <v>5551</v>
      </c>
      <c r="E1444" s="5" t="s">
        <v>8663</v>
      </c>
      <c r="F1444" s="6" t="s">
        <v>8664</v>
      </c>
      <c r="G1444" s="2" t="s">
        <v>8659</v>
      </c>
      <c r="H1444" s="4" t="s">
        <v>9</v>
      </c>
      <c r="I1444" s="5" t="s">
        <v>58</v>
      </c>
      <c r="J1444" s="5" t="s">
        <v>8660</v>
      </c>
      <c r="K1444" s="5" t="s">
        <v>8661</v>
      </c>
      <c r="L1444" s="6" t="s">
        <v>5</v>
      </c>
      <c r="M1444" s="2" t="s">
        <v>8665</v>
      </c>
      <c r="N1444" s="3">
        <v>41263</v>
      </c>
      <c r="O1444" s="3">
        <v>45108</v>
      </c>
      <c r="P1444" s="3">
        <v>46934</v>
      </c>
    </row>
    <row r="1445" spans="1:16" x14ac:dyDescent="0.15">
      <c r="A1445" s="2" t="s">
        <v>49</v>
      </c>
      <c r="B1445" s="2" t="s">
        <v>8675</v>
      </c>
      <c r="C1445" s="4" t="s">
        <v>6</v>
      </c>
      <c r="D1445" s="5" t="s">
        <v>5339</v>
      </c>
      <c r="E1445" s="5" t="s">
        <v>1732</v>
      </c>
      <c r="F1445" s="6" t="s">
        <v>8676</v>
      </c>
      <c r="G1445" s="2" t="s">
        <v>8669</v>
      </c>
      <c r="H1445" s="4" t="s">
        <v>8671</v>
      </c>
      <c r="I1445" s="5" t="s">
        <v>8672</v>
      </c>
      <c r="J1445" s="5" t="s">
        <v>8673</v>
      </c>
      <c r="K1445" s="5" t="s">
        <v>8674</v>
      </c>
      <c r="L1445" s="6" t="s">
        <v>5</v>
      </c>
      <c r="M1445" s="2" t="s">
        <v>8677</v>
      </c>
      <c r="N1445" s="3">
        <v>38859</v>
      </c>
      <c r="O1445" s="3">
        <v>45108</v>
      </c>
      <c r="P1445" s="3">
        <v>47299</v>
      </c>
    </row>
    <row r="1446" spans="1:16" x14ac:dyDescent="0.15">
      <c r="A1446" s="2" t="s">
        <v>49</v>
      </c>
      <c r="B1446" s="2" t="s">
        <v>8692</v>
      </c>
      <c r="C1446" s="4" t="s">
        <v>6</v>
      </c>
      <c r="D1446" s="5" t="s">
        <v>284</v>
      </c>
      <c r="E1446" s="5" t="s">
        <v>3214</v>
      </c>
      <c r="F1446" s="6" t="s">
        <v>8693</v>
      </c>
      <c r="G1446" s="2" t="s">
        <v>8690</v>
      </c>
      <c r="H1446" s="4" t="s">
        <v>9</v>
      </c>
      <c r="I1446" s="5" t="s">
        <v>6</v>
      </c>
      <c r="J1446" s="5" t="s">
        <v>270</v>
      </c>
      <c r="K1446" s="5" t="s">
        <v>8691</v>
      </c>
      <c r="L1446" s="6" t="s">
        <v>5</v>
      </c>
      <c r="M1446" s="2" t="s">
        <v>8694</v>
      </c>
      <c r="N1446" s="3">
        <v>45122</v>
      </c>
      <c r="O1446" s="3">
        <v>45122</v>
      </c>
      <c r="P1446" s="3">
        <v>47573</v>
      </c>
    </row>
    <row r="1447" spans="1:16" x14ac:dyDescent="0.15">
      <c r="A1447" s="2" t="s">
        <v>16</v>
      </c>
      <c r="B1447" s="2" t="s">
        <v>5414</v>
      </c>
      <c r="C1447" s="4" t="s">
        <v>6</v>
      </c>
      <c r="D1447" s="5" t="s">
        <v>4826</v>
      </c>
      <c r="E1447" s="5" t="s">
        <v>5</v>
      </c>
      <c r="F1447" s="6" t="s">
        <v>5</v>
      </c>
      <c r="G1447" s="2"/>
      <c r="H1447" s="4"/>
      <c r="I1447" s="5"/>
      <c r="J1447" s="5"/>
      <c r="K1447" s="5"/>
      <c r="L1447" s="6"/>
      <c r="M1447" s="2" t="s">
        <v>5415</v>
      </c>
      <c r="N1447" s="3">
        <v>44715</v>
      </c>
      <c r="O1447" s="3">
        <v>45080</v>
      </c>
      <c r="P1447" s="3">
        <v>45445</v>
      </c>
    </row>
    <row r="1448" spans="1:16" x14ac:dyDescent="0.15">
      <c r="A1448" s="2" t="s">
        <v>16</v>
      </c>
      <c r="B1448" s="2" t="s">
        <v>5416</v>
      </c>
      <c r="C1448" s="4" t="s">
        <v>6</v>
      </c>
      <c r="D1448" s="5" t="s">
        <v>1762</v>
      </c>
      <c r="E1448" s="5" t="s">
        <v>1597</v>
      </c>
      <c r="F1448" s="6" t="s">
        <v>5417</v>
      </c>
      <c r="G1448" s="2"/>
      <c r="H1448" s="4"/>
      <c r="I1448" s="5"/>
      <c r="J1448" s="5"/>
      <c r="K1448" s="5"/>
      <c r="L1448" s="6"/>
      <c r="M1448" s="2" t="s">
        <v>5418</v>
      </c>
      <c r="N1448" s="3">
        <v>45480</v>
      </c>
      <c r="O1448" s="3">
        <v>45480</v>
      </c>
      <c r="P1448" s="3">
        <v>48029</v>
      </c>
    </row>
    <row r="1449" spans="1:16" x14ac:dyDescent="0.15">
      <c r="A1449" s="2" t="s">
        <v>49</v>
      </c>
      <c r="B1449" s="2" t="s">
        <v>8695</v>
      </c>
      <c r="C1449" s="4" t="s">
        <v>6</v>
      </c>
      <c r="D1449" s="5" t="s">
        <v>962</v>
      </c>
      <c r="E1449" s="5" t="s">
        <v>8696</v>
      </c>
      <c r="F1449" s="6" t="s">
        <v>5</v>
      </c>
      <c r="G1449" s="2" t="s">
        <v>8690</v>
      </c>
      <c r="H1449" s="4" t="s">
        <v>9</v>
      </c>
      <c r="I1449" s="5" t="s">
        <v>6</v>
      </c>
      <c r="J1449" s="5" t="s">
        <v>270</v>
      </c>
      <c r="K1449" s="5" t="s">
        <v>8691</v>
      </c>
      <c r="L1449" s="6" t="s">
        <v>5</v>
      </c>
      <c r="M1449" s="2" t="s">
        <v>8697</v>
      </c>
      <c r="N1449" s="3">
        <v>45451</v>
      </c>
      <c r="O1449" s="3">
        <v>45451</v>
      </c>
      <c r="P1449" s="3">
        <v>47817</v>
      </c>
    </row>
    <row r="1450" spans="1:16" x14ac:dyDescent="0.15">
      <c r="A1450" s="2" t="s">
        <v>49</v>
      </c>
      <c r="B1450" s="2" t="s">
        <v>5422</v>
      </c>
      <c r="C1450" s="4" t="s">
        <v>6</v>
      </c>
      <c r="D1450" s="5" t="s">
        <v>456</v>
      </c>
      <c r="E1450" s="5" t="s">
        <v>520</v>
      </c>
      <c r="F1450" s="6" t="s">
        <v>5</v>
      </c>
      <c r="G1450" s="2"/>
      <c r="H1450" s="4"/>
      <c r="I1450" s="5"/>
      <c r="J1450" s="5"/>
      <c r="K1450" s="5"/>
      <c r="L1450" s="6"/>
      <c r="M1450" s="2" t="s">
        <v>5423</v>
      </c>
      <c r="N1450" s="3">
        <v>42773</v>
      </c>
      <c r="O1450" s="3">
        <v>44713</v>
      </c>
      <c r="P1450" s="3">
        <v>46538</v>
      </c>
    </row>
    <row r="1451" spans="1:16" x14ac:dyDescent="0.15">
      <c r="A1451" s="2" t="s">
        <v>49</v>
      </c>
      <c r="B1451" s="2" t="s">
        <v>8700</v>
      </c>
      <c r="C1451" s="4" t="s">
        <v>6</v>
      </c>
      <c r="D1451" s="5" t="s">
        <v>4244</v>
      </c>
      <c r="E1451" s="5" t="s">
        <v>8701</v>
      </c>
      <c r="F1451" s="6" t="s">
        <v>5</v>
      </c>
      <c r="G1451" s="2" t="s">
        <v>8698</v>
      </c>
      <c r="H1451" s="4" t="s">
        <v>1273</v>
      </c>
      <c r="I1451" s="5" t="s">
        <v>3110</v>
      </c>
      <c r="J1451" s="5" t="s">
        <v>8699</v>
      </c>
      <c r="K1451" s="5" t="s">
        <v>5</v>
      </c>
      <c r="L1451" s="6" t="s">
        <v>5</v>
      </c>
      <c r="M1451" s="2" t="s">
        <v>8702</v>
      </c>
      <c r="N1451" s="3">
        <v>45241</v>
      </c>
      <c r="O1451" s="3">
        <v>45241</v>
      </c>
      <c r="P1451" s="3">
        <v>47664</v>
      </c>
    </row>
    <row r="1452" spans="1:16" x14ac:dyDescent="0.15">
      <c r="A1452" s="2" t="s">
        <v>49</v>
      </c>
      <c r="B1452" s="2" t="s">
        <v>8703</v>
      </c>
      <c r="C1452" s="4" t="s">
        <v>6</v>
      </c>
      <c r="D1452" s="5" t="s">
        <v>5376</v>
      </c>
      <c r="E1452" s="5" t="s">
        <v>8704</v>
      </c>
      <c r="F1452" s="6" t="s">
        <v>5</v>
      </c>
      <c r="G1452" s="2" t="s">
        <v>8703</v>
      </c>
      <c r="H1452" s="4" t="s">
        <v>9</v>
      </c>
      <c r="I1452" s="5" t="s">
        <v>6</v>
      </c>
      <c r="J1452" s="5" t="s">
        <v>5376</v>
      </c>
      <c r="K1452" s="5" t="s">
        <v>8704</v>
      </c>
      <c r="L1452" s="6" t="s">
        <v>5</v>
      </c>
      <c r="M1452" s="2" t="s">
        <v>8705</v>
      </c>
      <c r="N1452" s="3">
        <v>45092</v>
      </c>
      <c r="O1452" s="3">
        <v>45092</v>
      </c>
      <c r="P1452" s="3">
        <v>47603</v>
      </c>
    </row>
    <row r="1453" spans="1:16" x14ac:dyDescent="0.15">
      <c r="A1453" s="2" t="s">
        <v>49</v>
      </c>
      <c r="B1453" s="2" t="s">
        <v>8719</v>
      </c>
      <c r="C1453" s="4" t="s">
        <v>6</v>
      </c>
      <c r="D1453" s="5" t="s">
        <v>8720</v>
      </c>
      <c r="E1453" s="5" t="s">
        <v>8721</v>
      </c>
      <c r="F1453" s="6" t="s">
        <v>5</v>
      </c>
      <c r="G1453" s="2" t="s">
        <v>8717</v>
      </c>
      <c r="H1453" s="4" t="s">
        <v>9</v>
      </c>
      <c r="I1453" s="5" t="s">
        <v>6</v>
      </c>
      <c r="J1453" s="5" t="s">
        <v>558</v>
      </c>
      <c r="K1453" s="5" t="s">
        <v>8718</v>
      </c>
      <c r="L1453" s="6" t="s">
        <v>5</v>
      </c>
      <c r="M1453" s="2" t="s">
        <v>8722</v>
      </c>
      <c r="N1453" s="3">
        <v>45098</v>
      </c>
      <c r="O1453" s="3">
        <v>45098</v>
      </c>
      <c r="P1453" s="3">
        <v>47299</v>
      </c>
    </row>
    <row r="1454" spans="1:16" x14ac:dyDescent="0.15">
      <c r="A1454" s="2" t="s">
        <v>49</v>
      </c>
      <c r="B1454" s="2" t="s">
        <v>8719</v>
      </c>
      <c r="C1454" s="4" t="s">
        <v>6</v>
      </c>
      <c r="D1454" s="5" t="s">
        <v>558</v>
      </c>
      <c r="E1454" s="5" t="s">
        <v>8718</v>
      </c>
      <c r="F1454" s="6" t="s">
        <v>5</v>
      </c>
      <c r="G1454" s="2" t="s">
        <v>8717</v>
      </c>
      <c r="H1454" s="4" t="s">
        <v>9</v>
      </c>
      <c r="I1454" s="5" t="s">
        <v>6</v>
      </c>
      <c r="J1454" s="5" t="s">
        <v>558</v>
      </c>
      <c r="K1454" s="5" t="s">
        <v>8718</v>
      </c>
      <c r="L1454" s="6" t="s">
        <v>5</v>
      </c>
      <c r="M1454" s="2" t="s">
        <v>8723</v>
      </c>
      <c r="N1454" s="3">
        <v>45098</v>
      </c>
      <c r="O1454" s="3">
        <v>45098</v>
      </c>
      <c r="P1454" s="3">
        <v>47299</v>
      </c>
    </row>
    <row r="1455" spans="1:16" x14ac:dyDescent="0.15">
      <c r="A1455" s="2" t="s">
        <v>49</v>
      </c>
      <c r="B1455" s="2" t="s">
        <v>5436</v>
      </c>
      <c r="C1455" s="4" t="s">
        <v>6</v>
      </c>
      <c r="D1455" s="5" t="s">
        <v>5431</v>
      </c>
      <c r="E1455" s="5" t="s">
        <v>5432</v>
      </c>
      <c r="F1455" s="6" t="s">
        <v>3672</v>
      </c>
      <c r="G1455" s="2"/>
      <c r="H1455" s="4"/>
      <c r="I1455" s="5"/>
      <c r="J1455" s="5"/>
      <c r="K1455" s="5"/>
      <c r="L1455" s="6"/>
      <c r="M1455" s="2" t="s">
        <v>5437</v>
      </c>
      <c r="N1455" s="3">
        <v>38413</v>
      </c>
      <c r="O1455" s="3">
        <v>44743</v>
      </c>
      <c r="P1455" s="3">
        <v>46934</v>
      </c>
    </row>
    <row r="1456" spans="1:16" x14ac:dyDescent="0.15">
      <c r="A1456" s="2" t="s">
        <v>49</v>
      </c>
      <c r="B1456" s="2" t="s">
        <v>5439</v>
      </c>
      <c r="C1456" s="4" t="s">
        <v>6</v>
      </c>
      <c r="D1456" s="5" t="s">
        <v>1284</v>
      </c>
      <c r="E1456" s="5" t="s">
        <v>5440</v>
      </c>
      <c r="F1456" s="6" t="s">
        <v>5441</v>
      </c>
      <c r="G1456" s="2"/>
      <c r="H1456" s="4"/>
      <c r="I1456" s="5"/>
      <c r="J1456" s="5"/>
      <c r="K1456" s="5"/>
      <c r="L1456" s="6"/>
      <c r="M1456" s="2" t="s">
        <v>5442</v>
      </c>
      <c r="N1456" s="3">
        <v>44714</v>
      </c>
      <c r="O1456" s="3">
        <v>44714</v>
      </c>
      <c r="P1456" s="3">
        <v>46660</v>
      </c>
    </row>
    <row r="1457" spans="1:16" x14ac:dyDescent="0.15">
      <c r="A1457" s="2" t="s">
        <v>49</v>
      </c>
      <c r="B1457" s="2" t="s">
        <v>5443</v>
      </c>
      <c r="C1457" s="4" t="s">
        <v>6</v>
      </c>
      <c r="D1457" s="5" t="s">
        <v>500</v>
      </c>
      <c r="E1457" s="5" t="s">
        <v>5444</v>
      </c>
      <c r="F1457" s="6" t="s">
        <v>5</v>
      </c>
      <c r="G1457" s="2"/>
      <c r="H1457" s="4"/>
      <c r="I1457" s="5"/>
      <c r="J1457" s="5"/>
      <c r="K1457" s="5"/>
      <c r="L1457" s="6"/>
      <c r="M1457" s="2" t="s">
        <v>5445</v>
      </c>
      <c r="N1457" s="3">
        <v>42588</v>
      </c>
      <c r="O1457" s="3">
        <v>44713</v>
      </c>
      <c r="P1457" s="3">
        <v>46538</v>
      </c>
    </row>
    <row r="1458" spans="1:16" x14ac:dyDescent="0.15">
      <c r="A1458" s="2" t="s">
        <v>49</v>
      </c>
      <c r="B1458" s="2" t="s">
        <v>5446</v>
      </c>
      <c r="C1458" s="4" t="s">
        <v>6</v>
      </c>
      <c r="D1458" s="5" t="s">
        <v>79</v>
      </c>
      <c r="E1458" s="5" t="s">
        <v>5447</v>
      </c>
      <c r="F1458" s="6" t="s">
        <v>5</v>
      </c>
      <c r="G1458" s="2"/>
      <c r="H1458" s="4"/>
      <c r="I1458" s="5"/>
      <c r="J1458" s="5"/>
      <c r="K1458" s="5"/>
      <c r="L1458" s="6"/>
      <c r="M1458" s="2" t="s">
        <v>5448</v>
      </c>
      <c r="N1458" s="3">
        <v>44718</v>
      </c>
      <c r="O1458" s="3">
        <v>44718</v>
      </c>
      <c r="P1458" s="3">
        <v>46691</v>
      </c>
    </row>
    <row r="1459" spans="1:16" x14ac:dyDescent="0.15">
      <c r="A1459" s="2" t="s">
        <v>49</v>
      </c>
      <c r="B1459" s="2" t="s">
        <v>8724</v>
      </c>
      <c r="C1459" s="4" t="s">
        <v>6</v>
      </c>
      <c r="D1459" s="5" t="s">
        <v>4435</v>
      </c>
      <c r="E1459" s="5" t="s">
        <v>8725</v>
      </c>
      <c r="F1459" s="6" t="s">
        <v>5</v>
      </c>
      <c r="G1459" s="2" t="s">
        <v>8724</v>
      </c>
      <c r="H1459" s="4" t="s">
        <v>9</v>
      </c>
      <c r="I1459" s="5" t="s">
        <v>6</v>
      </c>
      <c r="J1459" s="5" t="s">
        <v>4435</v>
      </c>
      <c r="K1459" s="5" t="s">
        <v>8725</v>
      </c>
      <c r="L1459" s="6" t="s">
        <v>5</v>
      </c>
      <c r="M1459" s="2" t="s">
        <v>8726</v>
      </c>
      <c r="N1459" s="3">
        <v>45108</v>
      </c>
      <c r="O1459" s="3">
        <v>45108</v>
      </c>
      <c r="P1459" s="3">
        <v>47299</v>
      </c>
    </row>
    <row r="1460" spans="1:16" x14ac:dyDescent="0.15">
      <c r="A1460" s="2" t="s">
        <v>49</v>
      </c>
      <c r="B1460" s="2" t="s">
        <v>5456</v>
      </c>
      <c r="C1460" s="4" t="s">
        <v>6</v>
      </c>
      <c r="D1460" s="5" t="s">
        <v>456</v>
      </c>
      <c r="E1460" s="5" t="s">
        <v>520</v>
      </c>
      <c r="F1460" s="6" t="s">
        <v>5</v>
      </c>
      <c r="G1460" s="2"/>
      <c r="H1460" s="4"/>
      <c r="I1460" s="5"/>
      <c r="J1460" s="5"/>
      <c r="K1460" s="5"/>
      <c r="L1460" s="6"/>
      <c r="M1460" s="2" t="s">
        <v>5457</v>
      </c>
      <c r="N1460" s="3">
        <v>44711</v>
      </c>
      <c r="O1460" s="3">
        <v>44711</v>
      </c>
      <c r="P1460" s="3">
        <v>46538</v>
      </c>
    </row>
    <row r="1461" spans="1:16" x14ac:dyDescent="0.15">
      <c r="A1461" s="2" t="s">
        <v>49</v>
      </c>
      <c r="B1461" s="2" t="s">
        <v>5458</v>
      </c>
      <c r="C1461" s="4" t="s">
        <v>6</v>
      </c>
      <c r="D1461" s="5" t="s">
        <v>5459</v>
      </c>
      <c r="E1461" s="5" t="s">
        <v>5460</v>
      </c>
      <c r="F1461" s="6" t="s">
        <v>5461</v>
      </c>
      <c r="G1461" s="2"/>
      <c r="H1461" s="4"/>
      <c r="I1461" s="5"/>
      <c r="J1461" s="5"/>
      <c r="K1461" s="5"/>
      <c r="L1461" s="6"/>
      <c r="M1461" s="2" t="s">
        <v>5462</v>
      </c>
      <c r="N1461" s="3">
        <v>42829</v>
      </c>
      <c r="O1461" s="3">
        <v>44743</v>
      </c>
      <c r="P1461" s="3">
        <v>46568</v>
      </c>
    </row>
    <row r="1462" spans="1:16" x14ac:dyDescent="0.15">
      <c r="A1462" s="2" t="s">
        <v>49</v>
      </c>
      <c r="B1462" s="2" t="s">
        <v>5463</v>
      </c>
      <c r="C1462" s="4" t="s">
        <v>6</v>
      </c>
      <c r="D1462" s="5" t="s">
        <v>330</v>
      </c>
      <c r="E1462" s="5" t="s">
        <v>5464</v>
      </c>
      <c r="F1462" s="6" t="s">
        <v>5</v>
      </c>
      <c r="G1462" s="2"/>
      <c r="H1462" s="4"/>
      <c r="I1462" s="5"/>
      <c r="J1462" s="5"/>
      <c r="K1462" s="5"/>
      <c r="L1462" s="6"/>
      <c r="M1462" s="2" t="s">
        <v>5465</v>
      </c>
      <c r="N1462" s="3">
        <v>39048</v>
      </c>
      <c r="O1462" s="3">
        <v>44743</v>
      </c>
      <c r="P1462" s="3">
        <v>46568</v>
      </c>
    </row>
    <row r="1463" spans="1:16" x14ac:dyDescent="0.15">
      <c r="A1463" s="2" t="s">
        <v>49</v>
      </c>
      <c r="B1463" s="2" t="s">
        <v>5466</v>
      </c>
      <c r="C1463" s="4" t="s">
        <v>6</v>
      </c>
      <c r="D1463" s="5" t="s">
        <v>5467</v>
      </c>
      <c r="E1463" s="5" t="s">
        <v>1127</v>
      </c>
      <c r="F1463" s="6" t="s">
        <v>5</v>
      </c>
      <c r="G1463" s="2"/>
      <c r="H1463" s="4"/>
      <c r="I1463" s="5"/>
      <c r="J1463" s="5"/>
      <c r="K1463" s="5"/>
      <c r="L1463" s="6"/>
      <c r="M1463" s="2" t="s">
        <v>5468</v>
      </c>
      <c r="N1463" s="3">
        <v>38901</v>
      </c>
      <c r="O1463" s="3">
        <v>44743</v>
      </c>
      <c r="P1463" s="3">
        <v>46568</v>
      </c>
    </row>
    <row r="1464" spans="1:16" x14ac:dyDescent="0.15">
      <c r="A1464" s="2" t="s">
        <v>49</v>
      </c>
      <c r="B1464" s="2" t="s">
        <v>5471</v>
      </c>
      <c r="C1464" s="4" t="s">
        <v>6</v>
      </c>
      <c r="D1464" s="5" t="s">
        <v>5469</v>
      </c>
      <c r="E1464" s="5" t="s">
        <v>5470</v>
      </c>
      <c r="F1464" s="6" t="s">
        <v>5</v>
      </c>
      <c r="G1464" s="2"/>
      <c r="H1464" s="4"/>
      <c r="I1464" s="5"/>
      <c r="J1464" s="5"/>
      <c r="K1464" s="5"/>
      <c r="L1464" s="6"/>
      <c r="M1464" s="2" t="s">
        <v>5472</v>
      </c>
      <c r="N1464" s="3">
        <v>30645</v>
      </c>
      <c r="O1464" s="3">
        <v>44743</v>
      </c>
      <c r="P1464" s="3">
        <v>46934</v>
      </c>
    </row>
    <row r="1465" spans="1:16" x14ac:dyDescent="0.15">
      <c r="A1465" s="2" t="s">
        <v>16</v>
      </c>
      <c r="B1465" s="2" t="s">
        <v>5474</v>
      </c>
      <c r="C1465" s="4" t="s">
        <v>6</v>
      </c>
      <c r="D1465" s="5" t="s">
        <v>5469</v>
      </c>
      <c r="E1465" s="5" t="s">
        <v>5473</v>
      </c>
      <c r="F1465" s="6" t="s">
        <v>5</v>
      </c>
      <c r="G1465" s="2"/>
      <c r="H1465" s="4"/>
      <c r="I1465" s="5"/>
      <c r="J1465" s="5"/>
      <c r="K1465" s="5"/>
      <c r="L1465" s="6"/>
      <c r="M1465" s="2" t="s">
        <v>5475</v>
      </c>
      <c r="N1465" s="3">
        <v>35875</v>
      </c>
      <c r="O1465" s="3">
        <v>45108</v>
      </c>
      <c r="P1465" s="3">
        <v>46934</v>
      </c>
    </row>
    <row r="1466" spans="1:16" x14ac:dyDescent="0.15">
      <c r="A1466" s="2" t="s">
        <v>49</v>
      </c>
      <c r="B1466" s="2" t="s">
        <v>8740</v>
      </c>
      <c r="C1466" s="4" t="s">
        <v>6</v>
      </c>
      <c r="D1466" s="5" t="s">
        <v>500</v>
      </c>
      <c r="E1466" s="5" t="s">
        <v>8050</v>
      </c>
      <c r="F1466" s="6" t="s">
        <v>8741</v>
      </c>
      <c r="G1466" s="2" t="s">
        <v>8738</v>
      </c>
      <c r="H1466" s="4" t="s">
        <v>9</v>
      </c>
      <c r="I1466" s="5" t="s">
        <v>6</v>
      </c>
      <c r="J1466" s="5" t="s">
        <v>253</v>
      </c>
      <c r="K1466" s="5" t="s">
        <v>8739</v>
      </c>
      <c r="L1466" s="6" t="s">
        <v>5</v>
      </c>
      <c r="M1466" s="2" t="s">
        <v>8742</v>
      </c>
      <c r="N1466" s="3">
        <v>45114</v>
      </c>
      <c r="O1466" s="3">
        <v>45114</v>
      </c>
      <c r="P1466" s="3">
        <v>47634</v>
      </c>
    </row>
    <row r="1467" spans="1:16" x14ac:dyDescent="0.15">
      <c r="A1467" s="2" t="s">
        <v>49</v>
      </c>
      <c r="B1467" s="2" t="s">
        <v>8755</v>
      </c>
      <c r="C1467" s="4" t="s">
        <v>6</v>
      </c>
      <c r="D1467" s="5" t="s">
        <v>8756</v>
      </c>
      <c r="E1467" s="5" t="s">
        <v>8757</v>
      </c>
      <c r="F1467" s="6" t="s">
        <v>5</v>
      </c>
      <c r="G1467" s="2" t="s">
        <v>8753</v>
      </c>
      <c r="H1467" s="4" t="s">
        <v>9</v>
      </c>
      <c r="I1467" s="5" t="s">
        <v>6</v>
      </c>
      <c r="J1467" s="5" t="s">
        <v>8754</v>
      </c>
      <c r="K1467" s="5" t="s">
        <v>1479</v>
      </c>
      <c r="L1467" s="6" t="s">
        <v>5</v>
      </c>
      <c r="M1467" s="2" t="s">
        <v>8758</v>
      </c>
      <c r="N1467" s="3">
        <v>42808</v>
      </c>
      <c r="O1467" s="3">
        <v>45108</v>
      </c>
      <c r="P1467" s="3">
        <v>47299</v>
      </c>
    </row>
    <row r="1468" spans="1:16" x14ac:dyDescent="0.15">
      <c r="A1468" s="2" t="s">
        <v>3385</v>
      </c>
      <c r="B1468" s="2" t="s">
        <v>5488</v>
      </c>
      <c r="C1468" s="4" t="s">
        <v>6</v>
      </c>
      <c r="D1468" s="5" t="s">
        <v>5486</v>
      </c>
      <c r="E1468" s="5" t="s">
        <v>5487</v>
      </c>
      <c r="F1468" s="6" t="s">
        <v>5</v>
      </c>
      <c r="G1468" s="2" t="s">
        <v>5485</v>
      </c>
      <c r="H1468" s="4" t="s">
        <v>9</v>
      </c>
      <c r="I1468" s="5" t="s">
        <v>6</v>
      </c>
      <c r="J1468" s="5" t="s">
        <v>5486</v>
      </c>
      <c r="K1468" s="5" t="s">
        <v>5487</v>
      </c>
      <c r="L1468" s="6" t="s">
        <v>5</v>
      </c>
      <c r="M1468" s="2" t="s">
        <v>5489</v>
      </c>
      <c r="N1468" s="3">
        <v>36208</v>
      </c>
      <c r="O1468" s="3">
        <v>44743</v>
      </c>
      <c r="P1468" s="3">
        <v>46934</v>
      </c>
    </row>
    <row r="1469" spans="1:16" x14ac:dyDescent="0.15">
      <c r="A1469" s="2" t="s">
        <v>3385</v>
      </c>
      <c r="B1469" s="2" t="s">
        <v>5490</v>
      </c>
      <c r="C1469" s="4" t="s">
        <v>6</v>
      </c>
      <c r="D1469" s="5" t="s">
        <v>2134</v>
      </c>
      <c r="E1469" s="5" t="s">
        <v>5491</v>
      </c>
      <c r="F1469" s="6" t="s">
        <v>5</v>
      </c>
      <c r="G1469" s="2" t="s">
        <v>5485</v>
      </c>
      <c r="H1469" s="4" t="s">
        <v>9</v>
      </c>
      <c r="I1469" s="5" t="s">
        <v>6</v>
      </c>
      <c r="J1469" s="5" t="s">
        <v>5486</v>
      </c>
      <c r="K1469" s="5" t="s">
        <v>5487</v>
      </c>
      <c r="L1469" s="6" t="s">
        <v>5</v>
      </c>
      <c r="M1469" s="2" t="s">
        <v>5492</v>
      </c>
      <c r="N1469" s="3">
        <v>32287</v>
      </c>
      <c r="O1469" s="3">
        <v>44743</v>
      </c>
      <c r="P1469" s="3">
        <v>46934</v>
      </c>
    </row>
    <row r="1470" spans="1:16" x14ac:dyDescent="0.15">
      <c r="A1470" s="2" t="s">
        <v>49</v>
      </c>
      <c r="B1470" s="2" t="s">
        <v>5494</v>
      </c>
      <c r="C1470" s="4" t="s">
        <v>6</v>
      </c>
      <c r="D1470" s="5" t="s">
        <v>5469</v>
      </c>
      <c r="E1470" s="5" t="s">
        <v>5493</v>
      </c>
      <c r="F1470" s="6" t="s">
        <v>5</v>
      </c>
      <c r="G1470" s="2"/>
      <c r="H1470" s="4"/>
      <c r="I1470" s="5"/>
      <c r="J1470" s="5"/>
      <c r="K1470" s="5"/>
      <c r="L1470" s="6"/>
      <c r="M1470" s="2" t="s">
        <v>5495</v>
      </c>
      <c r="N1470" s="3">
        <v>29293</v>
      </c>
      <c r="O1470" s="3">
        <v>44743</v>
      </c>
      <c r="P1470" s="3">
        <v>46934</v>
      </c>
    </row>
    <row r="1471" spans="1:16" x14ac:dyDescent="0.15">
      <c r="A1471" s="2" t="s">
        <v>49</v>
      </c>
      <c r="B1471" s="2" t="s">
        <v>8764</v>
      </c>
      <c r="C1471" s="4" t="s">
        <v>6</v>
      </c>
      <c r="D1471" s="5" t="s">
        <v>1027</v>
      </c>
      <c r="E1471" s="5" t="s">
        <v>1001</v>
      </c>
      <c r="F1471" s="6" t="s">
        <v>8765</v>
      </c>
      <c r="G1471" s="2" t="s">
        <v>8762</v>
      </c>
      <c r="H1471" s="4" t="s">
        <v>9</v>
      </c>
      <c r="I1471" s="5" t="s">
        <v>6</v>
      </c>
      <c r="J1471" s="5" t="s">
        <v>1027</v>
      </c>
      <c r="K1471" s="5" t="s">
        <v>8763</v>
      </c>
      <c r="L1471" s="6" t="s">
        <v>5</v>
      </c>
      <c r="M1471" s="2" t="s">
        <v>8766</v>
      </c>
      <c r="N1471" s="3">
        <v>45108</v>
      </c>
      <c r="O1471" s="3">
        <v>45108</v>
      </c>
      <c r="P1471" s="3">
        <v>47452</v>
      </c>
    </row>
    <row r="1472" spans="1:16" x14ac:dyDescent="0.15">
      <c r="A1472" s="2" t="s">
        <v>49</v>
      </c>
      <c r="B1472" s="2" t="s">
        <v>8769</v>
      </c>
      <c r="C1472" s="4" t="s">
        <v>6</v>
      </c>
      <c r="D1472" s="5" t="s">
        <v>45</v>
      </c>
      <c r="E1472" s="5" t="s">
        <v>8770</v>
      </c>
      <c r="F1472" s="6" t="s">
        <v>8771</v>
      </c>
      <c r="G1472" s="2" t="s">
        <v>8767</v>
      </c>
      <c r="H1472" s="4" t="s">
        <v>9</v>
      </c>
      <c r="I1472" s="5" t="s">
        <v>6</v>
      </c>
      <c r="J1472" s="5" t="s">
        <v>45</v>
      </c>
      <c r="K1472" s="5" t="s">
        <v>8768</v>
      </c>
      <c r="L1472" s="6" t="s">
        <v>5</v>
      </c>
      <c r="M1472" s="2" t="s">
        <v>8772</v>
      </c>
      <c r="N1472" s="3">
        <v>45108</v>
      </c>
      <c r="O1472" s="3">
        <v>45108</v>
      </c>
      <c r="P1472" s="3">
        <v>47452</v>
      </c>
    </row>
    <row r="1473" spans="1:16" x14ac:dyDescent="0.15">
      <c r="A1473" s="2" t="s">
        <v>49</v>
      </c>
      <c r="B1473" s="2" t="s">
        <v>8783</v>
      </c>
      <c r="C1473" s="4" t="s">
        <v>6</v>
      </c>
      <c r="D1473" s="5" t="s">
        <v>91</v>
      </c>
      <c r="E1473" s="5" t="s">
        <v>8784</v>
      </c>
      <c r="F1473" s="6" t="s">
        <v>8785</v>
      </c>
      <c r="G1473" s="2" t="s">
        <v>8781</v>
      </c>
      <c r="H1473" s="4" t="s">
        <v>9</v>
      </c>
      <c r="I1473" s="5" t="s">
        <v>6</v>
      </c>
      <c r="J1473" s="5" t="s">
        <v>627</v>
      </c>
      <c r="K1473" s="5" t="s">
        <v>8782</v>
      </c>
      <c r="L1473" s="6" t="s">
        <v>5</v>
      </c>
      <c r="M1473" s="2" t="s">
        <v>8786</v>
      </c>
      <c r="N1473" s="3">
        <v>45125</v>
      </c>
      <c r="O1473" s="3">
        <v>45125</v>
      </c>
      <c r="P1473" s="3">
        <v>47573</v>
      </c>
    </row>
    <row r="1474" spans="1:16" x14ac:dyDescent="0.15">
      <c r="A1474" s="2" t="s">
        <v>49</v>
      </c>
      <c r="B1474" s="2" t="s">
        <v>5507</v>
      </c>
      <c r="C1474" s="4" t="s">
        <v>6</v>
      </c>
      <c r="D1474" s="5" t="s">
        <v>1027</v>
      </c>
      <c r="E1474" s="5" t="s">
        <v>5508</v>
      </c>
      <c r="F1474" s="6" t="s">
        <v>5509</v>
      </c>
      <c r="G1474" s="2"/>
      <c r="H1474" s="4"/>
      <c r="I1474" s="5"/>
      <c r="J1474" s="5"/>
      <c r="K1474" s="5"/>
      <c r="L1474" s="6"/>
      <c r="M1474" s="2" t="s">
        <v>5510</v>
      </c>
      <c r="N1474" s="3">
        <v>44715</v>
      </c>
      <c r="O1474" s="3">
        <v>44715</v>
      </c>
      <c r="P1474" s="3">
        <v>46721</v>
      </c>
    </row>
    <row r="1475" spans="1:16" x14ac:dyDescent="0.15">
      <c r="A1475" s="2" t="s">
        <v>49</v>
      </c>
      <c r="B1475" s="2" t="s">
        <v>8789</v>
      </c>
      <c r="C1475" s="4" t="s">
        <v>6</v>
      </c>
      <c r="D1475" s="5" t="s">
        <v>1221</v>
      </c>
      <c r="E1475" s="5" t="s">
        <v>8790</v>
      </c>
      <c r="F1475" s="6" t="s">
        <v>5</v>
      </c>
      <c r="G1475" s="2" t="s">
        <v>8787</v>
      </c>
      <c r="H1475" s="4" t="s">
        <v>9</v>
      </c>
      <c r="I1475" s="5" t="s">
        <v>6</v>
      </c>
      <c r="J1475" s="5" t="s">
        <v>7380</v>
      </c>
      <c r="K1475" s="5" t="s">
        <v>8788</v>
      </c>
      <c r="L1475" s="6" t="s">
        <v>5</v>
      </c>
      <c r="M1475" s="2" t="s">
        <v>8791</v>
      </c>
      <c r="N1475" s="3">
        <v>38290</v>
      </c>
      <c r="O1475" s="3">
        <v>45108</v>
      </c>
      <c r="P1475" s="3">
        <v>47299</v>
      </c>
    </row>
    <row r="1476" spans="1:16" x14ac:dyDescent="0.15">
      <c r="A1476" s="2" t="s">
        <v>49</v>
      </c>
      <c r="B1476" s="2" t="s">
        <v>8803</v>
      </c>
      <c r="C1476" s="4" t="s">
        <v>6</v>
      </c>
      <c r="D1476" s="5" t="s">
        <v>45</v>
      </c>
      <c r="E1476" s="5" t="s">
        <v>8804</v>
      </c>
      <c r="F1476" s="6" t="s">
        <v>8805</v>
      </c>
      <c r="G1476" s="2" t="s">
        <v>8800</v>
      </c>
      <c r="H1476" s="4" t="s">
        <v>384</v>
      </c>
      <c r="I1476" s="5" t="s">
        <v>441</v>
      </c>
      <c r="J1476" s="5" t="s">
        <v>8801</v>
      </c>
      <c r="K1476" s="5" t="s">
        <v>8802</v>
      </c>
      <c r="L1476" s="6" t="s">
        <v>5</v>
      </c>
      <c r="M1476" s="2" t="s">
        <v>8806</v>
      </c>
      <c r="N1476" s="3">
        <v>45114</v>
      </c>
      <c r="O1476" s="3">
        <v>45114</v>
      </c>
      <c r="P1476" s="3">
        <v>47087</v>
      </c>
    </row>
    <row r="1477" spans="1:16" x14ac:dyDescent="0.15">
      <c r="A1477" s="2" t="s">
        <v>49</v>
      </c>
      <c r="B1477" s="2" t="s">
        <v>5523</v>
      </c>
      <c r="C1477" s="4" t="s">
        <v>6</v>
      </c>
      <c r="D1477" s="5" t="s">
        <v>1027</v>
      </c>
      <c r="E1477" s="5" t="s">
        <v>5295</v>
      </c>
      <c r="F1477" s="6" t="s">
        <v>5524</v>
      </c>
      <c r="G1477" s="2"/>
      <c r="H1477" s="4"/>
      <c r="I1477" s="5"/>
      <c r="J1477" s="5"/>
      <c r="K1477" s="5"/>
      <c r="L1477" s="6"/>
      <c r="M1477" s="2" t="s">
        <v>5525</v>
      </c>
      <c r="N1477" s="3">
        <v>44732</v>
      </c>
      <c r="O1477" s="3">
        <v>44732</v>
      </c>
      <c r="P1477" s="3">
        <v>46721</v>
      </c>
    </row>
    <row r="1478" spans="1:16" x14ac:dyDescent="0.15">
      <c r="A1478" s="2" t="s">
        <v>49</v>
      </c>
      <c r="B1478" s="2" t="s">
        <v>8811</v>
      </c>
      <c r="C1478" s="4" t="s">
        <v>6</v>
      </c>
      <c r="D1478" s="5" t="s">
        <v>8812</v>
      </c>
      <c r="E1478" s="5" t="s">
        <v>8813</v>
      </c>
      <c r="F1478" s="6" t="s">
        <v>5</v>
      </c>
      <c r="G1478" s="2" t="s">
        <v>8810</v>
      </c>
      <c r="H1478" s="4" t="s">
        <v>9</v>
      </c>
      <c r="I1478" s="5" t="s">
        <v>6</v>
      </c>
      <c r="J1478" s="5" t="s">
        <v>5930</v>
      </c>
      <c r="K1478" s="5" t="s">
        <v>1723</v>
      </c>
      <c r="L1478" s="6" t="s">
        <v>5</v>
      </c>
      <c r="M1478" s="2" t="s">
        <v>8814</v>
      </c>
      <c r="N1478" s="3">
        <v>45109</v>
      </c>
      <c r="O1478" s="3">
        <v>45109</v>
      </c>
      <c r="P1478" s="3">
        <v>47391</v>
      </c>
    </row>
    <row r="1479" spans="1:16" x14ac:dyDescent="0.15">
      <c r="A1479" s="2" t="s">
        <v>49</v>
      </c>
      <c r="B1479" s="2" t="s">
        <v>8831</v>
      </c>
      <c r="C1479" s="4" t="s">
        <v>6</v>
      </c>
      <c r="D1479" s="5" t="s">
        <v>152</v>
      </c>
      <c r="E1479" s="5" t="s">
        <v>8832</v>
      </c>
      <c r="F1479" s="6" t="s">
        <v>5</v>
      </c>
      <c r="G1479" s="2" t="s">
        <v>8828</v>
      </c>
      <c r="H1479" s="4" t="s">
        <v>9</v>
      </c>
      <c r="I1479" s="5" t="s">
        <v>6</v>
      </c>
      <c r="J1479" s="5" t="s">
        <v>8829</v>
      </c>
      <c r="K1479" s="5" t="s">
        <v>8830</v>
      </c>
      <c r="L1479" s="6" t="s">
        <v>5</v>
      </c>
      <c r="M1479" s="2" t="s">
        <v>8833</v>
      </c>
      <c r="N1479" s="3">
        <v>45148</v>
      </c>
      <c r="O1479" s="3">
        <v>45148</v>
      </c>
      <c r="P1479" s="3">
        <v>47422</v>
      </c>
    </row>
    <row r="1480" spans="1:16" x14ac:dyDescent="0.15">
      <c r="A1480" s="2" t="s">
        <v>49</v>
      </c>
      <c r="B1480" s="2" t="s">
        <v>5536</v>
      </c>
      <c r="C1480" s="4" t="s">
        <v>6</v>
      </c>
      <c r="D1480" s="5" t="s">
        <v>5534</v>
      </c>
      <c r="E1480" s="5" t="s">
        <v>5535</v>
      </c>
      <c r="F1480" s="6" t="s">
        <v>5</v>
      </c>
      <c r="G1480" s="2"/>
      <c r="H1480" s="4"/>
      <c r="I1480" s="5"/>
      <c r="J1480" s="5"/>
      <c r="K1480" s="5"/>
      <c r="L1480" s="6"/>
      <c r="M1480" s="2" t="s">
        <v>5537</v>
      </c>
      <c r="N1480" s="3">
        <v>38509</v>
      </c>
      <c r="O1480" s="3">
        <v>44743</v>
      </c>
      <c r="P1480" s="3">
        <v>46934</v>
      </c>
    </row>
    <row r="1481" spans="1:16" x14ac:dyDescent="0.15">
      <c r="A1481" s="2" t="s">
        <v>36</v>
      </c>
      <c r="B1481" s="2" t="s">
        <v>5536</v>
      </c>
      <c r="C1481" s="4" t="s">
        <v>6</v>
      </c>
      <c r="D1481" s="5" t="s">
        <v>5534</v>
      </c>
      <c r="E1481" s="5" t="s">
        <v>5535</v>
      </c>
      <c r="F1481" s="6" t="s">
        <v>5</v>
      </c>
      <c r="G1481" s="2"/>
      <c r="H1481" s="4"/>
      <c r="I1481" s="5"/>
      <c r="J1481" s="5"/>
      <c r="K1481" s="5"/>
      <c r="L1481" s="6"/>
      <c r="M1481" s="2" t="s">
        <v>5538</v>
      </c>
      <c r="N1481" s="3">
        <v>38509</v>
      </c>
      <c r="O1481" s="3">
        <v>44743</v>
      </c>
      <c r="P1481" s="3">
        <v>46934</v>
      </c>
    </row>
    <row r="1482" spans="1:16" x14ac:dyDescent="0.15">
      <c r="A1482" s="2" t="s">
        <v>49</v>
      </c>
      <c r="B1482" s="2" t="s">
        <v>8835</v>
      </c>
      <c r="C1482" s="4" t="s">
        <v>6</v>
      </c>
      <c r="D1482" s="5" t="s">
        <v>4187</v>
      </c>
      <c r="E1482" s="5" t="s">
        <v>8836</v>
      </c>
      <c r="F1482" s="6" t="s">
        <v>5</v>
      </c>
      <c r="G1482" s="2" t="s">
        <v>8828</v>
      </c>
      <c r="H1482" s="4" t="s">
        <v>9</v>
      </c>
      <c r="I1482" s="5" t="s">
        <v>6</v>
      </c>
      <c r="J1482" s="5" t="s">
        <v>8829</v>
      </c>
      <c r="K1482" s="5" t="s">
        <v>8830</v>
      </c>
      <c r="L1482" s="6" t="s">
        <v>5</v>
      </c>
      <c r="M1482" s="2" t="s">
        <v>8837</v>
      </c>
      <c r="N1482" s="3">
        <v>45352</v>
      </c>
      <c r="O1482" s="3">
        <v>45352</v>
      </c>
      <c r="P1482" s="3">
        <v>47664</v>
      </c>
    </row>
    <row r="1483" spans="1:16" x14ac:dyDescent="0.15">
      <c r="A1483" s="2" t="s">
        <v>49</v>
      </c>
      <c r="B1483" s="2" t="s">
        <v>5544</v>
      </c>
      <c r="C1483" s="4" t="s">
        <v>6</v>
      </c>
      <c r="D1483" s="5" t="s">
        <v>737</v>
      </c>
      <c r="E1483" s="5" t="s">
        <v>5545</v>
      </c>
      <c r="F1483" s="6" t="s">
        <v>5</v>
      </c>
      <c r="G1483" s="2"/>
      <c r="H1483" s="4"/>
      <c r="I1483" s="5"/>
      <c r="J1483" s="5"/>
      <c r="K1483" s="5"/>
      <c r="L1483" s="6"/>
      <c r="M1483" s="2" t="s">
        <v>5546</v>
      </c>
      <c r="N1483" s="3">
        <v>42692</v>
      </c>
      <c r="O1483" s="3">
        <v>44743</v>
      </c>
      <c r="P1483" s="3">
        <v>46568</v>
      </c>
    </row>
    <row r="1484" spans="1:16" x14ac:dyDescent="0.15">
      <c r="A1484" s="2" t="s">
        <v>16</v>
      </c>
      <c r="B1484" s="2" t="s">
        <v>5548</v>
      </c>
      <c r="C1484" s="4" t="s">
        <v>6</v>
      </c>
      <c r="D1484" s="5" t="s">
        <v>592</v>
      </c>
      <c r="E1484" s="5" t="s">
        <v>5547</v>
      </c>
      <c r="F1484" s="6" t="s">
        <v>5</v>
      </c>
      <c r="G1484" s="2"/>
      <c r="H1484" s="4"/>
      <c r="I1484" s="5"/>
      <c r="J1484" s="5"/>
      <c r="K1484" s="5"/>
      <c r="L1484" s="6"/>
      <c r="M1484" s="2" t="s">
        <v>5549</v>
      </c>
      <c r="N1484" s="3">
        <v>41065</v>
      </c>
      <c r="O1484" s="3">
        <v>44743</v>
      </c>
      <c r="P1484" s="3">
        <v>46568</v>
      </c>
    </row>
    <row r="1485" spans="1:16" x14ac:dyDescent="0.15">
      <c r="A1485" s="2" t="s">
        <v>49</v>
      </c>
      <c r="B1485" s="2" t="s">
        <v>5553</v>
      </c>
      <c r="C1485" s="4" t="s">
        <v>6</v>
      </c>
      <c r="D1485" s="5" t="s">
        <v>5554</v>
      </c>
      <c r="E1485" s="5" t="s">
        <v>3871</v>
      </c>
      <c r="F1485" s="6" t="s">
        <v>5</v>
      </c>
      <c r="G1485" s="2" t="s">
        <v>5550</v>
      </c>
      <c r="H1485" s="4" t="s">
        <v>9</v>
      </c>
      <c r="I1485" s="5" t="s">
        <v>6</v>
      </c>
      <c r="J1485" s="5" t="s">
        <v>5551</v>
      </c>
      <c r="K1485" s="5" t="s">
        <v>5552</v>
      </c>
      <c r="L1485" s="6" t="s">
        <v>5</v>
      </c>
      <c r="M1485" s="2" t="s">
        <v>5555</v>
      </c>
      <c r="N1485" s="3">
        <v>37398</v>
      </c>
      <c r="O1485" s="3">
        <v>44743</v>
      </c>
      <c r="P1485" s="3">
        <v>46934</v>
      </c>
    </row>
    <row r="1486" spans="1:16" x14ac:dyDescent="0.15">
      <c r="A1486" s="2" t="s">
        <v>1231</v>
      </c>
      <c r="B1486" s="2" t="s">
        <v>5556</v>
      </c>
      <c r="C1486" s="4" t="s">
        <v>6</v>
      </c>
      <c r="D1486" s="5" t="s">
        <v>5557</v>
      </c>
      <c r="E1486" s="5" t="s">
        <v>5558</v>
      </c>
      <c r="F1486" s="6" t="s">
        <v>5</v>
      </c>
      <c r="G1486" s="2" t="s">
        <v>5550</v>
      </c>
      <c r="H1486" s="4" t="s">
        <v>9</v>
      </c>
      <c r="I1486" s="5" t="s">
        <v>6</v>
      </c>
      <c r="J1486" s="5" t="s">
        <v>5551</v>
      </c>
      <c r="K1486" s="5" t="s">
        <v>5552</v>
      </c>
      <c r="L1486" s="6" t="s">
        <v>5</v>
      </c>
      <c r="M1486" s="2" t="s">
        <v>5559</v>
      </c>
      <c r="N1486" s="3">
        <v>36962</v>
      </c>
      <c r="O1486" s="3">
        <v>44743</v>
      </c>
      <c r="P1486" s="3">
        <v>46568</v>
      </c>
    </row>
    <row r="1487" spans="1:16" x14ac:dyDescent="0.15">
      <c r="A1487" s="2" t="s">
        <v>49</v>
      </c>
      <c r="B1487" s="2" t="s">
        <v>5560</v>
      </c>
      <c r="C1487" s="4" t="s">
        <v>6</v>
      </c>
      <c r="D1487" s="5" t="s">
        <v>456</v>
      </c>
      <c r="E1487" s="5" t="s">
        <v>520</v>
      </c>
      <c r="F1487" s="6" t="s">
        <v>5</v>
      </c>
      <c r="G1487" s="2"/>
      <c r="H1487" s="4"/>
      <c r="I1487" s="5"/>
      <c r="J1487" s="5"/>
      <c r="K1487" s="5"/>
      <c r="L1487" s="6"/>
      <c r="M1487" s="2" t="s">
        <v>5561</v>
      </c>
      <c r="N1487" s="3">
        <v>38892</v>
      </c>
      <c r="O1487" s="3">
        <v>44713</v>
      </c>
      <c r="P1487" s="3">
        <v>46538</v>
      </c>
    </row>
    <row r="1488" spans="1:16" x14ac:dyDescent="0.15">
      <c r="A1488" s="2" t="s">
        <v>49</v>
      </c>
      <c r="B1488" s="2" t="s">
        <v>5562</v>
      </c>
      <c r="C1488" s="4" t="s">
        <v>6</v>
      </c>
      <c r="D1488" s="5" t="s">
        <v>5563</v>
      </c>
      <c r="E1488" s="5" t="s">
        <v>5564</v>
      </c>
      <c r="F1488" s="6" t="s">
        <v>5</v>
      </c>
      <c r="G1488" s="2"/>
      <c r="H1488" s="4"/>
      <c r="I1488" s="5"/>
      <c r="J1488" s="5"/>
      <c r="K1488" s="5"/>
      <c r="L1488" s="6"/>
      <c r="M1488" s="2" t="s">
        <v>5565</v>
      </c>
      <c r="N1488" s="3">
        <v>41079</v>
      </c>
      <c r="O1488" s="3">
        <v>44743</v>
      </c>
      <c r="P1488" s="3">
        <v>46568</v>
      </c>
    </row>
    <row r="1489" spans="1:16" x14ac:dyDescent="0.15">
      <c r="A1489" s="2" t="s">
        <v>49</v>
      </c>
      <c r="B1489" s="2" t="s">
        <v>8840</v>
      </c>
      <c r="C1489" s="4" t="s">
        <v>6</v>
      </c>
      <c r="D1489" s="5" t="s">
        <v>8841</v>
      </c>
      <c r="E1489" s="5" t="s">
        <v>5067</v>
      </c>
      <c r="F1489" s="6" t="s">
        <v>5</v>
      </c>
      <c r="G1489" s="2" t="s">
        <v>8838</v>
      </c>
      <c r="H1489" s="4" t="s">
        <v>9</v>
      </c>
      <c r="I1489" s="5" t="s">
        <v>6</v>
      </c>
      <c r="J1489" s="5" t="s">
        <v>1201</v>
      </c>
      <c r="K1489" s="5" t="s">
        <v>8839</v>
      </c>
      <c r="L1489" s="6" t="s">
        <v>5</v>
      </c>
      <c r="M1489" s="2" t="s">
        <v>8842</v>
      </c>
      <c r="N1489" s="3">
        <v>45157</v>
      </c>
      <c r="O1489" s="3">
        <v>45157</v>
      </c>
      <c r="P1489" s="3">
        <v>47299</v>
      </c>
    </row>
    <row r="1490" spans="1:16" x14ac:dyDescent="0.15">
      <c r="A1490" s="2" t="s">
        <v>16</v>
      </c>
      <c r="B1490" s="2" t="s">
        <v>5571</v>
      </c>
      <c r="C1490" s="4" t="s">
        <v>6</v>
      </c>
      <c r="D1490" s="5" t="s">
        <v>5572</v>
      </c>
      <c r="E1490" s="5" t="s">
        <v>5573</v>
      </c>
      <c r="F1490" s="6" t="s">
        <v>5</v>
      </c>
      <c r="G1490" s="2"/>
      <c r="H1490" s="4"/>
      <c r="I1490" s="5"/>
      <c r="J1490" s="5"/>
      <c r="K1490" s="5"/>
      <c r="L1490" s="6"/>
      <c r="M1490" s="2" t="s">
        <v>5574</v>
      </c>
      <c r="N1490" s="3">
        <v>37088</v>
      </c>
      <c r="O1490" s="3">
        <v>45108</v>
      </c>
      <c r="P1490" s="3">
        <v>46934</v>
      </c>
    </row>
    <row r="1491" spans="1:16" x14ac:dyDescent="0.15">
      <c r="A1491" s="2" t="s">
        <v>858</v>
      </c>
      <c r="B1491" s="2" t="s">
        <v>5571</v>
      </c>
      <c r="C1491" s="4" t="s">
        <v>6</v>
      </c>
      <c r="D1491" s="5" t="s">
        <v>5572</v>
      </c>
      <c r="E1491" s="5" t="s">
        <v>5573</v>
      </c>
      <c r="F1491" s="6" t="s">
        <v>5</v>
      </c>
      <c r="G1491" s="2"/>
      <c r="H1491" s="4"/>
      <c r="I1491" s="5"/>
      <c r="J1491" s="5"/>
      <c r="K1491" s="5"/>
      <c r="L1491" s="6"/>
      <c r="M1491" s="2" t="s">
        <v>5575</v>
      </c>
      <c r="N1491" s="3">
        <v>40759</v>
      </c>
      <c r="O1491" s="3">
        <v>44743</v>
      </c>
      <c r="P1491" s="3">
        <v>46568</v>
      </c>
    </row>
    <row r="1492" spans="1:16" x14ac:dyDescent="0.15">
      <c r="A1492" s="2" t="s">
        <v>42</v>
      </c>
      <c r="B1492" s="2" t="s">
        <v>5576</v>
      </c>
      <c r="C1492" s="4" t="s">
        <v>6</v>
      </c>
      <c r="D1492" s="5" t="s">
        <v>1762</v>
      </c>
      <c r="E1492" s="5" t="s">
        <v>1597</v>
      </c>
      <c r="F1492" s="6" t="s">
        <v>5</v>
      </c>
      <c r="G1492" s="2"/>
      <c r="H1492" s="4"/>
      <c r="I1492" s="5"/>
      <c r="J1492" s="5"/>
      <c r="K1492" s="5"/>
      <c r="L1492" s="6"/>
      <c r="M1492" s="2" t="s">
        <v>5577</v>
      </c>
      <c r="N1492" s="3">
        <v>44732</v>
      </c>
      <c r="O1492" s="3">
        <v>44732</v>
      </c>
      <c r="P1492" s="3">
        <v>46934</v>
      </c>
    </row>
    <row r="1493" spans="1:16" x14ac:dyDescent="0.15">
      <c r="A1493" s="2" t="s">
        <v>49</v>
      </c>
      <c r="B1493" s="2" t="s">
        <v>8851</v>
      </c>
      <c r="C1493" s="4" t="s">
        <v>6</v>
      </c>
      <c r="D1493" s="5" t="s">
        <v>8852</v>
      </c>
      <c r="E1493" s="5" t="s">
        <v>2054</v>
      </c>
      <c r="F1493" s="6" t="s">
        <v>5</v>
      </c>
      <c r="G1493" s="2" t="s">
        <v>8849</v>
      </c>
      <c r="H1493" s="4" t="s">
        <v>9</v>
      </c>
      <c r="I1493" s="5" t="s">
        <v>6</v>
      </c>
      <c r="J1493" s="5" t="s">
        <v>936</v>
      </c>
      <c r="K1493" s="5" t="s">
        <v>8850</v>
      </c>
      <c r="L1493" s="6" t="s">
        <v>5</v>
      </c>
      <c r="M1493" s="2" t="s">
        <v>8853</v>
      </c>
      <c r="N1493" s="3">
        <v>45162</v>
      </c>
      <c r="O1493" s="3">
        <v>45162</v>
      </c>
      <c r="P1493" s="3">
        <v>47299</v>
      </c>
    </row>
    <row r="1494" spans="1:16" x14ac:dyDescent="0.15">
      <c r="A1494" s="2" t="s">
        <v>49</v>
      </c>
      <c r="B1494" s="2" t="s">
        <v>5581</v>
      </c>
      <c r="C1494" s="4" t="s">
        <v>6</v>
      </c>
      <c r="D1494" s="5" t="s">
        <v>1027</v>
      </c>
      <c r="E1494" s="5" t="s">
        <v>2830</v>
      </c>
      <c r="F1494" s="6" t="s">
        <v>2831</v>
      </c>
      <c r="G1494" s="2"/>
      <c r="H1494" s="4"/>
      <c r="I1494" s="5"/>
      <c r="J1494" s="5"/>
      <c r="K1494" s="5"/>
      <c r="L1494" s="6"/>
      <c r="M1494" s="2" t="s">
        <v>5582</v>
      </c>
      <c r="N1494" s="3">
        <v>44717</v>
      </c>
      <c r="O1494" s="3">
        <v>44717</v>
      </c>
      <c r="P1494" s="3">
        <v>46721</v>
      </c>
    </row>
    <row r="1495" spans="1:16" x14ac:dyDescent="0.15">
      <c r="A1495" s="2" t="s">
        <v>16</v>
      </c>
      <c r="B1495" s="2" t="s">
        <v>5583</v>
      </c>
      <c r="C1495" s="4" t="s">
        <v>6</v>
      </c>
      <c r="D1495" s="5" t="s">
        <v>476</v>
      </c>
      <c r="E1495" s="5" t="s">
        <v>5584</v>
      </c>
      <c r="F1495" s="6" t="s">
        <v>5</v>
      </c>
      <c r="G1495" s="2"/>
      <c r="H1495" s="4"/>
      <c r="I1495" s="5"/>
      <c r="J1495" s="5"/>
      <c r="K1495" s="5"/>
      <c r="L1495" s="6"/>
      <c r="M1495" s="2" t="s">
        <v>5585</v>
      </c>
      <c r="N1495" s="3">
        <v>44720</v>
      </c>
      <c r="O1495" s="3">
        <v>44720</v>
      </c>
      <c r="P1495" s="3">
        <v>47057</v>
      </c>
    </row>
    <row r="1496" spans="1:16" x14ac:dyDescent="0.15">
      <c r="A1496" s="2" t="s">
        <v>49</v>
      </c>
      <c r="B1496" s="2" t="s">
        <v>8862</v>
      </c>
      <c r="C1496" s="4" t="s">
        <v>6</v>
      </c>
      <c r="D1496" s="5" t="s">
        <v>45</v>
      </c>
      <c r="E1496" s="5" t="s">
        <v>1255</v>
      </c>
      <c r="F1496" s="6" t="s">
        <v>1258</v>
      </c>
      <c r="G1496" s="2" t="s">
        <v>8860</v>
      </c>
      <c r="H1496" s="4" t="s">
        <v>384</v>
      </c>
      <c r="I1496" s="5" t="s">
        <v>441</v>
      </c>
      <c r="J1496" s="5" t="s">
        <v>4547</v>
      </c>
      <c r="K1496" s="5" t="s">
        <v>8861</v>
      </c>
      <c r="L1496" s="6" t="s">
        <v>5</v>
      </c>
      <c r="M1496" s="2" t="s">
        <v>8863</v>
      </c>
      <c r="N1496" s="3">
        <v>45141</v>
      </c>
      <c r="O1496" s="3">
        <v>45141</v>
      </c>
      <c r="P1496" s="3">
        <v>47452</v>
      </c>
    </row>
    <row r="1497" spans="1:16" x14ac:dyDescent="0.15">
      <c r="A1497" s="2" t="s">
        <v>49</v>
      </c>
      <c r="B1497" s="2" t="s">
        <v>8871</v>
      </c>
      <c r="C1497" s="4" t="s">
        <v>6</v>
      </c>
      <c r="D1497" s="5" t="s">
        <v>45</v>
      </c>
      <c r="E1497" s="5" t="s">
        <v>8872</v>
      </c>
      <c r="F1497" s="6" t="s">
        <v>1258</v>
      </c>
      <c r="G1497" s="2" t="s">
        <v>8869</v>
      </c>
      <c r="H1497" s="4" t="s">
        <v>9</v>
      </c>
      <c r="I1497" s="5" t="s">
        <v>6</v>
      </c>
      <c r="J1497" s="5" t="s">
        <v>7248</v>
      </c>
      <c r="K1497" s="5" t="s">
        <v>8870</v>
      </c>
      <c r="L1497" s="6" t="s">
        <v>5</v>
      </c>
      <c r="M1497" s="2" t="s">
        <v>8873</v>
      </c>
      <c r="N1497" s="3">
        <v>45147</v>
      </c>
      <c r="O1497" s="3">
        <v>45147</v>
      </c>
      <c r="P1497" s="3">
        <v>47452</v>
      </c>
    </row>
    <row r="1498" spans="1:16" x14ac:dyDescent="0.15">
      <c r="A1498" s="2" t="s">
        <v>49</v>
      </c>
      <c r="B1498" s="2" t="s">
        <v>8883</v>
      </c>
      <c r="C1498" s="4" t="s">
        <v>6</v>
      </c>
      <c r="D1498" s="5" t="s">
        <v>8884</v>
      </c>
      <c r="E1498" s="5" t="s">
        <v>8885</v>
      </c>
      <c r="F1498" s="6" t="s">
        <v>5</v>
      </c>
      <c r="G1498" s="2" t="s">
        <v>8881</v>
      </c>
      <c r="H1498" s="4" t="s">
        <v>9</v>
      </c>
      <c r="I1498" s="5" t="s">
        <v>6</v>
      </c>
      <c r="J1498" s="5" t="s">
        <v>4137</v>
      </c>
      <c r="K1498" s="5" t="s">
        <v>8882</v>
      </c>
      <c r="L1498" s="6" t="s">
        <v>5</v>
      </c>
      <c r="M1498" s="2" t="s">
        <v>8886</v>
      </c>
      <c r="N1498" s="3">
        <v>45411</v>
      </c>
      <c r="O1498" s="3">
        <v>45411</v>
      </c>
      <c r="P1498" s="3">
        <v>47756</v>
      </c>
    </row>
    <row r="1499" spans="1:16" x14ac:dyDescent="0.15">
      <c r="A1499" s="2" t="s">
        <v>49</v>
      </c>
      <c r="B1499" s="2" t="s">
        <v>8889</v>
      </c>
      <c r="C1499" s="4" t="s">
        <v>6</v>
      </c>
      <c r="D1499" s="5" t="s">
        <v>3498</v>
      </c>
      <c r="E1499" s="5" t="s">
        <v>8888</v>
      </c>
      <c r="F1499" s="6" t="s">
        <v>5</v>
      </c>
      <c r="G1499" s="2" t="s">
        <v>8887</v>
      </c>
      <c r="H1499" s="4" t="s">
        <v>9</v>
      </c>
      <c r="I1499" s="5" t="s">
        <v>6</v>
      </c>
      <c r="J1499" s="5" t="s">
        <v>3498</v>
      </c>
      <c r="K1499" s="5" t="s">
        <v>8888</v>
      </c>
      <c r="L1499" s="6" t="s">
        <v>5</v>
      </c>
      <c r="M1499" s="2" t="s">
        <v>8890</v>
      </c>
      <c r="N1499" s="3">
        <v>45244</v>
      </c>
      <c r="O1499" s="3">
        <v>45244</v>
      </c>
      <c r="P1499" s="3">
        <v>47603</v>
      </c>
    </row>
    <row r="1500" spans="1:16" x14ac:dyDescent="0.15">
      <c r="A1500" s="2" t="s">
        <v>49</v>
      </c>
      <c r="B1500" s="2" t="s">
        <v>8906</v>
      </c>
      <c r="C1500" s="4" t="s">
        <v>6</v>
      </c>
      <c r="D1500" s="5" t="s">
        <v>111</v>
      </c>
      <c r="E1500" s="5" t="s">
        <v>8905</v>
      </c>
      <c r="F1500" s="6" t="s">
        <v>5</v>
      </c>
      <c r="G1500" s="2" t="s">
        <v>8904</v>
      </c>
      <c r="H1500" s="4" t="s">
        <v>9</v>
      </c>
      <c r="I1500" s="5" t="s">
        <v>6</v>
      </c>
      <c r="J1500" s="5" t="s">
        <v>111</v>
      </c>
      <c r="K1500" s="5" t="s">
        <v>8905</v>
      </c>
      <c r="L1500" s="6" t="s">
        <v>5</v>
      </c>
      <c r="M1500" s="2" t="s">
        <v>8907</v>
      </c>
      <c r="N1500" s="3">
        <v>45133</v>
      </c>
      <c r="O1500" s="3">
        <v>45133</v>
      </c>
      <c r="P1500" s="3">
        <v>47422</v>
      </c>
    </row>
    <row r="1501" spans="1:16" x14ac:dyDescent="0.15">
      <c r="A1501" s="2" t="s">
        <v>49</v>
      </c>
      <c r="B1501" s="2" t="s">
        <v>8914</v>
      </c>
      <c r="C1501" s="4" t="s">
        <v>6</v>
      </c>
      <c r="D1501" s="5" t="s">
        <v>6447</v>
      </c>
      <c r="E1501" s="5" t="s">
        <v>8915</v>
      </c>
      <c r="F1501" s="6" t="s">
        <v>5</v>
      </c>
      <c r="G1501" s="2" t="s">
        <v>8914</v>
      </c>
      <c r="H1501" s="4" t="s">
        <v>9</v>
      </c>
      <c r="I1501" s="5" t="s">
        <v>6</v>
      </c>
      <c r="J1501" s="5" t="s">
        <v>6447</v>
      </c>
      <c r="K1501" s="5" t="s">
        <v>8915</v>
      </c>
      <c r="L1501" s="6" t="s">
        <v>5</v>
      </c>
      <c r="M1501" s="2" t="s">
        <v>8916</v>
      </c>
      <c r="N1501" s="3">
        <v>31260</v>
      </c>
      <c r="O1501" s="3">
        <v>45200</v>
      </c>
      <c r="P1501" s="3">
        <v>47391</v>
      </c>
    </row>
    <row r="1502" spans="1:16" x14ac:dyDescent="0.15">
      <c r="A1502" s="2" t="s">
        <v>49</v>
      </c>
      <c r="B1502" s="2" t="s">
        <v>8920</v>
      </c>
      <c r="C1502" s="4" t="s">
        <v>6</v>
      </c>
      <c r="D1502" s="5" t="s">
        <v>342</v>
      </c>
      <c r="E1502" s="5" t="s">
        <v>343</v>
      </c>
      <c r="F1502" s="6" t="s">
        <v>8921</v>
      </c>
      <c r="G1502" s="2" t="s">
        <v>8917</v>
      </c>
      <c r="H1502" s="4" t="s">
        <v>9</v>
      </c>
      <c r="I1502" s="5" t="s">
        <v>6</v>
      </c>
      <c r="J1502" s="5" t="s">
        <v>270</v>
      </c>
      <c r="K1502" s="5" t="s">
        <v>271</v>
      </c>
      <c r="L1502" s="6" t="s">
        <v>5</v>
      </c>
      <c r="M1502" s="2" t="s">
        <v>8922</v>
      </c>
      <c r="N1502" s="3">
        <v>43783</v>
      </c>
      <c r="O1502" s="3">
        <v>43783</v>
      </c>
      <c r="P1502" s="3">
        <v>46326</v>
      </c>
    </row>
    <row r="1503" spans="1:16" x14ac:dyDescent="0.15">
      <c r="A1503" s="2" t="s">
        <v>49</v>
      </c>
      <c r="B1503" s="2" t="s">
        <v>8941</v>
      </c>
      <c r="C1503" s="4" t="s">
        <v>6</v>
      </c>
      <c r="D1503" s="5" t="s">
        <v>1810</v>
      </c>
      <c r="E1503" s="5" t="s">
        <v>8940</v>
      </c>
      <c r="F1503" s="6" t="s">
        <v>5</v>
      </c>
      <c r="G1503" s="2" t="s">
        <v>8939</v>
      </c>
      <c r="H1503" s="4" t="s">
        <v>9</v>
      </c>
      <c r="I1503" s="5" t="s">
        <v>6</v>
      </c>
      <c r="J1503" s="5" t="s">
        <v>1810</v>
      </c>
      <c r="K1503" s="5" t="s">
        <v>8940</v>
      </c>
      <c r="L1503" s="6" t="s">
        <v>5</v>
      </c>
      <c r="M1503" s="2" t="s">
        <v>8942</v>
      </c>
      <c r="N1503" s="3">
        <v>38559</v>
      </c>
      <c r="O1503" s="3">
        <v>45200</v>
      </c>
      <c r="P1503" s="3">
        <v>47391</v>
      </c>
    </row>
    <row r="1504" spans="1:16" x14ac:dyDescent="0.15">
      <c r="A1504" s="2" t="s">
        <v>49</v>
      </c>
      <c r="B1504" s="2" t="s">
        <v>5617</v>
      </c>
      <c r="C1504" s="4" t="s">
        <v>6</v>
      </c>
      <c r="D1504" s="5" t="s">
        <v>631</v>
      </c>
      <c r="E1504" s="5" t="s">
        <v>5616</v>
      </c>
      <c r="F1504" s="6" t="s">
        <v>5</v>
      </c>
      <c r="G1504" s="2"/>
      <c r="H1504" s="4"/>
      <c r="I1504" s="5"/>
      <c r="J1504" s="5"/>
      <c r="K1504" s="5"/>
      <c r="L1504" s="6"/>
      <c r="M1504" s="2" t="s">
        <v>5618</v>
      </c>
      <c r="N1504" s="3">
        <v>35836</v>
      </c>
      <c r="O1504" s="3">
        <v>44743</v>
      </c>
      <c r="P1504" s="3">
        <v>46568</v>
      </c>
    </row>
    <row r="1505" spans="1:16" x14ac:dyDescent="0.15">
      <c r="A1505" s="2" t="s">
        <v>39</v>
      </c>
      <c r="B1505" s="2" t="s">
        <v>5619</v>
      </c>
      <c r="C1505" s="4" t="s">
        <v>6</v>
      </c>
      <c r="D1505" s="5" t="s">
        <v>1152</v>
      </c>
      <c r="E1505" s="5" t="s">
        <v>1511</v>
      </c>
      <c r="F1505" s="6" t="s">
        <v>5</v>
      </c>
      <c r="G1505" s="2"/>
      <c r="H1505" s="4"/>
      <c r="I1505" s="5"/>
      <c r="J1505" s="5"/>
      <c r="K1505" s="5"/>
      <c r="L1505" s="6"/>
      <c r="M1505" s="2" t="s">
        <v>5620</v>
      </c>
      <c r="N1505" s="3">
        <v>44722</v>
      </c>
      <c r="O1505" s="3">
        <v>44722</v>
      </c>
      <c r="P1505" s="3">
        <v>47087</v>
      </c>
    </row>
    <row r="1506" spans="1:16" x14ac:dyDescent="0.15">
      <c r="A1506" s="2" t="s">
        <v>49</v>
      </c>
      <c r="B1506" s="2" t="s">
        <v>8955</v>
      </c>
      <c r="C1506" s="4" t="s">
        <v>6</v>
      </c>
      <c r="D1506" s="5" t="s">
        <v>456</v>
      </c>
      <c r="E1506" s="5" t="s">
        <v>520</v>
      </c>
      <c r="F1506" s="6" t="s">
        <v>5</v>
      </c>
      <c r="G1506" s="2" t="s">
        <v>8954</v>
      </c>
      <c r="H1506" s="4" t="s">
        <v>9</v>
      </c>
      <c r="I1506" s="5" t="s">
        <v>6</v>
      </c>
      <c r="J1506" s="5" t="s">
        <v>45</v>
      </c>
      <c r="K1506" s="5" t="s">
        <v>4977</v>
      </c>
      <c r="L1506" s="6" t="s">
        <v>5</v>
      </c>
      <c r="M1506" s="2" t="s">
        <v>8956</v>
      </c>
      <c r="N1506" s="3">
        <v>45140</v>
      </c>
      <c r="O1506" s="3">
        <v>45140</v>
      </c>
      <c r="P1506" s="3">
        <v>47269</v>
      </c>
    </row>
    <row r="1507" spans="1:16" x14ac:dyDescent="0.15">
      <c r="A1507" s="2" t="s">
        <v>49</v>
      </c>
      <c r="B1507" s="2" t="s">
        <v>8973</v>
      </c>
      <c r="C1507" s="4" t="s">
        <v>6</v>
      </c>
      <c r="D1507" s="5" t="s">
        <v>111</v>
      </c>
      <c r="E1507" s="5" t="s">
        <v>8974</v>
      </c>
      <c r="F1507" s="6" t="s">
        <v>5</v>
      </c>
      <c r="G1507" s="2" t="s">
        <v>8973</v>
      </c>
      <c r="H1507" s="4" t="s">
        <v>9</v>
      </c>
      <c r="I1507" s="5" t="s">
        <v>6</v>
      </c>
      <c r="J1507" s="5" t="s">
        <v>111</v>
      </c>
      <c r="K1507" s="5" t="s">
        <v>8974</v>
      </c>
      <c r="L1507" s="6" t="s">
        <v>5</v>
      </c>
      <c r="M1507" s="2" t="s">
        <v>8977</v>
      </c>
      <c r="N1507" s="3">
        <v>41853</v>
      </c>
      <c r="O1507" s="3">
        <v>43770</v>
      </c>
      <c r="P1507" s="3">
        <v>45596</v>
      </c>
    </row>
    <row r="1508" spans="1:16" x14ac:dyDescent="0.15">
      <c r="A1508" s="2" t="s">
        <v>49</v>
      </c>
      <c r="B1508" s="2" t="s">
        <v>5628</v>
      </c>
      <c r="C1508" s="4" t="s">
        <v>6</v>
      </c>
      <c r="D1508" s="5" t="s">
        <v>2762</v>
      </c>
      <c r="E1508" s="5" t="s">
        <v>1187</v>
      </c>
      <c r="F1508" s="6" t="s">
        <v>5</v>
      </c>
      <c r="G1508" s="2"/>
      <c r="H1508" s="4"/>
      <c r="I1508" s="5"/>
      <c r="J1508" s="5"/>
      <c r="K1508" s="5"/>
      <c r="L1508" s="6"/>
      <c r="M1508" s="2" t="s">
        <v>5629</v>
      </c>
      <c r="N1508" s="3">
        <v>38937</v>
      </c>
      <c r="O1508" s="3">
        <v>44743</v>
      </c>
      <c r="P1508" s="3">
        <v>46568</v>
      </c>
    </row>
    <row r="1509" spans="1:16" x14ac:dyDescent="0.15">
      <c r="A1509" s="2" t="s">
        <v>49</v>
      </c>
      <c r="B1509" s="2" t="s">
        <v>8988</v>
      </c>
      <c r="C1509" s="4" t="s">
        <v>6</v>
      </c>
      <c r="D1509" s="5" t="s">
        <v>1619</v>
      </c>
      <c r="E1509" s="5" t="s">
        <v>1620</v>
      </c>
      <c r="F1509" s="6" t="s">
        <v>8989</v>
      </c>
      <c r="G1509" s="2" t="s">
        <v>8979</v>
      </c>
      <c r="H1509" s="4" t="s">
        <v>29</v>
      </c>
      <c r="I1509" s="5" t="s">
        <v>8980</v>
      </c>
      <c r="J1509" s="5" t="s">
        <v>8981</v>
      </c>
      <c r="K1509" s="5" t="s">
        <v>8982</v>
      </c>
      <c r="L1509" s="6" t="s">
        <v>5</v>
      </c>
      <c r="M1509" s="2" t="s">
        <v>8990</v>
      </c>
      <c r="N1509" s="3">
        <v>45349</v>
      </c>
      <c r="O1509" s="3">
        <v>45349</v>
      </c>
      <c r="P1509" s="3">
        <v>47391</v>
      </c>
    </row>
    <row r="1510" spans="1:16" x14ac:dyDescent="0.15">
      <c r="A1510" s="2" t="s">
        <v>49</v>
      </c>
      <c r="B1510" s="2" t="s">
        <v>5636</v>
      </c>
      <c r="C1510" s="4" t="s">
        <v>6</v>
      </c>
      <c r="D1510" s="5" t="s">
        <v>551</v>
      </c>
      <c r="E1510" s="5" t="s">
        <v>3391</v>
      </c>
      <c r="F1510" s="6" t="s">
        <v>5</v>
      </c>
      <c r="G1510" s="2"/>
      <c r="H1510" s="4"/>
      <c r="I1510" s="5"/>
      <c r="J1510" s="5"/>
      <c r="K1510" s="5"/>
      <c r="L1510" s="6"/>
      <c r="M1510" s="2" t="s">
        <v>5637</v>
      </c>
      <c r="N1510" s="3">
        <v>37344</v>
      </c>
      <c r="O1510" s="3">
        <v>44743</v>
      </c>
      <c r="P1510" s="3">
        <v>46568</v>
      </c>
    </row>
    <row r="1511" spans="1:16" x14ac:dyDescent="0.15">
      <c r="A1511" s="2" t="s">
        <v>49</v>
      </c>
      <c r="B1511" s="2" t="s">
        <v>5638</v>
      </c>
      <c r="C1511" s="4" t="s">
        <v>6</v>
      </c>
      <c r="D1511" s="5" t="s">
        <v>5049</v>
      </c>
      <c r="E1511" s="5" t="s">
        <v>5639</v>
      </c>
      <c r="F1511" s="6" t="s">
        <v>5</v>
      </c>
      <c r="G1511" s="2"/>
      <c r="H1511" s="4"/>
      <c r="I1511" s="5"/>
      <c r="J1511" s="5"/>
      <c r="K1511" s="5"/>
      <c r="L1511" s="6"/>
      <c r="M1511" s="2" t="s">
        <v>5640</v>
      </c>
      <c r="N1511" s="3">
        <v>40821</v>
      </c>
      <c r="O1511" s="3">
        <v>44743</v>
      </c>
      <c r="P1511" s="3">
        <v>46568</v>
      </c>
    </row>
    <row r="1512" spans="1:16" x14ac:dyDescent="0.15">
      <c r="A1512" s="2" t="s">
        <v>49</v>
      </c>
      <c r="B1512" s="2" t="s">
        <v>5641</v>
      </c>
      <c r="C1512" s="4" t="s">
        <v>6</v>
      </c>
      <c r="D1512" s="5" t="s">
        <v>588</v>
      </c>
      <c r="E1512" s="5" t="s">
        <v>5642</v>
      </c>
      <c r="F1512" s="6" t="s">
        <v>5</v>
      </c>
      <c r="G1512" s="2"/>
      <c r="H1512" s="4"/>
      <c r="I1512" s="5"/>
      <c r="J1512" s="5"/>
      <c r="K1512" s="5"/>
      <c r="L1512" s="6"/>
      <c r="M1512" s="2" t="s">
        <v>5643</v>
      </c>
      <c r="N1512" s="3">
        <v>42614</v>
      </c>
      <c r="O1512" s="3">
        <v>44743</v>
      </c>
      <c r="P1512" s="3">
        <v>46568</v>
      </c>
    </row>
    <row r="1513" spans="1:16" x14ac:dyDescent="0.15">
      <c r="A1513" s="2" t="s">
        <v>49</v>
      </c>
      <c r="B1513" s="2" t="s">
        <v>8994</v>
      </c>
      <c r="C1513" s="4" t="s">
        <v>6</v>
      </c>
      <c r="D1513" s="5" t="s">
        <v>8995</v>
      </c>
      <c r="E1513" s="5" t="s">
        <v>8996</v>
      </c>
      <c r="F1513" s="6" t="s">
        <v>5</v>
      </c>
      <c r="G1513" s="2" t="s">
        <v>8991</v>
      </c>
      <c r="H1513" s="4" t="s">
        <v>9</v>
      </c>
      <c r="I1513" s="5" t="s">
        <v>1413</v>
      </c>
      <c r="J1513" s="5" t="s">
        <v>8992</v>
      </c>
      <c r="K1513" s="5" t="s">
        <v>8993</v>
      </c>
      <c r="L1513" s="6" t="s">
        <v>5</v>
      </c>
      <c r="M1513" s="2" t="s">
        <v>8997</v>
      </c>
      <c r="N1513" s="3">
        <v>45176</v>
      </c>
      <c r="O1513" s="3">
        <v>45176</v>
      </c>
      <c r="P1513" s="3">
        <v>47299</v>
      </c>
    </row>
    <row r="1514" spans="1:16" x14ac:dyDescent="0.15">
      <c r="A1514" s="2" t="s">
        <v>49</v>
      </c>
      <c r="B1514" s="2" t="s">
        <v>9022</v>
      </c>
      <c r="C1514" s="4" t="s">
        <v>6</v>
      </c>
      <c r="D1514" s="5" t="s">
        <v>9023</v>
      </c>
      <c r="E1514" s="5" t="s">
        <v>9024</v>
      </c>
      <c r="F1514" s="6" t="s">
        <v>5</v>
      </c>
      <c r="G1514" s="2" t="s">
        <v>6017</v>
      </c>
      <c r="H1514" s="4" t="s">
        <v>9</v>
      </c>
      <c r="I1514" s="5" t="s">
        <v>6</v>
      </c>
      <c r="J1514" s="5" t="s">
        <v>583</v>
      </c>
      <c r="K1514" s="5" t="s">
        <v>9021</v>
      </c>
      <c r="L1514" s="6" t="s">
        <v>5</v>
      </c>
      <c r="M1514" s="2" t="s">
        <v>9025</v>
      </c>
      <c r="N1514" s="3">
        <v>40634</v>
      </c>
      <c r="O1514" s="3">
        <v>45200</v>
      </c>
      <c r="P1514" s="3">
        <v>47391</v>
      </c>
    </row>
    <row r="1515" spans="1:16" x14ac:dyDescent="0.15">
      <c r="A1515" s="2" t="s">
        <v>49</v>
      </c>
      <c r="B1515" s="2" t="s">
        <v>9028</v>
      </c>
      <c r="C1515" s="4" t="s">
        <v>6</v>
      </c>
      <c r="D1515" s="5" t="s">
        <v>8638</v>
      </c>
      <c r="E1515" s="5" t="s">
        <v>9029</v>
      </c>
      <c r="F1515" s="6" t="s">
        <v>5</v>
      </c>
      <c r="G1515" s="2" t="s">
        <v>9026</v>
      </c>
      <c r="H1515" s="4" t="s">
        <v>9</v>
      </c>
      <c r="I1515" s="5" t="s">
        <v>6</v>
      </c>
      <c r="J1515" s="5" t="s">
        <v>4927</v>
      </c>
      <c r="K1515" s="5" t="s">
        <v>9027</v>
      </c>
      <c r="L1515" s="6" t="s">
        <v>5</v>
      </c>
      <c r="M1515" s="2" t="s">
        <v>9030</v>
      </c>
      <c r="N1515" s="3">
        <v>35941</v>
      </c>
      <c r="O1515" s="3">
        <v>45200</v>
      </c>
      <c r="P1515" s="3">
        <v>47026</v>
      </c>
    </row>
    <row r="1516" spans="1:16" x14ac:dyDescent="0.15">
      <c r="A1516" s="2" t="s">
        <v>49</v>
      </c>
      <c r="B1516" s="2" t="s">
        <v>9036</v>
      </c>
      <c r="C1516" s="4" t="s">
        <v>6</v>
      </c>
      <c r="D1516" s="5" t="s">
        <v>1027</v>
      </c>
      <c r="E1516" s="5" t="s">
        <v>1536</v>
      </c>
      <c r="F1516" s="6" t="s">
        <v>9037</v>
      </c>
      <c r="G1516" s="2" t="s">
        <v>9034</v>
      </c>
      <c r="H1516" s="4" t="s">
        <v>9</v>
      </c>
      <c r="I1516" s="5" t="s">
        <v>6</v>
      </c>
      <c r="J1516" s="5" t="s">
        <v>348</v>
      </c>
      <c r="K1516" s="5" t="s">
        <v>9035</v>
      </c>
      <c r="L1516" s="6" t="s">
        <v>5</v>
      </c>
      <c r="M1516" s="2" t="s">
        <v>9038</v>
      </c>
      <c r="N1516" s="3">
        <v>45212</v>
      </c>
      <c r="O1516" s="3">
        <v>45212</v>
      </c>
      <c r="P1516" s="3">
        <v>47452</v>
      </c>
    </row>
    <row r="1517" spans="1:16" x14ac:dyDescent="0.15">
      <c r="A1517" s="2" t="s">
        <v>49</v>
      </c>
      <c r="B1517" s="2" t="s">
        <v>5664</v>
      </c>
      <c r="C1517" s="4" t="s">
        <v>6</v>
      </c>
      <c r="D1517" s="5" t="s">
        <v>2179</v>
      </c>
      <c r="E1517" s="5" t="s">
        <v>3742</v>
      </c>
      <c r="F1517" s="6" t="s">
        <v>5</v>
      </c>
      <c r="G1517" s="2"/>
      <c r="H1517" s="4"/>
      <c r="I1517" s="5"/>
      <c r="J1517" s="5"/>
      <c r="K1517" s="5"/>
      <c r="L1517" s="6"/>
      <c r="M1517" s="2" t="s">
        <v>5665</v>
      </c>
      <c r="N1517" s="3">
        <v>44726</v>
      </c>
      <c r="O1517" s="3">
        <v>44726</v>
      </c>
      <c r="P1517" s="3">
        <v>46691</v>
      </c>
    </row>
    <row r="1518" spans="1:16" x14ac:dyDescent="0.15">
      <c r="A1518" s="2" t="s">
        <v>49</v>
      </c>
      <c r="B1518" s="2" t="s">
        <v>5667</v>
      </c>
      <c r="C1518" s="4" t="s">
        <v>6</v>
      </c>
      <c r="D1518" s="5" t="s">
        <v>5668</v>
      </c>
      <c r="E1518" s="5" t="s">
        <v>404</v>
      </c>
      <c r="F1518" s="6" t="s">
        <v>5</v>
      </c>
      <c r="G1518" s="2"/>
      <c r="H1518" s="4"/>
      <c r="I1518" s="5"/>
      <c r="J1518" s="5"/>
      <c r="K1518" s="5"/>
      <c r="L1518" s="6"/>
      <c r="M1518" s="2" t="s">
        <v>5669</v>
      </c>
      <c r="N1518" s="3">
        <v>44789</v>
      </c>
      <c r="O1518" s="3">
        <v>44789</v>
      </c>
      <c r="P1518" s="3">
        <v>46660</v>
      </c>
    </row>
    <row r="1519" spans="1:16" x14ac:dyDescent="0.15">
      <c r="A1519" s="2" t="s">
        <v>16</v>
      </c>
      <c r="B1519" s="2" t="s">
        <v>5667</v>
      </c>
      <c r="C1519" s="4" t="s">
        <v>6</v>
      </c>
      <c r="D1519" s="5" t="s">
        <v>5668</v>
      </c>
      <c r="E1519" s="5" t="s">
        <v>404</v>
      </c>
      <c r="F1519" s="6" t="s">
        <v>5</v>
      </c>
      <c r="G1519" s="2"/>
      <c r="H1519" s="4"/>
      <c r="I1519" s="5"/>
      <c r="J1519" s="5"/>
      <c r="K1519" s="5"/>
      <c r="L1519" s="6"/>
      <c r="M1519" s="2" t="s">
        <v>5670</v>
      </c>
      <c r="N1519" s="3">
        <v>44789</v>
      </c>
      <c r="O1519" s="3">
        <v>44789</v>
      </c>
      <c r="P1519" s="3">
        <v>46660</v>
      </c>
    </row>
    <row r="1520" spans="1:16" x14ac:dyDescent="0.15">
      <c r="A1520" s="2" t="s">
        <v>486</v>
      </c>
      <c r="B1520" s="2" t="s">
        <v>5667</v>
      </c>
      <c r="C1520" s="4" t="s">
        <v>6</v>
      </c>
      <c r="D1520" s="5" t="s">
        <v>5668</v>
      </c>
      <c r="E1520" s="5" t="s">
        <v>404</v>
      </c>
      <c r="F1520" s="6" t="s">
        <v>5</v>
      </c>
      <c r="G1520" s="2"/>
      <c r="H1520" s="4"/>
      <c r="I1520" s="5"/>
      <c r="J1520" s="5"/>
      <c r="K1520" s="5"/>
      <c r="L1520" s="6"/>
      <c r="M1520" s="2" t="s">
        <v>5671</v>
      </c>
      <c r="N1520" s="3">
        <v>44789</v>
      </c>
      <c r="O1520" s="3">
        <v>44789</v>
      </c>
      <c r="P1520" s="3">
        <v>46660</v>
      </c>
    </row>
    <row r="1521" spans="1:16" x14ac:dyDescent="0.15">
      <c r="A1521" s="2" t="s">
        <v>49</v>
      </c>
      <c r="B1521" s="2" t="s">
        <v>9046</v>
      </c>
      <c r="C1521" s="4" t="s">
        <v>6</v>
      </c>
      <c r="D1521" s="5" t="s">
        <v>2039</v>
      </c>
      <c r="E1521" s="5" t="s">
        <v>9047</v>
      </c>
      <c r="F1521" s="6" t="s">
        <v>5</v>
      </c>
      <c r="G1521" s="2" t="s">
        <v>9044</v>
      </c>
      <c r="H1521" s="4" t="s">
        <v>9</v>
      </c>
      <c r="I1521" s="5" t="s">
        <v>6</v>
      </c>
      <c r="J1521" s="5" t="s">
        <v>140</v>
      </c>
      <c r="K1521" s="5" t="s">
        <v>9045</v>
      </c>
      <c r="L1521" s="6" t="s">
        <v>5</v>
      </c>
      <c r="M1521" s="2" t="s">
        <v>9048</v>
      </c>
      <c r="N1521" s="3">
        <v>45159</v>
      </c>
      <c r="O1521" s="3">
        <v>45159</v>
      </c>
      <c r="P1521" s="3">
        <v>47391</v>
      </c>
    </row>
    <row r="1522" spans="1:16" x14ac:dyDescent="0.15">
      <c r="A1522" s="2" t="s">
        <v>49</v>
      </c>
      <c r="B1522" s="2" t="s">
        <v>5676</v>
      </c>
      <c r="C1522" s="4" t="s">
        <v>6</v>
      </c>
      <c r="D1522" s="5" t="s">
        <v>894</v>
      </c>
      <c r="E1522" s="5" t="s">
        <v>5677</v>
      </c>
      <c r="F1522" s="6" t="s">
        <v>5</v>
      </c>
      <c r="G1522" s="2"/>
      <c r="H1522" s="4"/>
      <c r="I1522" s="5"/>
      <c r="J1522" s="5"/>
      <c r="K1522" s="5"/>
      <c r="L1522" s="6"/>
      <c r="M1522" s="2" t="s">
        <v>5678</v>
      </c>
      <c r="N1522" s="3">
        <v>40726</v>
      </c>
      <c r="O1522" s="3">
        <v>44743</v>
      </c>
      <c r="P1522" s="3">
        <v>46568</v>
      </c>
    </row>
    <row r="1523" spans="1:16" x14ac:dyDescent="0.15">
      <c r="A1523" s="2" t="s">
        <v>49</v>
      </c>
      <c r="B1523" s="2" t="s">
        <v>5679</v>
      </c>
      <c r="C1523" s="4" t="s">
        <v>6</v>
      </c>
      <c r="D1523" s="5" t="s">
        <v>608</v>
      </c>
      <c r="E1523" s="5" t="s">
        <v>5438</v>
      </c>
      <c r="F1523" s="6" t="s">
        <v>5680</v>
      </c>
      <c r="G1523" s="2"/>
      <c r="H1523" s="4"/>
      <c r="I1523" s="5"/>
      <c r="J1523" s="5"/>
      <c r="K1523" s="5"/>
      <c r="L1523" s="6"/>
      <c r="M1523" s="2" t="s">
        <v>5681</v>
      </c>
      <c r="N1523" s="3">
        <v>44733</v>
      </c>
      <c r="O1523" s="3">
        <v>44733</v>
      </c>
      <c r="P1523" s="3">
        <v>46721</v>
      </c>
    </row>
    <row r="1524" spans="1:16" x14ac:dyDescent="0.15">
      <c r="A1524" s="2" t="s">
        <v>49</v>
      </c>
      <c r="B1524" s="2" t="s">
        <v>9051</v>
      </c>
      <c r="C1524" s="4" t="s">
        <v>6</v>
      </c>
      <c r="D1524" s="5" t="s">
        <v>5625</v>
      </c>
      <c r="E1524" s="5" t="s">
        <v>9050</v>
      </c>
      <c r="F1524" s="6" t="s">
        <v>5</v>
      </c>
      <c r="G1524" s="2" t="s">
        <v>9049</v>
      </c>
      <c r="H1524" s="4" t="s">
        <v>9</v>
      </c>
      <c r="I1524" s="5" t="s">
        <v>6</v>
      </c>
      <c r="J1524" s="5" t="s">
        <v>5625</v>
      </c>
      <c r="K1524" s="5" t="s">
        <v>9050</v>
      </c>
      <c r="L1524" s="6" t="s">
        <v>5</v>
      </c>
      <c r="M1524" s="2" t="s">
        <v>9052</v>
      </c>
      <c r="N1524" s="3">
        <v>45230</v>
      </c>
      <c r="O1524" s="3">
        <v>45230</v>
      </c>
      <c r="P1524" s="3">
        <v>47756</v>
      </c>
    </row>
    <row r="1525" spans="1:16" x14ac:dyDescent="0.15">
      <c r="A1525" s="2" t="s">
        <v>49</v>
      </c>
      <c r="B1525" s="2" t="s">
        <v>9070</v>
      </c>
      <c r="C1525" s="4" t="s">
        <v>6</v>
      </c>
      <c r="D1525" s="5" t="s">
        <v>9071</v>
      </c>
      <c r="E1525" s="5" t="s">
        <v>6889</v>
      </c>
      <c r="F1525" s="6" t="s">
        <v>9072</v>
      </c>
      <c r="G1525" s="2" t="s">
        <v>3140</v>
      </c>
      <c r="H1525" s="4" t="s">
        <v>9</v>
      </c>
      <c r="I1525" s="5" t="s">
        <v>6</v>
      </c>
      <c r="J1525" s="5" t="s">
        <v>2012</v>
      </c>
      <c r="K1525" s="5" t="s">
        <v>7018</v>
      </c>
      <c r="L1525" s="6" t="s">
        <v>5</v>
      </c>
      <c r="M1525" s="2" t="s">
        <v>9073</v>
      </c>
      <c r="N1525" s="3">
        <v>45164</v>
      </c>
      <c r="O1525" s="3">
        <v>45164</v>
      </c>
      <c r="P1525" s="3">
        <v>47573</v>
      </c>
    </row>
    <row r="1526" spans="1:16" x14ac:dyDescent="0.15">
      <c r="A1526" s="2" t="s">
        <v>49</v>
      </c>
      <c r="B1526" s="2" t="s">
        <v>9074</v>
      </c>
      <c r="C1526" s="4" t="s">
        <v>6</v>
      </c>
      <c r="D1526" s="5" t="s">
        <v>2978</v>
      </c>
      <c r="E1526" s="5" t="s">
        <v>9075</v>
      </c>
      <c r="F1526" s="6" t="s">
        <v>9076</v>
      </c>
      <c r="G1526" s="2" t="s">
        <v>3140</v>
      </c>
      <c r="H1526" s="4" t="s">
        <v>9</v>
      </c>
      <c r="I1526" s="5" t="s">
        <v>6</v>
      </c>
      <c r="J1526" s="5" t="s">
        <v>2012</v>
      </c>
      <c r="K1526" s="5" t="s">
        <v>7018</v>
      </c>
      <c r="L1526" s="6" t="s">
        <v>5</v>
      </c>
      <c r="M1526" s="2" t="s">
        <v>9077</v>
      </c>
      <c r="N1526" s="3">
        <v>45164</v>
      </c>
      <c r="O1526" s="3">
        <v>45164</v>
      </c>
      <c r="P1526" s="3">
        <v>47573</v>
      </c>
    </row>
    <row r="1527" spans="1:16" x14ac:dyDescent="0.15">
      <c r="A1527" s="2" t="s">
        <v>49</v>
      </c>
      <c r="B1527" s="2" t="s">
        <v>5691</v>
      </c>
      <c r="C1527" s="4" t="s">
        <v>6</v>
      </c>
      <c r="D1527" s="5" t="s">
        <v>5692</v>
      </c>
      <c r="E1527" s="5" t="s">
        <v>5693</v>
      </c>
      <c r="F1527" s="6" t="s">
        <v>5</v>
      </c>
      <c r="G1527" s="2"/>
      <c r="H1527" s="4"/>
      <c r="I1527" s="5"/>
      <c r="J1527" s="5"/>
      <c r="K1527" s="5"/>
      <c r="L1527" s="6"/>
      <c r="M1527" s="2" t="s">
        <v>5694</v>
      </c>
      <c r="N1527" s="3">
        <v>40206</v>
      </c>
      <c r="O1527" s="3">
        <v>44743</v>
      </c>
      <c r="P1527" s="3">
        <v>46934</v>
      </c>
    </row>
    <row r="1528" spans="1:16" x14ac:dyDescent="0.15">
      <c r="A1528" s="2" t="s">
        <v>16</v>
      </c>
      <c r="B1528" s="2" t="s">
        <v>5695</v>
      </c>
      <c r="C1528" s="4" t="s">
        <v>6</v>
      </c>
      <c r="D1528" s="5" t="s">
        <v>2134</v>
      </c>
      <c r="E1528" s="5" t="s">
        <v>15</v>
      </c>
      <c r="F1528" s="6" t="s">
        <v>5</v>
      </c>
      <c r="G1528" s="2"/>
      <c r="H1528" s="4"/>
      <c r="I1528" s="5"/>
      <c r="J1528" s="5"/>
      <c r="K1528" s="5"/>
      <c r="L1528" s="6"/>
      <c r="M1528" s="2" t="s">
        <v>5696</v>
      </c>
      <c r="N1528" s="3">
        <v>42349</v>
      </c>
      <c r="O1528" s="3">
        <v>44743</v>
      </c>
      <c r="P1528" s="3">
        <v>46934</v>
      </c>
    </row>
    <row r="1529" spans="1:16" x14ac:dyDescent="0.15">
      <c r="A1529" s="2" t="s">
        <v>49</v>
      </c>
      <c r="B1529" s="2" t="s">
        <v>5698</v>
      </c>
      <c r="C1529" s="4" t="s">
        <v>6</v>
      </c>
      <c r="D1529" s="5" t="s">
        <v>5625</v>
      </c>
      <c r="E1529" s="5" t="s">
        <v>5699</v>
      </c>
      <c r="F1529" s="6" t="s">
        <v>5</v>
      </c>
      <c r="G1529" s="2"/>
      <c r="H1529" s="4"/>
      <c r="I1529" s="5"/>
      <c r="J1529" s="5"/>
      <c r="K1529" s="5"/>
      <c r="L1529" s="6"/>
      <c r="M1529" s="2" t="s">
        <v>5700</v>
      </c>
      <c r="N1529" s="3">
        <v>44735</v>
      </c>
      <c r="O1529" s="3">
        <v>44735</v>
      </c>
      <c r="P1529" s="3">
        <v>46660</v>
      </c>
    </row>
    <row r="1530" spans="1:16" x14ac:dyDescent="0.15">
      <c r="A1530" s="2" t="s">
        <v>49</v>
      </c>
      <c r="B1530" s="2" t="s">
        <v>5701</v>
      </c>
      <c r="C1530" s="4" t="s">
        <v>6</v>
      </c>
      <c r="D1530" s="5" t="s">
        <v>5625</v>
      </c>
      <c r="E1530" s="5" t="s">
        <v>5699</v>
      </c>
      <c r="F1530" s="6" t="s">
        <v>5702</v>
      </c>
      <c r="G1530" s="2"/>
      <c r="H1530" s="4"/>
      <c r="I1530" s="5"/>
      <c r="J1530" s="5"/>
      <c r="K1530" s="5"/>
      <c r="L1530" s="6"/>
      <c r="M1530" s="2" t="s">
        <v>5703</v>
      </c>
      <c r="N1530" s="3">
        <v>44735</v>
      </c>
      <c r="O1530" s="3">
        <v>44735</v>
      </c>
      <c r="P1530" s="3">
        <v>47026</v>
      </c>
    </row>
    <row r="1531" spans="1:16" x14ac:dyDescent="0.15">
      <c r="A1531" s="2" t="s">
        <v>16</v>
      </c>
      <c r="B1531" s="2" t="s">
        <v>5705</v>
      </c>
      <c r="C1531" s="4" t="s">
        <v>6</v>
      </c>
      <c r="D1531" s="5" t="s">
        <v>1669</v>
      </c>
      <c r="E1531" s="5" t="s">
        <v>5704</v>
      </c>
      <c r="F1531" s="6" t="s">
        <v>5</v>
      </c>
      <c r="G1531" s="2"/>
      <c r="H1531" s="4"/>
      <c r="I1531" s="5"/>
      <c r="J1531" s="5"/>
      <c r="K1531" s="5"/>
      <c r="L1531" s="6"/>
      <c r="M1531" s="2" t="s">
        <v>5706</v>
      </c>
      <c r="N1531" s="3">
        <v>44729</v>
      </c>
      <c r="O1531" s="3">
        <v>44729</v>
      </c>
      <c r="P1531" s="3">
        <v>46660</v>
      </c>
    </row>
    <row r="1532" spans="1:16" x14ac:dyDescent="0.15">
      <c r="A1532" s="2" t="s">
        <v>49</v>
      </c>
      <c r="B1532" s="2" t="s">
        <v>5709</v>
      </c>
      <c r="C1532" s="4" t="s">
        <v>6</v>
      </c>
      <c r="D1532" s="5" t="s">
        <v>5707</v>
      </c>
      <c r="E1532" s="5" t="s">
        <v>5708</v>
      </c>
      <c r="F1532" s="6" t="s">
        <v>5</v>
      </c>
      <c r="G1532" s="2"/>
      <c r="H1532" s="4"/>
      <c r="I1532" s="5"/>
      <c r="J1532" s="5"/>
      <c r="K1532" s="5"/>
      <c r="L1532" s="6"/>
      <c r="M1532" s="2" t="s">
        <v>5710</v>
      </c>
      <c r="N1532" s="3">
        <v>38118</v>
      </c>
      <c r="O1532" s="3">
        <v>44743</v>
      </c>
      <c r="P1532" s="3">
        <v>46934</v>
      </c>
    </row>
    <row r="1533" spans="1:16" x14ac:dyDescent="0.15">
      <c r="A1533" s="2" t="s">
        <v>49</v>
      </c>
      <c r="B1533" s="2" t="s">
        <v>9078</v>
      </c>
      <c r="C1533" s="4" t="s">
        <v>6</v>
      </c>
      <c r="D1533" s="5" t="s">
        <v>9079</v>
      </c>
      <c r="E1533" s="5" t="s">
        <v>9080</v>
      </c>
      <c r="F1533" s="6" t="s">
        <v>9081</v>
      </c>
      <c r="G1533" s="2" t="s">
        <v>3140</v>
      </c>
      <c r="H1533" s="4" t="s">
        <v>9</v>
      </c>
      <c r="I1533" s="5" t="s">
        <v>6</v>
      </c>
      <c r="J1533" s="5" t="s">
        <v>2012</v>
      </c>
      <c r="K1533" s="5" t="s">
        <v>7018</v>
      </c>
      <c r="L1533" s="6" t="s">
        <v>5</v>
      </c>
      <c r="M1533" s="2" t="s">
        <v>9082</v>
      </c>
      <c r="N1533" s="3">
        <v>45164</v>
      </c>
      <c r="O1533" s="3">
        <v>45164</v>
      </c>
      <c r="P1533" s="3">
        <v>47573</v>
      </c>
    </row>
    <row r="1534" spans="1:16" x14ac:dyDescent="0.15">
      <c r="A1534" s="2" t="s">
        <v>49</v>
      </c>
      <c r="B1534" s="2" t="s">
        <v>5717</v>
      </c>
      <c r="C1534" s="4" t="s">
        <v>6</v>
      </c>
      <c r="D1534" s="5" t="s">
        <v>4717</v>
      </c>
      <c r="E1534" s="5" t="s">
        <v>5716</v>
      </c>
      <c r="F1534" s="6" t="s">
        <v>5</v>
      </c>
      <c r="G1534" s="2"/>
      <c r="H1534" s="4"/>
      <c r="I1534" s="5"/>
      <c r="J1534" s="5"/>
      <c r="K1534" s="5"/>
      <c r="L1534" s="6"/>
      <c r="M1534" s="2" t="s">
        <v>5718</v>
      </c>
      <c r="N1534" s="3">
        <v>42202</v>
      </c>
      <c r="O1534" s="3">
        <v>44743</v>
      </c>
      <c r="P1534" s="3">
        <v>46934</v>
      </c>
    </row>
    <row r="1535" spans="1:16" x14ac:dyDescent="0.15">
      <c r="A1535" s="2" t="s">
        <v>49</v>
      </c>
      <c r="B1535" s="2" t="s">
        <v>5719</v>
      </c>
      <c r="C1535" s="4" t="s">
        <v>6</v>
      </c>
      <c r="D1535" s="5" t="s">
        <v>631</v>
      </c>
      <c r="E1535" s="5" t="s">
        <v>5720</v>
      </c>
      <c r="F1535" s="6" t="s">
        <v>5</v>
      </c>
      <c r="G1535" s="2"/>
      <c r="H1535" s="4"/>
      <c r="I1535" s="5"/>
      <c r="J1535" s="5"/>
      <c r="K1535" s="5"/>
      <c r="L1535" s="6"/>
      <c r="M1535" s="2" t="s">
        <v>5721</v>
      </c>
      <c r="N1535" s="3">
        <v>42824</v>
      </c>
      <c r="O1535" s="3">
        <v>44743</v>
      </c>
      <c r="P1535" s="3">
        <v>46568</v>
      </c>
    </row>
    <row r="1536" spans="1:16" x14ac:dyDescent="0.15">
      <c r="A1536" s="2" t="s">
        <v>49</v>
      </c>
      <c r="B1536" s="2" t="s">
        <v>5722</v>
      </c>
      <c r="C1536" s="4" t="s">
        <v>6</v>
      </c>
      <c r="D1536" s="5" t="s">
        <v>583</v>
      </c>
      <c r="E1536" s="5" t="s">
        <v>5723</v>
      </c>
      <c r="F1536" s="6" t="s">
        <v>5</v>
      </c>
      <c r="G1536" s="2"/>
      <c r="H1536" s="4"/>
      <c r="I1536" s="5"/>
      <c r="J1536" s="5"/>
      <c r="K1536" s="5"/>
      <c r="L1536" s="6"/>
      <c r="M1536" s="2" t="s">
        <v>5724</v>
      </c>
      <c r="N1536" s="3">
        <v>44740</v>
      </c>
      <c r="O1536" s="3">
        <v>44740</v>
      </c>
      <c r="P1536" s="3">
        <v>46934</v>
      </c>
    </row>
    <row r="1537" spans="1:16" x14ac:dyDescent="0.15">
      <c r="A1537" s="2" t="s">
        <v>49</v>
      </c>
      <c r="B1537" s="2" t="s">
        <v>5726</v>
      </c>
      <c r="C1537" s="4" t="s">
        <v>6</v>
      </c>
      <c r="D1537" s="5" t="s">
        <v>5727</v>
      </c>
      <c r="E1537" s="5" t="s">
        <v>5728</v>
      </c>
      <c r="F1537" s="6" t="s">
        <v>5</v>
      </c>
      <c r="G1537" s="2" t="s">
        <v>5725</v>
      </c>
      <c r="H1537" s="4" t="s">
        <v>9</v>
      </c>
      <c r="I1537" s="5" t="s">
        <v>6</v>
      </c>
      <c r="J1537" s="5" t="s">
        <v>1954</v>
      </c>
      <c r="K1537" s="5" t="s">
        <v>4031</v>
      </c>
      <c r="L1537" s="6" t="s">
        <v>5</v>
      </c>
      <c r="M1537" s="2" t="s">
        <v>5729</v>
      </c>
      <c r="N1537" s="3">
        <v>41261</v>
      </c>
      <c r="O1537" s="3">
        <v>45200</v>
      </c>
      <c r="P1537" s="3">
        <v>47026</v>
      </c>
    </row>
    <row r="1538" spans="1:16" x14ac:dyDescent="0.15">
      <c r="A1538" s="2" t="s">
        <v>49</v>
      </c>
      <c r="B1538" s="2" t="s">
        <v>5730</v>
      </c>
      <c r="C1538" s="4" t="s">
        <v>6</v>
      </c>
      <c r="D1538" s="5" t="s">
        <v>79</v>
      </c>
      <c r="E1538" s="5" t="s">
        <v>5731</v>
      </c>
      <c r="F1538" s="6" t="s">
        <v>5</v>
      </c>
      <c r="G1538" s="2" t="s">
        <v>5725</v>
      </c>
      <c r="H1538" s="4" t="s">
        <v>9</v>
      </c>
      <c r="I1538" s="5" t="s">
        <v>6</v>
      </c>
      <c r="J1538" s="5" t="s">
        <v>1954</v>
      </c>
      <c r="K1538" s="5" t="s">
        <v>4031</v>
      </c>
      <c r="L1538" s="6" t="s">
        <v>5</v>
      </c>
      <c r="M1538" s="2" t="s">
        <v>5732</v>
      </c>
      <c r="N1538" s="3">
        <v>45280</v>
      </c>
      <c r="O1538" s="3">
        <v>45280</v>
      </c>
      <c r="P1538" s="3">
        <v>47422</v>
      </c>
    </row>
    <row r="1539" spans="1:16" x14ac:dyDescent="0.15">
      <c r="A1539" s="2" t="s">
        <v>49</v>
      </c>
      <c r="B1539" s="2" t="s">
        <v>9083</v>
      </c>
      <c r="C1539" s="4" t="s">
        <v>6</v>
      </c>
      <c r="D1539" s="5" t="s">
        <v>2012</v>
      </c>
      <c r="E1539" s="5" t="s">
        <v>7054</v>
      </c>
      <c r="F1539" s="6" t="s">
        <v>5</v>
      </c>
      <c r="G1539" s="2" t="s">
        <v>3140</v>
      </c>
      <c r="H1539" s="4" t="s">
        <v>9</v>
      </c>
      <c r="I1539" s="5" t="s">
        <v>6</v>
      </c>
      <c r="J1539" s="5" t="s">
        <v>2012</v>
      </c>
      <c r="K1539" s="5" t="s">
        <v>7018</v>
      </c>
      <c r="L1539" s="6" t="s">
        <v>5</v>
      </c>
      <c r="M1539" s="2" t="s">
        <v>9084</v>
      </c>
      <c r="N1539" s="3">
        <v>45354</v>
      </c>
      <c r="O1539" s="3">
        <v>45354</v>
      </c>
      <c r="P1539" s="3">
        <v>47573</v>
      </c>
    </row>
    <row r="1540" spans="1:16" x14ac:dyDescent="0.15">
      <c r="A1540" s="2" t="s">
        <v>49</v>
      </c>
      <c r="B1540" s="2" t="s">
        <v>9097</v>
      </c>
      <c r="C1540" s="4" t="s">
        <v>6</v>
      </c>
      <c r="D1540" s="5" t="s">
        <v>6245</v>
      </c>
      <c r="E1540" s="5" t="s">
        <v>9098</v>
      </c>
      <c r="F1540" s="6" t="s">
        <v>5</v>
      </c>
      <c r="G1540" s="2" t="s">
        <v>9094</v>
      </c>
      <c r="H1540" s="4" t="s">
        <v>685</v>
      </c>
      <c r="I1540" s="5" t="s">
        <v>686</v>
      </c>
      <c r="J1540" s="5" t="s">
        <v>9095</v>
      </c>
      <c r="K1540" s="5" t="s">
        <v>9096</v>
      </c>
      <c r="L1540" s="6" t="s">
        <v>5</v>
      </c>
      <c r="M1540" s="2" t="s">
        <v>9099</v>
      </c>
      <c r="N1540" s="3">
        <v>42719</v>
      </c>
      <c r="O1540" s="3">
        <v>45200</v>
      </c>
      <c r="P1540" s="3">
        <v>47391</v>
      </c>
    </row>
    <row r="1541" spans="1:16" x14ac:dyDescent="0.15">
      <c r="A1541" s="2" t="s">
        <v>49</v>
      </c>
      <c r="B1541" s="2" t="s">
        <v>9102</v>
      </c>
      <c r="C1541" s="4" t="s">
        <v>6</v>
      </c>
      <c r="D1541" s="5" t="s">
        <v>5927</v>
      </c>
      <c r="E1541" s="5" t="s">
        <v>9103</v>
      </c>
      <c r="F1541" s="6" t="s">
        <v>5</v>
      </c>
      <c r="G1541" s="2" t="s">
        <v>9100</v>
      </c>
      <c r="H1541" s="4" t="s">
        <v>9</v>
      </c>
      <c r="I1541" s="5" t="s">
        <v>6</v>
      </c>
      <c r="J1541" s="5" t="s">
        <v>2401</v>
      </c>
      <c r="K1541" s="5" t="s">
        <v>9101</v>
      </c>
      <c r="L1541" s="6" t="s">
        <v>5</v>
      </c>
      <c r="M1541" s="2" t="s">
        <v>9104</v>
      </c>
      <c r="N1541" s="3">
        <v>36641</v>
      </c>
      <c r="O1541" s="3">
        <v>45200</v>
      </c>
      <c r="P1541" s="3">
        <v>47391</v>
      </c>
    </row>
    <row r="1542" spans="1:16" x14ac:dyDescent="0.15">
      <c r="A1542" s="2" t="s">
        <v>49</v>
      </c>
      <c r="B1542" s="2" t="s">
        <v>5742</v>
      </c>
      <c r="C1542" s="4" t="s">
        <v>6</v>
      </c>
      <c r="D1542" s="5" t="s">
        <v>1027</v>
      </c>
      <c r="E1542" s="5" t="s">
        <v>5743</v>
      </c>
      <c r="F1542" s="6" t="s">
        <v>5744</v>
      </c>
      <c r="G1542" s="2"/>
      <c r="H1542" s="4"/>
      <c r="I1542" s="5"/>
      <c r="J1542" s="5"/>
      <c r="K1542" s="5"/>
      <c r="L1542" s="6"/>
      <c r="M1542" s="2" t="s">
        <v>5745</v>
      </c>
      <c r="N1542" s="3">
        <v>44741</v>
      </c>
      <c r="O1542" s="3">
        <v>44741</v>
      </c>
      <c r="P1542" s="3">
        <v>46721</v>
      </c>
    </row>
    <row r="1543" spans="1:16" x14ac:dyDescent="0.15">
      <c r="A1543" s="2" t="s">
        <v>49</v>
      </c>
      <c r="B1543" s="2" t="s">
        <v>9108</v>
      </c>
      <c r="C1543" s="4" t="s">
        <v>6</v>
      </c>
      <c r="D1543" s="5" t="s">
        <v>45</v>
      </c>
      <c r="E1543" s="5" t="s">
        <v>1255</v>
      </c>
      <c r="F1543" s="6" t="s">
        <v>9109</v>
      </c>
      <c r="G1543" s="2" t="s">
        <v>9105</v>
      </c>
      <c r="H1543" s="4" t="s">
        <v>29</v>
      </c>
      <c r="I1543" s="5" t="s">
        <v>1423</v>
      </c>
      <c r="J1543" s="5" t="s">
        <v>9106</v>
      </c>
      <c r="K1543" s="5" t="s">
        <v>9107</v>
      </c>
      <c r="L1543" s="6" t="s">
        <v>5</v>
      </c>
      <c r="M1543" s="2" t="s">
        <v>9110</v>
      </c>
      <c r="N1543" s="3">
        <v>45181</v>
      </c>
      <c r="O1543" s="3">
        <v>45181</v>
      </c>
      <c r="P1543" s="3">
        <v>47452</v>
      </c>
    </row>
    <row r="1544" spans="1:16" x14ac:dyDescent="0.15">
      <c r="A1544" s="2" t="s">
        <v>49</v>
      </c>
      <c r="B1544" s="2" t="s">
        <v>9114</v>
      </c>
      <c r="C1544" s="4" t="s">
        <v>6</v>
      </c>
      <c r="D1544" s="5" t="s">
        <v>9112</v>
      </c>
      <c r="E1544" s="5" t="s">
        <v>9113</v>
      </c>
      <c r="F1544" s="6" t="s">
        <v>5</v>
      </c>
      <c r="G1544" s="2" t="s">
        <v>9111</v>
      </c>
      <c r="H1544" s="4" t="s">
        <v>9</v>
      </c>
      <c r="I1544" s="5" t="s">
        <v>6</v>
      </c>
      <c r="J1544" s="5" t="s">
        <v>9112</v>
      </c>
      <c r="K1544" s="5" t="s">
        <v>9113</v>
      </c>
      <c r="L1544" s="6" t="s">
        <v>5</v>
      </c>
      <c r="M1544" s="2" t="s">
        <v>9115</v>
      </c>
      <c r="N1544" s="3">
        <v>32760</v>
      </c>
      <c r="O1544" s="3">
        <v>45231</v>
      </c>
      <c r="P1544" s="3">
        <v>47422</v>
      </c>
    </row>
    <row r="1545" spans="1:16" x14ac:dyDescent="0.15">
      <c r="A1545" s="2" t="s">
        <v>49</v>
      </c>
      <c r="B1545" s="2" t="s">
        <v>9124</v>
      </c>
      <c r="C1545" s="4" t="s">
        <v>6</v>
      </c>
      <c r="D1545" s="5" t="s">
        <v>954</v>
      </c>
      <c r="E1545" s="5" t="s">
        <v>9125</v>
      </c>
      <c r="F1545" s="6" t="s">
        <v>9126</v>
      </c>
      <c r="G1545" s="2" t="s">
        <v>9122</v>
      </c>
      <c r="H1545" s="4" t="s">
        <v>9</v>
      </c>
      <c r="I1545" s="5" t="s">
        <v>6</v>
      </c>
      <c r="J1545" s="5" t="s">
        <v>954</v>
      </c>
      <c r="K1545" s="5" t="s">
        <v>9123</v>
      </c>
      <c r="L1545" s="6" t="s">
        <v>5</v>
      </c>
      <c r="M1545" s="2" t="s">
        <v>9127</v>
      </c>
      <c r="N1545" s="3">
        <v>39043</v>
      </c>
      <c r="O1545" s="3">
        <v>45200</v>
      </c>
      <c r="P1545" s="3">
        <v>47391</v>
      </c>
    </row>
    <row r="1546" spans="1:16" x14ac:dyDescent="0.15">
      <c r="A1546" s="2" t="s">
        <v>66</v>
      </c>
      <c r="B1546" s="2" t="s">
        <v>5762</v>
      </c>
      <c r="C1546" s="4" t="s">
        <v>6</v>
      </c>
      <c r="D1546" s="5" t="s">
        <v>5760</v>
      </c>
      <c r="E1546" s="5" t="s">
        <v>5761</v>
      </c>
      <c r="F1546" s="6" t="s">
        <v>5</v>
      </c>
      <c r="G1546" s="2"/>
      <c r="H1546" s="4"/>
      <c r="I1546" s="5"/>
      <c r="J1546" s="5"/>
      <c r="K1546" s="5"/>
      <c r="L1546" s="6"/>
      <c r="M1546" s="2" t="s">
        <v>5763</v>
      </c>
      <c r="N1546" s="3">
        <v>32744</v>
      </c>
      <c r="O1546" s="3">
        <v>44743</v>
      </c>
      <c r="P1546" s="3">
        <v>46568</v>
      </c>
    </row>
    <row r="1547" spans="1:16" x14ac:dyDescent="0.15">
      <c r="A1547" s="2" t="s">
        <v>49</v>
      </c>
      <c r="B1547" s="2" t="s">
        <v>9128</v>
      </c>
      <c r="C1547" s="4" t="s">
        <v>6</v>
      </c>
      <c r="D1547" s="5" t="s">
        <v>456</v>
      </c>
      <c r="E1547" s="5" t="s">
        <v>520</v>
      </c>
      <c r="F1547" s="6" t="s">
        <v>5</v>
      </c>
      <c r="G1547" s="2" t="s">
        <v>9122</v>
      </c>
      <c r="H1547" s="4" t="s">
        <v>9</v>
      </c>
      <c r="I1547" s="5" t="s">
        <v>6</v>
      </c>
      <c r="J1547" s="5" t="s">
        <v>954</v>
      </c>
      <c r="K1547" s="5" t="s">
        <v>9123</v>
      </c>
      <c r="L1547" s="6" t="s">
        <v>5</v>
      </c>
      <c r="M1547" s="2" t="s">
        <v>9129</v>
      </c>
      <c r="N1547" s="3">
        <v>45190</v>
      </c>
      <c r="O1547" s="3">
        <v>45190</v>
      </c>
      <c r="P1547" s="3">
        <v>47269</v>
      </c>
    </row>
    <row r="1548" spans="1:16" x14ac:dyDescent="0.15">
      <c r="A1548" s="2" t="s">
        <v>16</v>
      </c>
      <c r="B1548" s="2" t="s">
        <v>5768</v>
      </c>
      <c r="C1548" s="4" t="s">
        <v>6</v>
      </c>
      <c r="D1548" s="5" t="s">
        <v>5769</v>
      </c>
      <c r="E1548" s="5" t="s">
        <v>5770</v>
      </c>
      <c r="F1548" s="6" t="s">
        <v>5</v>
      </c>
      <c r="G1548" s="2"/>
      <c r="H1548" s="4"/>
      <c r="I1548" s="5"/>
      <c r="J1548" s="5"/>
      <c r="K1548" s="5"/>
      <c r="L1548" s="6"/>
      <c r="M1548" s="2" t="s">
        <v>5771</v>
      </c>
      <c r="N1548" s="3">
        <v>44743</v>
      </c>
      <c r="O1548" s="3">
        <v>44743</v>
      </c>
      <c r="P1548" s="3">
        <v>46873</v>
      </c>
    </row>
    <row r="1549" spans="1:16" x14ac:dyDescent="0.15">
      <c r="A1549" s="2" t="s">
        <v>49</v>
      </c>
      <c r="B1549" s="2" t="s">
        <v>5772</v>
      </c>
      <c r="C1549" s="4" t="s">
        <v>6</v>
      </c>
      <c r="D1549" s="5" t="s">
        <v>456</v>
      </c>
      <c r="E1549" s="5" t="s">
        <v>520</v>
      </c>
      <c r="F1549" s="6" t="s">
        <v>5</v>
      </c>
      <c r="G1549" s="2"/>
      <c r="H1549" s="4"/>
      <c r="I1549" s="5"/>
      <c r="J1549" s="5"/>
      <c r="K1549" s="5"/>
      <c r="L1549" s="6"/>
      <c r="M1549" s="2" t="s">
        <v>5773</v>
      </c>
      <c r="N1549" s="3">
        <v>44743</v>
      </c>
      <c r="O1549" s="3">
        <v>44743</v>
      </c>
      <c r="P1549" s="3">
        <v>46904</v>
      </c>
    </row>
    <row r="1550" spans="1:16" x14ac:dyDescent="0.15">
      <c r="A1550" s="2" t="s">
        <v>49</v>
      </c>
      <c r="B1550" s="2" t="s">
        <v>5774</v>
      </c>
      <c r="C1550" s="4" t="s">
        <v>6</v>
      </c>
      <c r="D1550" s="5" t="s">
        <v>2012</v>
      </c>
      <c r="E1550" s="5" t="s">
        <v>5775</v>
      </c>
      <c r="F1550" s="6" t="s">
        <v>5</v>
      </c>
      <c r="G1550" s="2"/>
      <c r="H1550" s="4"/>
      <c r="I1550" s="5"/>
      <c r="J1550" s="5"/>
      <c r="K1550" s="5"/>
      <c r="L1550" s="6"/>
      <c r="M1550" s="2" t="s">
        <v>5776</v>
      </c>
      <c r="N1550" s="3">
        <v>44837</v>
      </c>
      <c r="O1550" s="3">
        <v>44837</v>
      </c>
      <c r="P1550" s="3">
        <v>47208</v>
      </c>
    </row>
    <row r="1551" spans="1:16" x14ac:dyDescent="0.15">
      <c r="A1551" s="2" t="s">
        <v>49</v>
      </c>
      <c r="B1551" s="2" t="s">
        <v>9136</v>
      </c>
      <c r="C1551" s="4" t="s">
        <v>6</v>
      </c>
      <c r="D1551" s="5" t="s">
        <v>6525</v>
      </c>
      <c r="E1551" s="5" t="s">
        <v>9138</v>
      </c>
      <c r="F1551" s="6" t="s">
        <v>5</v>
      </c>
      <c r="G1551" s="2" t="s">
        <v>9136</v>
      </c>
      <c r="H1551" s="4" t="s">
        <v>9</v>
      </c>
      <c r="I1551" s="5" t="s">
        <v>6</v>
      </c>
      <c r="J1551" s="5" t="s">
        <v>6525</v>
      </c>
      <c r="K1551" s="5" t="s">
        <v>9137</v>
      </c>
      <c r="L1551" s="6" t="s">
        <v>5</v>
      </c>
      <c r="M1551" s="2" t="s">
        <v>9139</v>
      </c>
      <c r="N1551" s="3">
        <v>39571</v>
      </c>
      <c r="O1551" s="3">
        <v>45231</v>
      </c>
      <c r="P1551" s="3">
        <v>47057</v>
      </c>
    </row>
    <row r="1552" spans="1:16" x14ac:dyDescent="0.15">
      <c r="A1552" s="2" t="s">
        <v>49</v>
      </c>
      <c r="B1552" s="2" t="s">
        <v>9154</v>
      </c>
      <c r="C1552" s="4" t="s">
        <v>6</v>
      </c>
      <c r="D1552" s="5" t="s">
        <v>1000</v>
      </c>
      <c r="E1552" s="5" t="s">
        <v>2367</v>
      </c>
      <c r="F1552" s="6" t="s">
        <v>5</v>
      </c>
      <c r="G1552" s="2" t="s">
        <v>9153</v>
      </c>
      <c r="H1552" s="4" t="s">
        <v>9</v>
      </c>
      <c r="I1552" s="5" t="s">
        <v>6</v>
      </c>
      <c r="J1552" s="5" t="s">
        <v>1000</v>
      </c>
      <c r="K1552" s="5" t="s">
        <v>2367</v>
      </c>
      <c r="L1552" s="6" t="s">
        <v>5</v>
      </c>
      <c r="M1552" s="2" t="s">
        <v>9155</v>
      </c>
      <c r="N1552" s="3">
        <v>45170</v>
      </c>
      <c r="O1552" s="3">
        <v>45170</v>
      </c>
      <c r="P1552" s="3">
        <v>47391</v>
      </c>
    </row>
    <row r="1553" spans="1:16" x14ac:dyDescent="0.15">
      <c r="A1553" s="2" t="s">
        <v>49</v>
      </c>
      <c r="B1553" s="2" t="s">
        <v>5787</v>
      </c>
      <c r="C1553" s="4" t="s">
        <v>6</v>
      </c>
      <c r="D1553" s="5" t="s">
        <v>1010</v>
      </c>
      <c r="E1553" s="5" t="s">
        <v>5788</v>
      </c>
      <c r="F1553" s="6" t="s">
        <v>5</v>
      </c>
      <c r="G1553" s="2"/>
      <c r="H1553" s="4"/>
      <c r="I1553" s="5"/>
      <c r="J1553" s="5"/>
      <c r="K1553" s="5"/>
      <c r="L1553" s="6"/>
      <c r="M1553" s="2" t="s">
        <v>5789</v>
      </c>
      <c r="N1553" s="3">
        <v>44762</v>
      </c>
      <c r="O1553" s="3">
        <v>44762</v>
      </c>
      <c r="P1553" s="3">
        <v>47057</v>
      </c>
    </row>
    <row r="1554" spans="1:16" x14ac:dyDescent="0.15">
      <c r="A1554" s="2" t="s">
        <v>49</v>
      </c>
      <c r="B1554" s="2" t="s">
        <v>5790</v>
      </c>
      <c r="C1554" s="4" t="s">
        <v>6</v>
      </c>
      <c r="D1554" s="5" t="s">
        <v>1027</v>
      </c>
      <c r="E1554" s="5" t="s">
        <v>2930</v>
      </c>
      <c r="F1554" s="6" t="s">
        <v>5791</v>
      </c>
      <c r="G1554" s="2"/>
      <c r="H1554" s="4"/>
      <c r="I1554" s="5"/>
      <c r="J1554" s="5"/>
      <c r="K1554" s="5"/>
      <c r="L1554" s="6"/>
      <c r="M1554" s="2" t="s">
        <v>5792</v>
      </c>
      <c r="N1554" s="3">
        <v>44753</v>
      </c>
      <c r="O1554" s="3">
        <v>44753</v>
      </c>
      <c r="P1554" s="3">
        <v>47087</v>
      </c>
    </row>
    <row r="1555" spans="1:16" x14ac:dyDescent="0.15">
      <c r="A1555" s="2" t="s">
        <v>49</v>
      </c>
      <c r="B1555" s="2" t="s">
        <v>9173</v>
      </c>
      <c r="C1555" s="4" t="s">
        <v>6</v>
      </c>
      <c r="D1555" s="5" t="s">
        <v>9171</v>
      </c>
      <c r="E1555" s="5" t="s">
        <v>9172</v>
      </c>
      <c r="F1555" s="6" t="s">
        <v>5</v>
      </c>
      <c r="G1555" s="2" t="s">
        <v>9170</v>
      </c>
      <c r="H1555" s="4" t="s">
        <v>9</v>
      </c>
      <c r="I1555" s="5" t="s">
        <v>6</v>
      </c>
      <c r="J1555" s="5" t="s">
        <v>9171</v>
      </c>
      <c r="K1555" s="5" t="s">
        <v>9172</v>
      </c>
      <c r="L1555" s="6" t="s">
        <v>5</v>
      </c>
      <c r="M1555" s="2" t="s">
        <v>9174</v>
      </c>
      <c r="N1555" s="3">
        <v>34433</v>
      </c>
      <c r="O1555" s="3">
        <v>45231</v>
      </c>
      <c r="P1555" s="3">
        <v>47057</v>
      </c>
    </row>
    <row r="1556" spans="1:16" x14ac:dyDescent="0.15">
      <c r="A1556" s="2" t="s">
        <v>49</v>
      </c>
      <c r="B1556" s="2" t="s">
        <v>5799</v>
      </c>
      <c r="C1556" s="4" t="s">
        <v>6</v>
      </c>
      <c r="D1556" s="5" t="s">
        <v>378</v>
      </c>
      <c r="E1556" s="5" t="s">
        <v>5800</v>
      </c>
      <c r="F1556" s="6" t="s">
        <v>5</v>
      </c>
      <c r="G1556" s="2"/>
      <c r="H1556" s="4"/>
      <c r="I1556" s="5"/>
      <c r="J1556" s="5"/>
      <c r="K1556" s="5"/>
      <c r="L1556" s="6"/>
      <c r="M1556" s="2" t="s">
        <v>5801</v>
      </c>
      <c r="N1556" s="3">
        <v>44757</v>
      </c>
      <c r="O1556" s="3">
        <v>44757</v>
      </c>
      <c r="P1556" s="3">
        <v>47269</v>
      </c>
    </row>
    <row r="1557" spans="1:16" x14ac:dyDescent="0.15">
      <c r="A1557" s="2" t="s">
        <v>49</v>
      </c>
      <c r="B1557" s="2" t="s">
        <v>5802</v>
      </c>
      <c r="C1557" s="4" t="s">
        <v>6</v>
      </c>
      <c r="D1557" s="5" t="s">
        <v>1027</v>
      </c>
      <c r="E1557" s="5" t="s">
        <v>5803</v>
      </c>
      <c r="F1557" s="6" t="s">
        <v>5804</v>
      </c>
      <c r="G1557" s="2"/>
      <c r="H1557" s="4"/>
      <c r="I1557" s="5"/>
      <c r="J1557" s="5"/>
      <c r="K1557" s="5"/>
      <c r="L1557" s="6"/>
      <c r="M1557" s="2" t="s">
        <v>5805</v>
      </c>
      <c r="N1557" s="3">
        <v>44760</v>
      </c>
      <c r="O1557" s="3">
        <v>44760</v>
      </c>
      <c r="P1557" s="3">
        <v>47087</v>
      </c>
    </row>
    <row r="1558" spans="1:16" x14ac:dyDescent="0.15">
      <c r="A1558" s="2" t="s">
        <v>49</v>
      </c>
      <c r="B1558" s="2" t="s">
        <v>9175</v>
      </c>
      <c r="C1558" s="4" t="s">
        <v>6</v>
      </c>
      <c r="D1558" s="5" t="s">
        <v>9171</v>
      </c>
      <c r="E1558" s="5" t="s">
        <v>9172</v>
      </c>
      <c r="F1558" s="6" t="s">
        <v>5</v>
      </c>
      <c r="G1558" s="2" t="s">
        <v>9170</v>
      </c>
      <c r="H1558" s="4" t="s">
        <v>9</v>
      </c>
      <c r="I1558" s="5" t="s">
        <v>6</v>
      </c>
      <c r="J1558" s="5" t="s">
        <v>9171</v>
      </c>
      <c r="K1558" s="5" t="s">
        <v>9172</v>
      </c>
      <c r="L1558" s="6" t="s">
        <v>5</v>
      </c>
      <c r="M1558" s="2" t="s">
        <v>9176</v>
      </c>
      <c r="N1558" s="3">
        <v>31590</v>
      </c>
      <c r="O1558" s="3">
        <v>45231</v>
      </c>
      <c r="P1558" s="3">
        <v>47057</v>
      </c>
    </row>
    <row r="1559" spans="1:16" x14ac:dyDescent="0.15">
      <c r="A1559" s="2" t="s">
        <v>49</v>
      </c>
      <c r="B1559" s="2" t="s">
        <v>9177</v>
      </c>
      <c r="C1559" s="4" t="s">
        <v>6</v>
      </c>
      <c r="D1559" s="5" t="s">
        <v>9171</v>
      </c>
      <c r="E1559" s="5" t="s">
        <v>9172</v>
      </c>
      <c r="F1559" s="6" t="s">
        <v>5</v>
      </c>
      <c r="G1559" s="2" t="s">
        <v>9170</v>
      </c>
      <c r="H1559" s="4" t="s">
        <v>9</v>
      </c>
      <c r="I1559" s="5" t="s">
        <v>6</v>
      </c>
      <c r="J1559" s="5" t="s">
        <v>9171</v>
      </c>
      <c r="K1559" s="5" t="s">
        <v>9172</v>
      </c>
      <c r="L1559" s="6" t="s">
        <v>5</v>
      </c>
      <c r="M1559" s="2" t="s">
        <v>9178</v>
      </c>
      <c r="N1559" s="3">
        <v>31590</v>
      </c>
      <c r="O1559" s="3">
        <v>45231</v>
      </c>
      <c r="P1559" s="3">
        <v>47057</v>
      </c>
    </row>
    <row r="1560" spans="1:16" x14ac:dyDescent="0.15">
      <c r="A1560" s="2" t="s">
        <v>49</v>
      </c>
      <c r="B1560" s="2" t="s">
        <v>5813</v>
      </c>
      <c r="C1560" s="4" t="s">
        <v>6</v>
      </c>
      <c r="D1560" s="5" t="s">
        <v>1027</v>
      </c>
      <c r="E1560" s="5" t="s">
        <v>3002</v>
      </c>
      <c r="F1560" s="6" t="s">
        <v>5814</v>
      </c>
      <c r="G1560" s="2"/>
      <c r="H1560" s="4"/>
      <c r="I1560" s="5"/>
      <c r="J1560" s="5"/>
      <c r="K1560" s="5"/>
      <c r="L1560" s="6"/>
      <c r="M1560" s="2" t="s">
        <v>5815</v>
      </c>
      <c r="N1560" s="3">
        <v>44767</v>
      </c>
      <c r="O1560" s="3">
        <v>44767</v>
      </c>
      <c r="P1560" s="3">
        <v>46721</v>
      </c>
    </row>
    <row r="1561" spans="1:16" x14ac:dyDescent="0.15">
      <c r="A1561" s="2" t="s">
        <v>49</v>
      </c>
      <c r="B1561" s="2" t="s">
        <v>9179</v>
      </c>
      <c r="C1561" s="4" t="s">
        <v>6</v>
      </c>
      <c r="D1561" s="5" t="s">
        <v>9171</v>
      </c>
      <c r="E1561" s="5" t="s">
        <v>9172</v>
      </c>
      <c r="F1561" s="6" t="s">
        <v>5</v>
      </c>
      <c r="G1561" s="2" t="s">
        <v>9170</v>
      </c>
      <c r="H1561" s="4" t="s">
        <v>9</v>
      </c>
      <c r="I1561" s="5" t="s">
        <v>6</v>
      </c>
      <c r="J1561" s="5" t="s">
        <v>9171</v>
      </c>
      <c r="K1561" s="5" t="s">
        <v>9172</v>
      </c>
      <c r="L1561" s="6" t="s">
        <v>5</v>
      </c>
      <c r="M1561" s="2" t="s">
        <v>9180</v>
      </c>
      <c r="N1561" s="3">
        <v>32058</v>
      </c>
      <c r="O1561" s="3">
        <v>45231</v>
      </c>
      <c r="P1561" s="3">
        <v>47057</v>
      </c>
    </row>
    <row r="1562" spans="1:16" x14ac:dyDescent="0.15">
      <c r="A1562" s="2" t="s">
        <v>49</v>
      </c>
      <c r="B1562" s="2" t="s">
        <v>5821</v>
      </c>
      <c r="C1562" s="4" t="s">
        <v>6</v>
      </c>
      <c r="D1562" s="5" t="s">
        <v>1284</v>
      </c>
      <c r="E1562" s="5" t="s">
        <v>5822</v>
      </c>
      <c r="F1562" s="6" t="s">
        <v>5823</v>
      </c>
      <c r="G1562" s="2"/>
      <c r="H1562" s="4"/>
      <c r="I1562" s="5"/>
      <c r="J1562" s="5"/>
      <c r="K1562" s="5"/>
      <c r="L1562" s="6"/>
      <c r="M1562" s="2" t="s">
        <v>5824</v>
      </c>
      <c r="N1562" s="3">
        <v>44770</v>
      </c>
      <c r="O1562" s="3">
        <v>44770</v>
      </c>
      <c r="P1562" s="3">
        <v>46660</v>
      </c>
    </row>
    <row r="1563" spans="1:16" x14ac:dyDescent="0.15">
      <c r="A1563" s="2" t="s">
        <v>49</v>
      </c>
      <c r="B1563" s="2" t="s">
        <v>5825</v>
      </c>
      <c r="C1563" s="4" t="s">
        <v>6</v>
      </c>
      <c r="D1563" s="5" t="s">
        <v>608</v>
      </c>
      <c r="E1563" s="5" t="s">
        <v>5826</v>
      </c>
      <c r="F1563" s="6" t="s">
        <v>5827</v>
      </c>
      <c r="G1563" s="2"/>
      <c r="H1563" s="4"/>
      <c r="I1563" s="5"/>
      <c r="J1563" s="5"/>
      <c r="K1563" s="5"/>
      <c r="L1563" s="6"/>
      <c r="M1563" s="2" t="s">
        <v>5828</v>
      </c>
      <c r="N1563" s="3">
        <v>44757</v>
      </c>
      <c r="O1563" s="3">
        <v>44757</v>
      </c>
      <c r="P1563" s="3">
        <v>47087</v>
      </c>
    </row>
    <row r="1564" spans="1:16" x14ac:dyDescent="0.15">
      <c r="A1564" s="2" t="s">
        <v>49</v>
      </c>
      <c r="B1564" s="2" t="s">
        <v>9181</v>
      </c>
      <c r="C1564" s="4" t="s">
        <v>6</v>
      </c>
      <c r="D1564" s="5" t="s">
        <v>9171</v>
      </c>
      <c r="E1564" s="5" t="s">
        <v>9172</v>
      </c>
      <c r="F1564" s="6" t="s">
        <v>5</v>
      </c>
      <c r="G1564" s="2" t="s">
        <v>9170</v>
      </c>
      <c r="H1564" s="4" t="s">
        <v>9</v>
      </c>
      <c r="I1564" s="5" t="s">
        <v>6</v>
      </c>
      <c r="J1564" s="5" t="s">
        <v>9171</v>
      </c>
      <c r="K1564" s="5" t="s">
        <v>9172</v>
      </c>
      <c r="L1564" s="6" t="s">
        <v>5</v>
      </c>
      <c r="M1564" s="2" t="s">
        <v>9182</v>
      </c>
      <c r="N1564" s="3">
        <v>31590</v>
      </c>
      <c r="O1564" s="3">
        <v>45231</v>
      </c>
      <c r="P1564" s="3">
        <v>47057</v>
      </c>
    </row>
    <row r="1565" spans="1:16" x14ac:dyDescent="0.15">
      <c r="A1565" s="2" t="s">
        <v>49</v>
      </c>
      <c r="B1565" s="2" t="s">
        <v>9197</v>
      </c>
      <c r="C1565" s="4" t="s">
        <v>6</v>
      </c>
      <c r="D1565" s="5" t="s">
        <v>8812</v>
      </c>
      <c r="E1565" s="5" t="s">
        <v>9198</v>
      </c>
      <c r="F1565" s="6" t="s">
        <v>5</v>
      </c>
      <c r="G1565" s="2" t="s">
        <v>9195</v>
      </c>
      <c r="H1565" s="4" t="s">
        <v>9</v>
      </c>
      <c r="I1565" s="5" t="s">
        <v>6</v>
      </c>
      <c r="J1565" s="5" t="s">
        <v>8812</v>
      </c>
      <c r="K1565" s="5" t="s">
        <v>9196</v>
      </c>
      <c r="L1565" s="6" t="s">
        <v>5</v>
      </c>
      <c r="M1565" s="2" t="s">
        <v>9199</v>
      </c>
      <c r="N1565" s="3">
        <v>38824</v>
      </c>
      <c r="O1565" s="3">
        <v>45200</v>
      </c>
      <c r="P1565" s="3">
        <v>47391</v>
      </c>
    </row>
    <row r="1566" spans="1:16" x14ac:dyDescent="0.15">
      <c r="A1566" s="2" t="s">
        <v>49</v>
      </c>
      <c r="B1566" s="2" t="s">
        <v>5834</v>
      </c>
      <c r="C1566" s="4" t="s">
        <v>6</v>
      </c>
      <c r="D1566" s="5" t="s">
        <v>45</v>
      </c>
      <c r="E1566" s="5" t="s">
        <v>5835</v>
      </c>
      <c r="F1566" s="6" t="s">
        <v>5836</v>
      </c>
      <c r="G1566" s="2"/>
      <c r="H1566" s="4"/>
      <c r="I1566" s="5"/>
      <c r="J1566" s="5"/>
      <c r="K1566" s="5"/>
      <c r="L1566" s="6"/>
      <c r="M1566" s="2" t="s">
        <v>5837</v>
      </c>
      <c r="N1566" s="3">
        <v>45156</v>
      </c>
      <c r="O1566" s="3">
        <v>45156</v>
      </c>
      <c r="P1566" s="3">
        <v>45521</v>
      </c>
    </row>
    <row r="1567" spans="1:16" x14ac:dyDescent="0.15">
      <c r="A1567" s="2" t="s">
        <v>49</v>
      </c>
      <c r="B1567" s="2" t="s">
        <v>9207</v>
      </c>
      <c r="C1567" s="4" t="s">
        <v>6</v>
      </c>
      <c r="D1567" s="5" t="s">
        <v>389</v>
      </c>
      <c r="E1567" s="5" t="s">
        <v>9208</v>
      </c>
      <c r="F1567" s="6" t="s">
        <v>9209</v>
      </c>
      <c r="G1567" s="2" t="s">
        <v>9205</v>
      </c>
      <c r="H1567" s="4" t="s">
        <v>9</v>
      </c>
      <c r="I1567" s="5" t="s">
        <v>6</v>
      </c>
      <c r="J1567" s="5" t="s">
        <v>5049</v>
      </c>
      <c r="K1567" s="5" t="s">
        <v>9206</v>
      </c>
      <c r="L1567" s="6" t="s">
        <v>5</v>
      </c>
      <c r="M1567" s="2" t="s">
        <v>9210</v>
      </c>
      <c r="N1567" s="3">
        <v>45179</v>
      </c>
      <c r="O1567" s="3">
        <v>45179</v>
      </c>
      <c r="P1567" s="3">
        <v>47299</v>
      </c>
    </row>
    <row r="1568" spans="1:16" x14ac:dyDescent="0.15">
      <c r="A1568" s="2" t="s">
        <v>49</v>
      </c>
      <c r="B1568" s="2" t="s">
        <v>5844</v>
      </c>
      <c r="C1568" s="4" t="s">
        <v>6</v>
      </c>
      <c r="D1568" s="5" t="s">
        <v>2568</v>
      </c>
      <c r="E1568" s="5" t="s">
        <v>5842</v>
      </c>
      <c r="F1568" s="6" t="s">
        <v>5</v>
      </c>
      <c r="G1568" s="2"/>
      <c r="H1568" s="4"/>
      <c r="I1568" s="5"/>
      <c r="J1568" s="5"/>
      <c r="K1568" s="5"/>
      <c r="L1568" s="6"/>
      <c r="M1568" s="2" t="s">
        <v>5845</v>
      </c>
      <c r="N1568" s="3">
        <v>44767</v>
      </c>
      <c r="O1568" s="3">
        <v>44767</v>
      </c>
      <c r="P1568" s="3">
        <v>47208</v>
      </c>
    </row>
    <row r="1569" spans="1:16" x14ac:dyDescent="0.15">
      <c r="A1569" s="2" t="s">
        <v>49</v>
      </c>
      <c r="B1569" s="2" t="s">
        <v>5847</v>
      </c>
      <c r="C1569" s="4" t="s">
        <v>6</v>
      </c>
      <c r="D1569" s="5" t="s">
        <v>111</v>
      </c>
      <c r="E1569" s="5" t="s">
        <v>2719</v>
      </c>
      <c r="F1569" s="6" t="s">
        <v>5</v>
      </c>
      <c r="G1569" s="2"/>
      <c r="H1569" s="4"/>
      <c r="I1569" s="5"/>
      <c r="J1569" s="5"/>
      <c r="K1569" s="5"/>
      <c r="L1569" s="6"/>
      <c r="M1569" s="2" t="s">
        <v>5848</v>
      </c>
      <c r="N1569" s="3">
        <v>44783</v>
      </c>
      <c r="O1569" s="3">
        <v>44783</v>
      </c>
      <c r="P1569" s="3">
        <v>46691</v>
      </c>
    </row>
    <row r="1570" spans="1:16" x14ac:dyDescent="0.15">
      <c r="A1570" s="2" t="s">
        <v>49</v>
      </c>
      <c r="B1570" s="2" t="s">
        <v>9236</v>
      </c>
      <c r="C1570" s="4" t="s">
        <v>6</v>
      </c>
      <c r="D1570" s="5" t="s">
        <v>6228</v>
      </c>
      <c r="E1570" s="5" t="s">
        <v>9237</v>
      </c>
      <c r="F1570" s="6" t="s">
        <v>5</v>
      </c>
      <c r="G1570" s="2" t="s">
        <v>9234</v>
      </c>
      <c r="H1570" s="4" t="s">
        <v>9</v>
      </c>
      <c r="I1570" s="5" t="s">
        <v>6</v>
      </c>
      <c r="J1570" s="5" t="s">
        <v>6228</v>
      </c>
      <c r="K1570" s="5" t="s">
        <v>9235</v>
      </c>
      <c r="L1570" s="6" t="s">
        <v>5</v>
      </c>
      <c r="M1570" s="2" t="s">
        <v>9238</v>
      </c>
      <c r="N1570" s="3">
        <v>42971</v>
      </c>
      <c r="O1570" s="3">
        <v>45231</v>
      </c>
      <c r="P1570" s="3">
        <v>47422</v>
      </c>
    </row>
    <row r="1571" spans="1:16" x14ac:dyDescent="0.15">
      <c r="A1571" s="2" t="s">
        <v>49</v>
      </c>
      <c r="B1571" s="2" t="s">
        <v>5854</v>
      </c>
      <c r="C1571" s="4" t="s">
        <v>6</v>
      </c>
      <c r="D1571" s="5" t="s">
        <v>1436</v>
      </c>
      <c r="E1571" s="5" t="s">
        <v>5853</v>
      </c>
      <c r="F1571" s="6" t="s">
        <v>5</v>
      </c>
      <c r="G1571" s="2"/>
      <c r="H1571" s="4"/>
      <c r="I1571" s="5"/>
      <c r="J1571" s="5"/>
      <c r="K1571" s="5"/>
      <c r="L1571" s="6"/>
      <c r="M1571" s="2" t="s">
        <v>5855</v>
      </c>
      <c r="N1571" s="3">
        <v>40369</v>
      </c>
      <c r="O1571" s="3">
        <v>44835</v>
      </c>
      <c r="P1571" s="3">
        <v>47026</v>
      </c>
    </row>
    <row r="1572" spans="1:16" x14ac:dyDescent="0.15">
      <c r="A1572" s="2" t="s">
        <v>49</v>
      </c>
      <c r="B1572" s="2" t="s">
        <v>9247</v>
      </c>
      <c r="C1572" s="4" t="s">
        <v>6</v>
      </c>
      <c r="D1572" s="5" t="s">
        <v>3365</v>
      </c>
      <c r="E1572" s="5" t="s">
        <v>9246</v>
      </c>
      <c r="F1572" s="6" t="s">
        <v>5</v>
      </c>
      <c r="G1572" s="2" t="s">
        <v>9245</v>
      </c>
      <c r="H1572" s="4" t="s">
        <v>9</v>
      </c>
      <c r="I1572" s="5" t="s">
        <v>6</v>
      </c>
      <c r="J1572" s="5" t="s">
        <v>3365</v>
      </c>
      <c r="K1572" s="5" t="s">
        <v>9246</v>
      </c>
      <c r="L1572" s="6" t="s">
        <v>5</v>
      </c>
      <c r="M1572" s="2" t="s">
        <v>9248</v>
      </c>
      <c r="N1572" s="3">
        <v>45170</v>
      </c>
      <c r="O1572" s="3">
        <v>45170</v>
      </c>
      <c r="P1572" s="3">
        <v>47573</v>
      </c>
    </row>
    <row r="1573" spans="1:16" x14ac:dyDescent="0.15">
      <c r="A1573" s="2" t="s">
        <v>49</v>
      </c>
      <c r="B1573" s="2" t="s">
        <v>5862</v>
      </c>
      <c r="C1573" s="4" t="s">
        <v>6</v>
      </c>
      <c r="D1573" s="5" t="s">
        <v>5863</v>
      </c>
      <c r="E1573" s="5" t="s">
        <v>5864</v>
      </c>
      <c r="F1573" s="6" t="s">
        <v>5</v>
      </c>
      <c r="G1573" s="2"/>
      <c r="H1573" s="4"/>
      <c r="I1573" s="5"/>
      <c r="J1573" s="5"/>
      <c r="K1573" s="5"/>
      <c r="L1573" s="6"/>
      <c r="M1573" s="2" t="s">
        <v>5865</v>
      </c>
      <c r="N1573" s="3">
        <v>35772</v>
      </c>
      <c r="O1573" s="3">
        <v>44835</v>
      </c>
      <c r="P1573" s="3">
        <v>46660</v>
      </c>
    </row>
    <row r="1574" spans="1:16" x14ac:dyDescent="0.15">
      <c r="A1574" s="2" t="s">
        <v>49</v>
      </c>
      <c r="B1574" s="2" t="s">
        <v>9296</v>
      </c>
      <c r="C1574" s="4" t="s">
        <v>6</v>
      </c>
      <c r="D1574" s="5" t="s">
        <v>45</v>
      </c>
      <c r="E1574" s="5" t="s">
        <v>1255</v>
      </c>
      <c r="F1574" s="6" t="s">
        <v>9297</v>
      </c>
      <c r="G1574" s="2" t="s">
        <v>9292</v>
      </c>
      <c r="H1574" s="4" t="s">
        <v>9293</v>
      </c>
      <c r="I1574" s="5" t="s">
        <v>9294</v>
      </c>
      <c r="J1574" s="5" t="s">
        <v>9295</v>
      </c>
      <c r="K1574" s="5" t="s">
        <v>7625</v>
      </c>
      <c r="L1574" s="6" t="s">
        <v>5</v>
      </c>
      <c r="M1574" s="2" t="s">
        <v>9298</v>
      </c>
      <c r="N1574" s="3">
        <v>45200</v>
      </c>
      <c r="O1574" s="3">
        <v>45200</v>
      </c>
      <c r="P1574" s="3">
        <v>47452</v>
      </c>
    </row>
    <row r="1575" spans="1:16" x14ac:dyDescent="0.15">
      <c r="A1575" s="2" t="s">
        <v>49</v>
      </c>
      <c r="B1575" s="2" t="s">
        <v>9316</v>
      </c>
      <c r="C1575" s="4" t="s">
        <v>6</v>
      </c>
      <c r="D1575" s="5" t="s">
        <v>1037</v>
      </c>
      <c r="E1575" s="5" t="s">
        <v>7606</v>
      </c>
      <c r="F1575" s="6" t="s">
        <v>5</v>
      </c>
      <c r="G1575" s="2" t="s">
        <v>9315</v>
      </c>
      <c r="H1575" s="4" t="s">
        <v>9</v>
      </c>
      <c r="I1575" s="5" t="s">
        <v>6</v>
      </c>
      <c r="J1575" s="5" t="s">
        <v>1037</v>
      </c>
      <c r="K1575" s="5" t="s">
        <v>7606</v>
      </c>
      <c r="L1575" s="6" t="s">
        <v>5</v>
      </c>
      <c r="M1575" s="2" t="s">
        <v>9317</v>
      </c>
      <c r="N1575" s="3">
        <v>40564</v>
      </c>
      <c r="O1575" s="3">
        <v>45231</v>
      </c>
      <c r="P1575" s="3">
        <v>47422</v>
      </c>
    </row>
    <row r="1576" spans="1:16" x14ac:dyDescent="0.15">
      <c r="A1576" s="2" t="s">
        <v>49</v>
      </c>
      <c r="B1576" s="2" t="s">
        <v>5873</v>
      </c>
      <c r="C1576" s="4" t="s">
        <v>6</v>
      </c>
      <c r="D1576" s="5" t="s">
        <v>5872</v>
      </c>
      <c r="E1576" s="5" t="s">
        <v>5</v>
      </c>
      <c r="F1576" s="6" t="s">
        <v>5</v>
      </c>
      <c r="G1576" s="2"/>
      <c r="H1576" s="4"/>
      <c r="I1576" s="5"/>
      <c r="J1576" s="5"/>
      <c r="K1576" s="5"/>
      <c r="L1576" s="6"/>
      <c r="M1576" s="2" t="s">
        <v>5874</v>
      </c>
      <c r="N1576" s="3">
        <v>37493</v>
      </c>
      <c r="O1576" s="3">
        <v>44835</v>
      </c>
      <c r="P1576" s="3">
        <v>46660</v>
      </c>
    </row>
    <row r="1577" spans="1:16" x14ac:dyDescent="0.15">
      <c r="A1577" s="2" t="s">
        <v>49</v>
      </c>
      <c r="B1577" s="2" t="s">
        <v>5875</v>
      </c>
      <c r="C1577" s="4" t="s">
        <v>6</v>
      </c>
      <c r="D1577" s="5" t="s">
        <v>456</v>
      </c>
      <c r="E1577" s="5" t="s">
        <v>520</v>
      </c>
      <c r="F1577" s="6" t="s">
        <v>5</v>
      </c>
      <c r="G1577" s="2"/>
      <c r="H1577" s="4"/>
      <c r="I1577" s="5"/>
      <c r="J1577" s="5"/>
      <c r="K1577" s="5"/>
      <c r="L1577" s="6"/>
      <c r="M1577" s="2" t="s">
        <v>5876</v>
      </c>
      <c r="N1577" s="3">
        <v>44764</v>
      </c>
      <c r="O1577" s="3">
        <v>44764</v>
      </c>
      <c r="P1577" s="3">
        <v>46904</v>
      </c>
    </row>
    <row r="1578" spans="1:16" x14ac:dyDescent="0.15">
      <c r="A1578" s="2" t="s">
        <v>49</v>
      </c>
      <c r="B1578" s="2" t="s">
        <v>5877</v>
      </c>
      <c r="C1578" s="4" t="s">
        <v>6</v>
      </c>
      <c r="D1578" s="5" t="s">
        <v>2956</v>
      </c>
      <c r="E1578" s="5" t="s">
        <v>5878</v>
      </c>
      <c r="F1578" s="6" t="s">
        <v>5</v>
      </c>
      <c r="G1578" s="2"/>
      <c r="H1578" s="4"/>
      <c r="I1578" s="5"/>
      <c r="J1578" s="5"/>
      <c r="K1578" s="5"/>
      <c r="L1578" s="6"/>
      <c r="M1578" s="2" t="s">
        <v>5879</v>
      </c>
      <c r="N1578" s="3">
        <v>44781</v>
      </c>
      <c r="O1578" s="3">
        <v>44781</v>
      </c>
      <c r="P1578" s="3">
        <v>46721</v>
      </c>
    </row>
    <row r="1579" spans="1:16" x14ac:dyDescent="0.15">
      <c r="A1579" s="2" t="s">
        <v>49</v>
      </c>
      <c r="B1579" s="2" t="s">
        <v>5880</v>
      </c>
      <c r="C1579" s="4" t="s">
        <v>6</v>
      </c>
      <c r="D1579" s="5" t="s">
        <v>608</v>
      </c>
      <c r="E1579" s="5" t="s">
        <v>5826</v>
      </c>
      <c r="F1579" s="6" t="s">
        <v>5881</v>
      </c>
      <c r="G1579" s="2"/>
      <c r="H1579" s="4"/>
      <c r="I1579" s="5"/>
      <c r="J1579" s="5"/>
      <c r="K1579" s="5"/>
      <c r="L1579" s="6"/>
      <c r="M1579" s="2" t="s">
        <v>5882</v>
      </c>
      <c r="N1579" s="3">
        <v>44778</v>
      </c>
      <c r="O1579" s="3">
        <v>44778</v>
      </c>
      <c r="P1579" s="3">
        <v>47087</v>
      </c>
    </row>
    <row r="1580" spans="1:16" x14ac:dyDescent="0.15">
      <c r="A1580" s="2" t="s">
        <v>49</v>
      </c>
      <c r="B1580" s="2" t="s">
        <v>9335</v>
      </c>
      <c r="C1580" s="4" t="s">
        <v>6</v>
      </c>
      <c r="D1580" s="5" t="s">
        <v>6270</v>
      </c>
      <c r="E1580" s="5" t="s">
        <v>9336</v>
      </c>
      <c r="F1580" s="6" t="s">
        <v>5</v>
      </c>
      <c r="G1580" s="2" t="s">
        <v>3283</v>
      </c>
      <c r="H1580" s="4" t="s">
        <v>9</v>
      </c>
      <c r="I1580" s="5" t="s">
        <v>6</v>
      </c>
      <c r="J1580" s="5" t="s">
        <v>500</v>
      </c>
      <c r="K1580" s="5" t="s">
        <v>9334</v>
      </c>
      <c r="L1580" s="6" t="s">
        <v>5</v>
      </c>
      <c r="M1580" s="2" t="s">
        <v>9337</v>
      </c>
      <c r="N1580" s="3">
        <v>42937</v>
      </c>
      <c r="O1580" s="3">
        <v>45200</v>
      </c>
      <c r="P1580" s="3">
        <v>47391</v>
      </c>
    </row>
    <row r="1581" spans="1:16" x14ac:dyDescent="0.15">
      <c r="A1581" s="2" t="s">
        <v>49</v>
      </c>
      <c r="B1581" s="2" t="s">
        <v>5886</v>
      </c>
      <c r="C1581" s="4" t="s">
        <v>6</v>
      </c>
      <c r="D1581" s="5" t="s">
        <v>5887</v>
      </c>
      <c r="E1581" s="5" t="s">
        <v>2071</v>
      </c>
      <c r="F1581" s="6" t="s">
        <v>5</v>
      </c>
      <c r="G1581" s="2"/>
      <c r="H1581" s="4"/>
      <c r="I1581" s="5"/>
      <c r="J1581" s="5"/>
      <c r="K1581" s="5"/>
      <c r="L1581" s="6"/>
      <c r="M1581" s="2" t="s">
        <v>5888</v>
      </c>
      <c r="N1581" s="3">
        <v>32841</v>
      </c>
      <c r="O1581" s="3">
        <v>44835</v>
      </c>
      <c r="P1581" s="3">
        <v>46660</v>
      </c>
    </row>
    <row r="1582" spans="1:16" x14ac:dyDescent="0.15">
      <c r="A1582" s="2" t="s">
        <v>49</v>
      </c>
      <c r="B1582" s="2" t="s">
        <v>5891</v>
      </c>
      <c r="C1582" s="4" t="s">
        <v>6</v>
      </c>
      <c r="D1582" s="5" t="s">
        <v>5889</v>
      </c>
      <c r="E1582" s="5" t="s">
        <v>5890</v>
      </c>
      <c r="F1582" s="6" t="s">
        <v>5</v>
      </c>
      <c r="G1582" s="2"/>
      <c r="H1582" s="4"/>
      <c r="I1582" s="5"/>
      <c r="J1582" s="5"/>
      <c r="K1582" s="5"/>
      <c r="L1582" s="6"/>
      <c r="M1582" s="2" t="s">
        <v>5892</v>
      </c>
      <c r="N1582" s="3">
        <v>39165</v>
      </c>
      <c r="O1582" s="3">
        <v>44835</v>
      </c>
      <c r="P1582" s="3">
        <v>46660</v>
      </c>
    </row>
    <row r="1583" spans="1:16" x14ac:dyDescent="0.15">
      <c r="A1583" s="2" t="s">
        <v>49</v>
      </c>
      <c r="B1583" s="2" t="s">
        <v>9350</v>
      </c>
      <c r="C1583" s="4" t="s">
        <v>6</v>
      </c>
      <c r="D1583" s="5" t="s">
        <v>179</v>
      </c>
      <c r="E1583" s="5" t="s">
        <v>180</v>
      </c>
      <c r="F1583" s="6" t="s">
        <v>9351</v>
      </c>
      <c r="G1583" s="2" t="s">
        <v>9347</v>
      </c>
      <c r="H1583" s="4" t="s">
        <v>9</v>
      </c>
      <c r="I1583" s="5" t="s">
        <v>58</v>
      </c>
      <c r="J1583" s="5" t="s">
        <v>9348</v>
      </c>
      <c r="K1583" s="5" t="s">
        <v>9349</v>
      </c>
      <c r="L1583" s="6" t="s">
        <v>5</v>
      </c>
      <c r="M1583" s="2" t="s">
        <v>9352</v>
      </c>
      <c r="N1583" s="3">
        <v>42649</v>
      </c>
      <c r="O1583" s="3">
        <v>45200</v>
      </c>
      <c r="P1583" s="3">
        <v>47391</v>
      </c>
    </row>
    <row r="1584" spans="1:16" x14ac:dyDescent="0.15">
      <c r="A1584" s="2" t="s">
        <v>486</v>
      </c>
      <c r="B1584" s="2" t="s">
        <v>5898</v>
      </c>
      <c r="C1584" s="4" t="s">
        <v>6</v>
      </c>
      <c r="D1584" s="5" t="s">
        <v>5897</v>
      </c>
      <c r="E1584" s="5" t="s">
        <v>5899</v>
      </c>
      <c r="F1584" s="6" t="s">
        <v>5</v>
      </c>
      <c r="G1584" s="2"/>
      <c r="H1584" s="4"/>
      <c r="I1584" s="5"/>
      <c r="J1584" s="5"/>
      <c r="K1584" s="5"/>
      <c r="L1584" s="6"/>
      <c r="M1584" s="2" t="s">
        <v>5900</v>
      </c>
      <c r="N1584" s="3">
        <v>44770</v>
      </c>
      <c r="O1584" s="3">
        <v>44770</v>
      </c>
      <c r="P1584" s="3">
        <v>46691</v>
      </c>
    </row>
    <row r="1585" spans="1:16" x14ac:dyDescent="0.15">
      <c r="A1585" s="2" t="s">
        <v>49</v>
      </c>
      <c r="B1585" s="2" t="s">
        <v>7203</v>
      </c>
      <c r="C1585" s="4" t="s">
        <v>6</v>
      </c>
      <c r="D1585" s="5" t="s">
        <v>179</v>
      </c>
      <c r="E1585" s="5" t="s">
        <v>180</v>
      </c>
      <c r="F1585" s="6" t="s">
        <v>792</v>
      </c>
      <c r="G1585" s="2" t="s">
        <v>9347</v>
      </c>
      <c r="H1585" s="4" t="s">
        <v>9</v>
      </c>
      <c r="I1585" s="5" t="s">
        <v>58</v>
      </c>
      <c r="J1585" s="5" t="s">
        <v>9348</v>
      </c>
      <c r="K1585" s="5" t="s">
        <v>9349</v>
      </c>
      <c r="L1585" s="6" t="s">
        <v>5</v>
      </c>
      <c r="M1585" s="2" t="s">
        <v>9353</v>
      </c>
      <c r="N1585" s="3">
        <v>36805</v>
      </c>
      <c r="O1585" s="3">
        <v>45200</v>
      </c>
      <c r="P1585" s="3">
        <v>47391</v>
      </c>
    </row>
    <row r="1586" spans="1:16" x14ac:dyDescent="0.15">
      <c r="A1586" s="2" t="s">
        <v>49</v>
      </c>
      <c r="B1586" s="2" t="s">
        <v>9363</v>
      </c>
      <c r="C1586" s="4" t="s">
        <v>6</v>
      </c>
      <c r="D1586" s="5" t="s">
        <v>2705</v>
      </c>
      <c r="E1586" s="5" t="s">
        <v>9364</v>
      </c>
      <c r="F1586" s="6" t="s">
        <v>5</v>
      </c>
      <c r="G1586" s="2" t="s">
        <v>9361</v>
      </c>
      <c r="H1586" s="4" t="s">
        <v>9</v>
      </c>
      <c r="I1586" s="5" t="s">
        <v>6</v>
      </c>
      <c r="J1586" s="5" t="s">
        <v>2705</v>
      </c>
      <c r="K1586" s="5" t="s">
        <v>9362</v>
      </c>
      <c r="L1586" s="6" t="s">
        <v>5</v>
      </c>
      <c r="M1586" s="2" t="s">
        <v>9365</v>
      </c>
      <c r="N1586" s="3">
        <v>32483</v>
      </c>
      <c r="O1586" s="3">
        <v>45231</v>
      </c>
      <c r="P1586" s="3">
        <v>47422</v>
      </c>
    </row>
    <row r="1587" spans="1:16" x14ac:dyDescent="0.15">
      <c r="A1587" s="2" t="s">
        <v>49</v>
      </c>
      <c r="B1587" s="2" t="s">
        <v>5911</v>
      </c>
      <c r="C1587" s="4" t="s">
        <v>6</v>
      </c>
      <c r="D1587" s="5" t="s">
        <v>179</v>
      </c>
      <c r="E1587" s="5" t="s">
        <v>5910</v>
      </c>
      <c r="F1587" s="6" t="s">
        <v>5</v>
      </c>
      <c r="G1587" s="2"/>
      <c r="H1587" s="4"/>
      <c r="I1587" s="5"/>
      <c r="J1587" s="5"/>
      <c r="K1587" s="5"/>
      <c r="L1587" s="6"/>
      <c r="M1587" s="2" t="s">
        <v>5912</v>
      </c>
      <c r="N1587" s="3">
        <v>37524</v>
      </c>
      <c r="O1587" s="3">
        <v>44835</v>
      </c>
      <c r="P1587" s="3">
        <v>46660</v>
      </c>
    </row>
    <row r="1588" spans="1:16" x14ac:dyDescent="0.15">
      <c r="A1588" s="2" t="s">
        <v>49</v>
      </c>
      <c r="B1588" s="2" t="s">
        <v>5913</v>
      </c>
      <c r="C1588" s="4" t="s">
        <v>6</v>
      </c>
      <c r="D1588" s="5" t="s">
        <v>1027</v>
      </c>
      <c r="E1588" s="5" t="s">
        <v>2818</v>
      </c>
      <c r="F1588" s="6" t="s">
        <v>5914</v>
      </c>
      <c r="G1588" s="2"/>
      <c r="H1588" s="4"/>
      <c r="I1588" s="5"/>
      <c r="J1588" s="5"/>
      <c r="K1588" s="5"/>
      <c r="L1588" s="6"/>
      <c r="M1588" s="2" t="s">
        <v>5915</v>
      </c>
      <c r="N1588" s="3">
        <v>44781</v>
      </c>
      <c r="O1588" s="3">
        <v>44781</v>
      </c>
      <c r="P1588" s="3">
        <v>46721</v>
      </c>
    </row>
    <row r="1589" spans="1:16" x14ac:dyDescent="0.15">
      <c r="A1589" s="2" t="s">
        <v>49</v>
      </c>
      <c r="B1589" s="2" t="s">
        <v>5917</v>
      </c>
      <c r="C1589" s="4" t="s">
        <v>6</v>
      </c>
      <c r="D1589" s="5" t="s">
        <v>848</v>
      </c>
      <c r="E1589" s="5" t="s">
        <v>5918</v>
      </c>
      <c r="F1589" s="6" t="s">
        <v>5919</v>
      </c>
      <c r="G1589" s="2"/>
      <c r="H1589" s="4"/>
      <c r="I1589" s="5"/>
      <c r="J1589" s="5"/>
      <c r="K1589" s="5"/>
      <c r="L1589" s="6"/>
      <c r="M1589" s="2" t="s">
        <v>5920</v>
      </c>
      <c r="N1589" s="3">
        <v>44771</v>
      </c>
      <c r="O1589" s="3">
        <v>44771</v>
      </c>
      <c r="P1589" s="3">
        <v>47269</v>
      </c>
    </row>
    <row r="1590" spans="1:16" x14ac:dyDescent="0.15">
      <c r="A1590" s="2" t="s">
        <v>66</v>
      </c>
      <c r="B1590" s="2" t="s">
        <v>5922</v>
      </c>
      <c r="C1590" s="4" t="s">
        <v>6</v>
      </c>
      <c r="D1590" s="5" t="s">
        <v>3116</v>
      </c>
      <c r="E1590" s="5" t="s">
        <v>5921</v>
      </c>
      <c r="F1590" s="6" t="s">
        <v>5</v>
      </c>
      <c r="G1590" s="2"/>
      <c r="H1590" s="4"/>
      <c r="I1590" s="5"/>
      <c r="J1590" s="5"/>
      <c r="K1590" s="5"/>
      <c r="L1590" s="6"/>
      <c r="M1590" s="2" t="s">
        <v>5923</v>
      </c>
      <c r="N1590" s="3">
        <v>35236</v>
      </c>
      <c r="O1590" s="3">
        <v>44835</v>
      </c>
      <c r="P1590" s="3">
        <v>47026</v>
      </c>
    </row>
    <row r="1591" spans="1:16" x14ac:dyDescent="0.15">
      <c r="A1591" s="2" t="s">
        <v>49</v>
      </c>
      <c r="B1591" s="2" t="s">
        <v>5924</v>
      </c>
      <c r="C1591" s="4" t="s">
        <v>6</v>
      </c>
      <c r="D1591" s="5" t="s">
        <v>230</v>
      </c>
      <c r="E1591" s="5" t="s">
        <v>2260</v>
      </c>
      <c r="F1591" s="6" t="s">
        <v>5</v>
      </c>
      <c r="G1591" s="2"/>
      <c r="H1591" s="4"/>
      <c r="I1591" s="5"/>
      <c r="J1591" s="5"/>
      <c r="K1591" s="5"/>
      <c r="L1591" s="6"/>
      <c r="M1591" s="2" t="s">
        <v>5925</v>
      </c>
      <c r="N1591" s="3">
        <v>42488</v>
      </c>
      <c r="O1591" s="3">
        <v>44835</v>
      </c>
      <c r="P1591" s="3">
        <v>47026</v>
      </c>
    </row>
    <row r="1592" spans="1:16" x14ac:dyDescent="0.15">
      <c r="A1592" s="2" t="s">
        <v>660</v>
      </c>
      <c r="B1592" s="2" t="s">
        <v>5926</v>
      </c>
      <c r="C1592" s="4" t="s">
        <v>6</v>
      </c>
      <c r="D1592" s="5" t="s">
        <v>5927</v>
      </c>
      <c r="E1592" s="5" t="s">
        <v>5928</v>
      </c>
      <c r="F1592" s="6" t="s">
        <v>5</v>
      </c>
      <c r="G1592" s="2" t="s">
        <v>5926</v>
      </c>
      <c r="H1592" s="4" t="s">
        <v>9</v>
      </c>
      <c r="I1592" s="5" t="s">
        <v>6</v>
      </c>
      <c r="J1592" s="5" t="s">
        <v>5927</v>
      </c>
      <c r="K1592" s="5" t="s">
        <v>5928</v>
      </c>
      <c r="L1592" s="6" t="s">
        <v>5</v>
      </c>
      <c r="M1592" s="2" t="s">
        <v>5929</v>
      </c>
      <c r="N1592" s="3">
        <v>39303</v>
      </c>
      <c r="O1592" s="3">
        <v>44835</v>
      </c>
      <c r="P1592" s="3">
        <v>46660</v>
      </c>
    </row>
    <row r="1593" spans="1:16" x14ac:dyDescent="0.15">
      <c r="A1593" s="2" t="s">
        <v>49</v>
      </c>
      <c r="B1593" s="2" t="s">
        <v>5931</v>
      </c>
      <c r="C1593" s="4" t="s">
        <v>6</v>
      </c>
      <c r="D1593" s="5" t="s">
        <v>434</v>
      </c>
      <c r="E1593" s="5" t="s">
        <v>5932</v>
      </c>
      <c r="F1593" s="6" t="s">
        <v>5</v>
      </c>
      <c r="G1593" s="2"/>
      <c r="H1593" s="4"/>
      <c r="I1593" s="5"/>
      <c r="J1593" s="5"/>
      <c r="K1593" s="5"/>
      <c r="L1593" s="6"/>
      <c r="M1593" s="2" t="s">
        <v>5933</v>
      </c>
      <c r="N1593" s="3">
        <v>44788</v>
      </c>
      <c r="O1593" s="3">
        <v>44788</v>
      </c>
      <c r="P1593" s="3">
        <v>46691</v>
      </c>
    </row>
    <row r="1594" spans="1:16" x14ac:dyDescent="0.15">
      <c r="A1594" s="2" t="s">
        <v>49</v>
      </c>
      <c r="B1594" s="2" t="s">
        <v>9366</v>
      </c>
      <c r="C1594" s="4" t="s">
        <v>6</v>
      </c>
      <c r="D1594" s="5" t="s">
        <v>9367</v>
      </c>
      <c r="E1594" s="5" t="s">
        <v>5</v>
      </c>
      <c r="F1594" s="6" t="s">
        <v>5</v>
      </c>
      <c r="G1594" s="2" t="s">
        <v>9361</v>
      </c>
      <c r="H1594" s="4" t="s">
        <v>9</v>
      </c>
      <c r="I1594" s="5" t="s">
        <v>6</v>
      </c>
      <c r="J1594" s="5" t="s">
        <v>2705</v>
      </c>
      <c r="K1594" s="5" t="s">
        <v>9362</v>
      </c>
      <c r="L1594" s="6" t="s">
        <v>5</v>
      </c>
      <c r="M1594" s="2" t="s">
        <v>9368</v>
      </c>
      <c r="N1594" s="3">
        <v>36004</v>
      </c>
      <c r="O1594" s="3">
        <v>45261</v>
      </c>
      <c r="P1594" s="3">
        <v>47087</v>
      </c>
    </row>
    <row r="1595" spans="1:16" x14ac:dyDescent="0.15">
      <c r="A1595" s="2" t="s">
        <v>49</v>
      </c>
      <c r="B1595" s="2" t="s">
        <v>5939</v>
      </c>
      <c r="C1595" s="4" t="s">
        <v>6</v>
      </c>
      <c r="D1595" s="5" t="s">
        <v>1027</v>
      </c>
      <c r="E1595" s="5" t="s">
        <v>2818</v>
      </c>
      <c r="F1595" s="6" t="s">
        <v>5940</v>
      </c>
      <c r="G1595" s="2"/>
      <c r="H1595" s="4"/>
      <c r="I1595" s="5"/>
      <c r="J1595" s="5"/>
      <c r="K1595" s="5"/>
      <c r="L1595" s="6"/>
      <c r="M1595" s="2" t="s">
        <v>5941</v>
      </c>
      <c r="N1595" s="3">
        <v>44778</v>
      </c>
      <c r="O1595" s="3">
        <v>44778</v>
      </c>
      <c r="P1595" s="3">
        <v>46721</v>
      </c>
    </row>
    <row r="1596" spans="1:16" x14ac:dyDescent="0.15">
      <c r="A1596" s="2" t="s">
        <v>49</v>
      </c>
      <c r="B1596" s="2" t="s">
        <v>9369</v>
      </c>
      <c r="C1596" s="4" t="s">
        <v>6</v>
      </c>
      <c r="D1596" s="5" t="s">
        <v>9370</v>
      </c>
      <c r="E1596" s="5" t="s">
        <v>5</v>
      </c>
      <c r="F1596" s="6" t="s">
        <v>5</v>
      </c>
      <c r="G1596" s="2" t="s">
        <v>9361</v>
      </c>
      <c r="H1596" s="4" t="s">
        <v>9</v>
      </c>
      <c r="I1596" s="5" t="s">
        <v>6</v>
      </c>
      <c r="J1596" s="5" t="s">
        <v>2705</v>
      </c>
      <c r="K1596" s="5" t="s">
        <v>9362</v>
      </c>
      <c r="L1596" s="6" t="s">
        <v>5</v>
      </c>
      <c r="M1596" s="2" t="s">
        <v>9371</v>
      </c>
      <c r="N1596" s="3">
        <v>27311</v>
      </c>
      <c r="O1596" s="3">
        <v>45261</v>
      </c>
      <c r="P1596" s="3">
        <v>47087</v>
      </c>
    </row>
    <row r="1597" spans="1:16" x14ac:dyDescent="0.15">
      <c r="A1597" s="2" t="s">
        <v>49</v>
      </c>
      <c r="B1597" s="2" t="s">
        <v>9372</v>
      </c>
      <c r="C1597" s="4" t="s">
        <v>6</v>
      </c>
      <c r="D1597" s="5" t="s">
        <v>9373</v>
      </c>
      <c r="E1597" s="5" t="s">
        <v>5</v>
      </c>
      <c r="F1597" s="6" t="s">
        <v>5</v>
      </c>
      <c r="G1597" s="2" t="s">
        <v>9361</v>
      </c>
      <c r="H1597" s="4" t="s">
        <v>9</v>
      </c>
      <c r="I1597" s="5" t="s">
        <v>6</v>
      </c>
      <c r="J1597" s="5" t="s">
        <v>2705</v>
      </c>
      <c r="K1597" s="5" t="s">
        <v>9362</v>
      </c>
      <c r="L1597" s="6" t="s">
        <v>5</v>
      </c>
      <c r="M1597" s="2" t="s">
        <v>9374</v>
      </c>
      <c r="N1597" s="3">
        <v>27338</v>
      </c>
      <c r="O1597" s="3">
        <v>45261</v>
      </c>
      <c r="P1597" s="3">
        <v>47087</v>
      </c>
    </row>
    <row r="1598" spans="1:16" x14ac:dyDescent="0.15">
      <c r="A1598" s="2" t="s">
        <v>49</v>
      </c>
      <c r="B1598" s="2" t="s">
        <v>5950</v>
      </c>
      <c r="C1598" s="4" t="s">
        <v>6</v>
      </c>
      <c r="D1598" s="5" t="s">
        <v>3009</v>
      </c>
      <c r="E1598" s="5" t="s">
        <v>3671</v>
      </c>
      <c r="F1598" s="6" t="s">
        <v>5</v>
      </c>
      <c r="G1598" s="2"/>
      <c r="H1598" s="4"/>
      <c r="I1598" s="5"/>
      <c r="J1598" s="5"/>
      <c r="K1598" s="5"/>
      <c r="L1598" s="6"/>
      <c r="M1598" s="2" t="s">
        <v>5951</v>
      </c>
      <c r="N1598" s="3">
        <v>31925</v>
      </c>
      <c r="O1598" s="3">
        <v>44835</v>
      </c>
      <c r="P1598" s="3">
        <v>47026</v>
      </c>
    </row>
    <row r="1599" spans="1:16" x14ac:dyDescent="0.15">
      <c r="A1599" s="2" t="s">
        <v>49</v>
      </c>
      <c r="B1599" s="2" t="s">
        <v>9385</v>
      </c>
      <c r="C1599" s="4" t="s">
        <v>6</v>
      </c>
      <c r="D1599" s="5" t="s">
        <v>2705</v>
      </c>
      <c r="E1599" s="5" t="s">
        <v>8042</v>
      </c>
      <c r="F1599" s="6" t="s">
        <v>5</v>
      </c>
      <c r="G1599" s="2" t="s">
        <v>9384</v>
      </c>
      <c r="H1599" s="4" t="s">
        <v>9</v>
      </c>
      <c r="I1599" s="5" t="s">
        <v>6</v>
      </c>
      <c r="J1599" s="5" t="s">
        <v>2705</v>
      </c>
      <c r="K1599" s="5" t="s">
        <v>8042</v>
      </c>
      <c r="L1599" s="6" t="s">
        <v>5</v>
      </c>
      <c r="M1599" s="2" t="s">
        <v>9386</v>
      </c>
      <c r="N1599" s="3">
        <v>32264</v>
      </c>
      <c r="O1599" s="3">
        <v>45231</v>
      </c>
      <c r="P1599" s="3">
        <v>47422</v>
      </c>
    </row>
    <row r="1600" spans="1:16" x14ac:dyDescent="0.15">
      <c r="A1600" s="2" t="s">
        <v>49</v>
      </c>
      <c r="B1600" s="2" t="s">
        <v>9405</v>
      </c>
      <c r="C1600" s="4" t="s">
        <v>6</v>
      </c>
      <c r="D1600" s="5" t="s">
        <v>152</v>
      </c>
      <c r="E1600" s="5" t="s">
        <v>9406</v>
      </c>
      <c r="F1600" s="6" t="s">
        <v>5</v>
      </c>
      <c r="G1600" s="2" t="s">
        <v>9403</v>
      </c>
      <c r="H1600" s="4" t="s">
        <v>9</v>
      </c>
      <c r="I1600" s="5" t="s">
        <v>1182</v>
      </c>
      <c r="J1600" s="5" t="s">
        <v>7997</v>
      </c>
      <c r="K1600" s="5" t="s">
        <v>9404</v>
      </c>
      <c r="L1600" s="6" t="s">
        <v>5</v>
      </c>
      <c r="M1600" s="2" t="s">
        <v>9407</v>
      </c>
      <c r="N1600" s="3">
        <v>40834</v>
      </c>
      <c r="O1600" s="3">
        <v>45231</v>
      </c>
      <c r="P1600" s="3">
        <v>47422</v>
      </c>
    </row>
    <row r="1601" spans="1:16" x14ac:dyDescent="0.15">
      <c r="A1601" s="2" t="s">
        <v>49</v>
      </c>
      <c r="B1601" s="2" t="s">
        <v>9408</v>
      </c>
      <c r="C1601" s="4" t="s">
        <v>6</v>
      </c>
      <c r="D1601" s="5" t="s">
        <v>689</v>
      </c>
      <c r="E1601" s="5" t="s">
        <v>927</v>
      </c>
      <c r="F1601" s="6" t="s">
        <v>5</v>
      </c>
      <c r="G1601" s="2" t="s">
        <v>9403</v>
      </c>
      <c r="H1601" s="4" t="s">
        <v>9</v>
      </c>
      <c r="I1601" s="5" t="s">
        <v>1182</v>
      </c>
      <c r="J1601" s="5" t="s">
        <v>7997</v>
      </c>
      <c r="K1601" s="5" t="s">
        <v>9404</v>
      </c>
      <c r="L1601" s="6" t="s">
        <v>5</v>
      </c>
      <c r="M1601" s="2" t="s">
        <v>9409</v>
      </c>
      <c r="N1601" s="3">
        <v>38860</v>
      </c>
      <c r="O1601" s="3">
        <v>45413</v>
      </c>
      <c r="P1601" s="3">
        <v>47603</v>
      </c>
    </row>
    <row r="1602" spans="1:16" x14ac:dyDescent="0.15">
      <c r="A1602" s="2" t="s">
        <v>16</v>
      </c>
      <c r="B1602" s="2" t="s">
        <v>5964</v>
      </c>
      <c r="C1602" s="4" t="s">
        <v>6</v>
      </c>
      <c r="D1602" s="5" t="s">
        <v>5962</v>
      </c>
      <c r="E1602" s="5" t="s">
        <v>5963</v>
      </c>
      <c r="F1602" s="6" t="s">
        <v>5</v>
      </c>
      <c r="G1602" s="2"/>
      <c r="H1602" s="4"/>
      <c r="I1602" s="5"/>
      <c r="J1602" s="5"/>
      <c r="K1602" s="5"/>
      <c r="L1602" s="6"/>
      <c r="M1602" s="2" t="s">
        <v>5965</v>
      </c>
      <c r="N1602" s="3">
        <v>38091</v>
      </c>
      <c r="O1602" s="3">
        <v>44835</v>
      </c>
      <c r="P1602" s="3">
        <v>47026</v>
      </c>
    </row>
    <row r="1603" spans="1:16" x14ac:dyDescent="0.15">
      <c r="A1603" s="2" t="s">
        <v>49</v>
      </c>
      <c r="B1603" s="2" t="s">
        <v>5966</v>
      </c>
      <c r="C1603" s="4" t="s">
        <v>6</v>
      </c>
      <c r="D1603" s="5" t="s">
        <v>4575</v>
      </c>
      <c r="E1603" s="5" t="s">
        <v>5967</v>
      </c>
      <c r="F1603" s="6" t="s">
        <v>5968</v>
      </c>
      <c r="G1603" s="2"/>
      <c r="H1603" s="4"/>
      <c r="I1603" s="5"/>
      <c r="J1603" s="5"/>
      <c r="K1603" s="5"/>
      <c r="L1603" s="6"/>
      <c r="M1603" s="2" t="s">
        <v>5969</v>
      </c>
      <c r="N1603" s="3">
        <v>44783</v>
      </c>
      <c r="O1603" s="3">
        <v>44783</v>
      </c>
      <c r="P1603" s="3">
        <v>47208</v>
      </c>
    </row>
    <row r="1604" spans="1:16" x14ac:dyDescent="0.15">
      <c r="A1604" s="2" t="s">
        <v>66</v>
      </c>
      <c r="B1604" s="2" t="s">
        <v>5966</v>
      </c>
      <c r="C1604" s="4" t="s">
        <v>6</v>
      </c>
      <c r="D1604" s="5" t="s">
        <v>4575</v>
      </c>
      <c r="E1604" s="5" t="s">
        <v>5967</v>
      </c>
      <c r="F1604" s="6" t="s">
        <v>5968</v>
      </c>
      <c r="G1604" s="2"/>
      <c r="H1604" s="4"/>
      <c r="I1604" s="5"/>
      <c r="J1604" s="5"/>
      <c r="K1604" s="5"/>
      <c r="L1604" s="6"/>
      <c r="M1604" s="2" t="s">
        <v>5970</v>
      </c>
      <c r="N1604" s="3">
        <v>44783</v>
      </c>
      <c r="O1604" s="3">
        <v>44783</v>
      </c>
      <c r="P1604" s="3">
        <v>47208</v>
      </c>
    </row>
    <row r="1605" spans="1:16" x14ac:dyDescent="0.15">
      <c r="A1605" s="2" t="s">
        <v>16</v>
      </c>
      <c r="B1605" s="2" t="s">
        <v>5966</v>
      </c>
      <c r="C1605" s="4" t="s">
        <v>6</v>
      </c>
      <c r="D1605" s="5" t="s">
        <v>4575</v>
      </c>
      <c r="E1605" s="5" t="s">
        <v>5967</v>
      </c>
      <c r="F1605" s="6" t="s">
        <v>5968</v>
      </c>
      <c r="G1605" s="2"/>
      <c r="H1605" s="4"/>
      <c r="I1605" s="5"/>
      <c r="J1605" s="5"/>
      <c r="K1605" s="5"/>
      <c r="L1605" s="6"/>
      <c r="M1605" s="2" t="s">
        <v>5971</v>
      </c>
      <c r="N1605" s="3">
        <v>44783</v>
      </c>
      <c r="O1605" s="3">
        <v>44783</v>
      </c>
      <c r="P1605" s="3">
        <v>47208</v>
      </c>
    </row>
    <row r="1606" spans="1:16" x14ac:dyDescent="0.15">
      <c r="A1606" s="2" t="s">
        <v>49</v>
      </c>
      <c r="B1606" s="2" t="s">
        <v>9423</v>
      </c>
      <c r="C1606" s="4" t="s">
        <v>6</v>
      </c>
      <c r="D1606" s="5" t="s">
        <v>45</v>
      </c>
      <c r="E1606" s="5" t="s">
        <v>9424</v>
      </c>
      <c r="F1606" s="6" t="s">
        <v>9425</v>
      </c>
      <c r="G1606" s="2" t="s">
        <v>9420</v>
      </c>
      <c r="H1606" s="4" t="s">
        <v>9</v>
      </c>
      <c r="I1606" s="5" t="s">
        <v>6</v>
      </c>
      <c r="J1606" s="5" t="s">
        <v>9421</v>
      </c>
      <c r="K1606" s="5" t="s">
        <v>9422</v>
      </c>
      <c r="L1606" s="6" t="s">
        <v>5</v>
      </c>
      <c r="M1606" s="2" t="s">
        <v>9426</v>
      </c>
      <c r="N1606" s="3">
        <v>45199</v>
      </c>
      <c r="O1606" s="3">
        <v>45199</v>
      </c>
      <c r="P1606" s="3">
        <v>47452</v>
      </c>
    </row>
    <row r="1607" spans="1:16" x14ac:dyDescent="0.15">
      <c r="A1607" s="2" t="s">
        <v>49</v>
      </c>
      <c r="B1607" s="2" t="s">
        <v>9429</v>
      </c>
      <c r="C1607" s="4" t="s">
        <v>6</v>
      </c>
      <c r="D1607" s="5" t="s">
        <v>570</v>
      </c>
      <c r="E1607" s="5" t="s">
        <v>9430</v>
      </c>
      <c r="F1607" s="6" t="s">
        <v>9431</v>
      </c>
      <c r="G1607" s="2" t="s">
        <v>9427</v>
      </c>
      <c r="H1607" s="4" t="s">
        <v>9</v>
      </c>
      <c r="I1607" s="5" t="s">
        <v>6</v>
      </c>
      <c r="J1607" s="5" t="s">
        <v>169</v>
      </c>
      <c r="K1607" s="5" t="s">
        <v>9428</v>
      </c>
      <c r="L1607" s="6" t="s">
        <v>5</v>
      </c>
      <c r="M1607" s="2" t="s">
        <v>9432</v>
      </c>
      <c r="N1607" s="3">
        <v>45184</v>
      </c>
      <c r="O1607" s="3">
        <v>45184</v>
      </c>
      <c r="P1607" s="3">
        <v>47603</v>
      </c>
    </row>
    <row r="1608" spans="1:16" x14ac:dyDescent="0.15">
      <c r="A1608" s="2" t="s">
        <v>49</v>
      </c>
      <c r="B1608" s="2" t="s">
        <v>5982</v>
      </c>
      <c r="C1608" s="4" t="s">
        <v>6</v>
      </c>
      <c r="D1608" s="5" t="s">
        <v>5557</v>
      </c>
      <c r="E1608" s="5" t="s">
        <v>5981</v>
      </c>
      <c r="F1608" s="6" t="s">
        <v>5</v>
      </c>
      <c r="G1608" s="2"/>
      <c r="H1608" s="4"/>
      <c r="I1608" s="5"/>
      <c r="J1608" s="5"/>
      <c r="K1608" s="5"/>
      <c r="L1608" s="6"/>
      <c r="M1608" s="2" t="s">
        <v>5983</v>
      </c>
      <c r="N1608" s="3">
        <v>44854</v>
      </c>
      <c r="O1608" s="3">
        <v>44854</v>
      </c>
      <c r="P1608" s="3">
        <v>47299</v>
      </c>
    </row>
    <row r="1609" spans="1:16" x14ac:dyDescent="0.15">
      <c r="A1609" s="2" t="s">
        <v>49</v>
      </c>
      <c r="B1609" s="2" t="s">
        <v>5984</v>
      </c>
      <c r="C1609" s="4" t="s">
        <v>6</v>
      </c>
      <c r="D1609" s="5" t="s">
        <v>75</v>
      </c>
      <c r="E1609" s="5" t="s">
        <v>76</v>
      </c>
      <c r="F1609" s="6" t="s">
        <v>5985</v>
      </c>
      <c r="G1609" s="2"/>
      <c r="H1609" s="4"/>
      <c r="I1609" s="5"/>
      <c r="J1609" s="5"/>
      <c r="K1609" s="5"/>
      <c r="L1609" s="6"/>
      <c r="M1609" s="2" t="s">
        <v>5986</v>
      </c>
      <c r="N1609" s="3">
        <v>44794</v>
      </c>
      <c r="O1609" s="3">
        <v>44794</v>
      </c>
      <c r="P1609" s="3">
        <v>47299</v>
      </c>
    </row>
    <row r="1610" spans="1:16" x14ac:dyDescent="0.15">
      <c r="A1610" s="2" t="s">
        <v>486</v>
      </c>
      <c r="B1610" s="2" t="s">
        <v>5984</v>
      </c>
      <c r="C1610" s="4" t="s">
        <v>6</v>
      </c>
      <c r="D1610" s="5" t="s">
        <v>75</v>
      </c>
      <c r="E1610" s="5" t="s">
        <v>76</v>
      </c>
      <c r="F1610" s="6" t="s">
        <v>5985</v>
      </c>
      <c r="G1610" s="2"/>
      <c r="H1610" s="4"/>
      <c r="I1610" s="5"/>
      <c r="J1610" s="5"/>
      <c r="K1610" s="5"/>
      <c r="L1610" s="6"/>
      <c r="M1610" s="2" t="s">
        <v>5987</v>
      </c>
      <c r="N1610" s="3">
        <v>45444</v>
      </c>
      <c r="O1610" s="3">
        <v>45444</v>
      </c>
      <c r="P1610" s="3">
        <v>47634</v>
      </c>
    </row>
    <row r="1611" spans="1:16" x14ac:dyDescent="0.15">
      <c r="A1611" s="2" t="s">
        <v>49</v>
      </c>
      <c r="B1611" s="2" t="s">
        <v>5989</v>
      </c>
      <c r="C1611" s="4" t="s">
        <v>6</v>
      </c>
      <c r="D1611" s="5" t="s">
        <v>5988</v>
      </c>
      <c r="E1611" s="5" t="s">
        <v>1368</v>
      </c>
      <c r="F1611" s="6" t="s">
        <v>5</v>
      </c>
      <c r="G1611" s="2"/>
      <c r="H1611" s="4"/>
      <c r="I1611" s="5"/>
      <c r="J1611" s="5"/>
      <c r="K1611" s="5"/>
      <c r="L1611" s="6"/>
      <c r="M1611" s="2" t="s">
        <v>5990</v>
      </c>
      <c r="N1611" s="3">
        <v>42291</v>
      </c>
      <c r="O1611" s="3">
        <v>44835</v>
      </c>
      <c r="P1611" s="3">
        <v>47026</v>
      </c>
    </row>
    <row r="1612" spans="1:16" x14ac:dyDescent="0.15">
      <c r="A1612" s="2" t="s">
        <v>49</v>
      </c>
      <c r="B1612" s="2" t="s">
        <v>5991</v>
      </c>
      <c r="C1612" s="4" t="s">
        <v>6</v>
      </c>
      <c r="D1612" s="5" t="s">
        <v>1478</v>
      </c>
      <c r="E1612" s="5" t="s">
        <v>1479</v>
      </c>
      <c r="F1612" s="6" t="s">
        <v>5992</v>
      </c>
      <c r="G1612" s="2"/>
      <c r="H1612" s="4"/>
      <c r="I1612" s="5"/>
      <c r="J1612" s="5"/>
      <c r="K1612" s="5"/>
      <c r="L1612" s="6"/>
      <c r="M1612" s="2" t="s">
        <v>5993</v>
      </c>
      <c r="N1612" s="3">
        <v>42503</v>
      </c>
      <c r="O1612" s="3">
        <v>44835</v>
      </c>
      <c r="P1612" s="3">
        <v>47026</v>
      </c>
    </row>
    <row r="1613" spans="1:16" x14ac:dyDescent="0.15">
      <c r="A1613" s="2" t="s">
        <v>49</v>
      </c>
      <c r="B1613" s="2" t="s">
        <v>5994</v>
      </c>
      <c r="C1613" s="4" t="s">
        <v>6</v>
      </c>
      <c r="D1613" s="5" t="s">
        <v>3678</v>
      </c>
      <c r="E1613" s="5" t="s">
        <v>5995</v>
      </c>
      <c r="F1613" s="6" t="s">
        <v>5</v>
      </c>
      <c r="G1613" s="2"/>
      <c r="H1613" s="4"/>
      <c r="I1613" s="5"/>
      <c r="J1613" s="5"/>
      <c r="K1613" s="5"/>
      <c r="L1613" s="6"/>
      <c r="M1613" s="2" t="s">
        <v>5996</v>
      </c>
      <c r="N1613" s="3">
        <v>42809</v>
      </c>
      <c r="O1613" s="3">
        <v>44835</v>
      </c>
      <c r="P1613" s="3">
        <v>46660</v>
      </c>
    </row>
    <row r="1614" spans="1:16" x14ac:dyDescent="0.15">
      <c r="A1614" s="2" t="s">
        <v>49</v>
      </c>
      <c r="B1614" s="2" t="s">
        <v>5997</v>
      </c>
      <c r="C1614" s="4" t="s">
        <v>6</v>
      </c>
      <c r="D1614" s="5" t="s">
        <v>1581</v>
      </c>
      <c r="E1614" s="5" t="s">
        <v>5998</v>
      </c>
      <c r="F1614" s="6" t="s">
        <v>5</v>
      </c>
      <c r="G1614" s="2"/>
      <c r="H1614" s="4"/>
      <c r="I1614" s="5"/>
      <c r="J1614" s="5"/>
      <c r="K1614" s="5"/>
      <c r="L1614" s="6"/>
      <c r="M1614" s="2" t="s">
        <v>5999</v>
      </c>
      <c r="N1614" s="3">
        <v>42697</v>
      </c>
      <c r="O1614" s="3">
        <v>44835</v>
      </c>
      <c r="P1614" s="3">
        <v>46660</v>
      </c>
    </row>
    <row r="1615" spans="1:16" x14ac:dyDescent="0.15">
      <c r="A1615" s="2" t="s">
        <v>49</v>
      </c>
      <c r="B1615" s="2" t="s">
        <v>9449</v>
      </c>
      <c r="C1615" s="4" t="s">
        <v>6</v>
      </c>
      <c r="D1615" s="5" t="s">
        <v>1375</v>
      </c>
      <c r="E1615" s="5" t="s">
        <v>9451</v>
      </c>
      <c r="F1615" s="6" t="s">
        <v>5</v>
      </c>
      <c r="G1615" s="2" t="s">
        <v>9449</v>
      </c>
      <c r="H1615" s="4" t="s">
        <v>9</v>
      </c>
      <c r="I1615" s="5" t="s">
        <v>6</v>
      </c>
      <c r="J1615" s="5" t="s">
        <v>6009</v>
      </c>
      <c r="K1615" s="5" t="s">
        <v>9450</v>
      </c>
      <c r="L1615" s="6" t="s">
        <v>5</v>
      </c>
      <c r="M1615" s="2" t="s">
        <v>9452</v>
      </c>
      <c r="N1615" s="3">
        <v>35541</v>
      </c>
      <c r="O1615" s="3">
        <v>45231</v>
      </c>
      <c r="P1615" s="3">
        <v>47422</v>
      </c>
    </row>
    <row r="1616" spans="1:16" x14ac:dyDescent="0.15">
      <c r="A1616" s="2" t="s">
        <v>49</v>
      </c>
      <c r="B1616" s="2" t="s">
        <v>9480</v>
      </c>
      <c r="C1616" s="4" t="s">
        <v>6</v>
      </c>
      <c r="D1616" s="5" t="s">
        <v>967</v>
      </c>
      <c r="E1616" s="5" t="s">
        <v>7290</v>
      </c>
      <c r="F1616" s="6" t="s">
        <v>9481</v>
      </c>
      <c r="G1616" s="2" t="s">
        <v>9478</v>
      </c>
      <c r="H1616" s="4" t="s">
        <v>9</v>
      </c>
      <c r="I1616" s="5" t="s">
        <v>6</v>
      </c>
      <c r="J1616" s="5" t="s">
        <v>91</v>
      </c>
      <c r="K1616" s="5" t="s">
        <v>9479</v>
      </c>
      <c r="L1616" s="6" t="s">
        <v>5</v>
      </c>
      <c r="M1616" s="2" t="s">
        <v>9482</v>
      </c>
      <c r="N1616" s="3">
        <v>45208</v>
      </c>
      <c r="O1616" s="3">
        <v>45208</v>
      </c>
      <c r="P1616" s="3">
        <v>47756</v>
      </c>
    </row>
    <row r="1617" spans="1:16" x14ac:dyDescent="0.15">
      <c r="A1617" s="2" t="s">
        <v>49</v>
      </c>
      <c r="B1617" s="2" t="s">
        <v>9494</v>
      </c>
      <c r="C1617" s="4" t="s">
        <v>6</v>
      </c>
      <c r="D1617" s="5" t="s">
        <v>91</v>
      </c>
      <c r="E1617" s="5" t="s">
        <v>9495</v>
      </c>
      <c r="F1617" s="6" t="s">
        <v>5</v>
      </c>
      <c r="G1617" s="2" t="s">
        <v>9491</v>
      </c>
      <c r="H1617" s="4" t="s">
        <v>9</v>
      </c>
      <c r="I1617" s="5" t="s">
        <v>663</v>
      </c>
      <c r="J1617" s="5" t="s">
        <v>9492</v>
      </c>
      <c r="K1617" s="5" t="s">
        <v>9493</v>
      </c>
      <c r="L1617" s="6" t="s">
        <v>5</v>
      </c>
      <c r="M1617" s="2" t="s">
        <v>9496</v>
      </c>
      <c r="N1617" s="3">
        <v>45200</v>
      </c>
      <c r="O1617" s="3">
        <v>45200</v>
      </c>
      <c r="P1617" s="3">
        <v>47573</v>
      </c>
    </row>
    <row r="1618" spans="1:16" x14ac:dyDescent="0.15">
      <c r="A1618" s="2" t="s">
        <v>49</v>
      </c>
      <c r="B1618" s="2" t="s">
        <v>9497</v>
      </c>
      <c r="C1618" s="4" t="s">
        <v>6</v>
      </c>
      <c r="D1618" s="5" t="s">
        <v>2371</v>
      </c>
      <c r="E1618" s="5" t="s">
        <v>9498</v>
      </c>
      <c r="F1618" s="6" t="s">
        <v>5</v>
      </c>
      <c r="G1618" s="2" t="s">
        <v>9491</v>
      </c>
      <c r="H1618" s="4" t="s">
        <v>9</v>
      </c>
      <c r="I1618" s="5" t="s">
        <v>663</v>
      </c>
      <c r="J1618" s="5" t="s">
        <v>9492</v>
      </c>
      <c r="K1618" s="5" t="s">
        <v>9493</v>
      </c>
      <c r="L1618" s="6" t="s">
        <v>5</v>
      </c>
      <c r="M1618" s="2" t="s">
        <v>9499</v>
      </c>
      <c r="N1618" s="3">
        <v>45200</v>
      </c>
      <c r="O1618" s="3">
        <v>45200</v>
      </c>
      <c r="P1618" s="3">
        <v>47391</v>
      </c>
    </row>
    <row r="1619" spans="1:16" x14ac:dyDescent="0.15">
      <c r="A1619" s="2" t="s">
        <v>49</v>
      </c>
      <c r="B1619" s="2" t="s">
        <v>6015</v>
      </c>
      <c r="C1619" s="4" t="s">
        <v>6</v>
      </c>
      <c r="D1619" s="5" t="s">
        <v>742</v>
      </c>
      <c r="E1619" s="5" t="s">
        <v>2648</v>
      </c>
      <c r="F1619" s="6" t="s">
        <v>5</v>
      </c>
      <c r="G1619" s="2"/>
      <c r="H1619" s="4"/>
      <c r="I1619" s="5"/>
      <c r="J1619" s="5"/>
      <c r="K1619" s="5"/>
      <c r="L1619" s="6"/>
      <c r="M1619" s="2" t="s">
        <v>6016</v>
      </c>
      <c r="N1619" s="3">
        <v>44819</v>
      </c>
      <c r="O1619" s="3">
        <v>44819</v>
      </c>
      <c r="P1619" s="3">
        <v>47299</v>
      </c>
    </row>
    <row r="1620" spans="1:16" x14ac:dyDescent="0.15">
      <c r="A1620" s="2" t="s">
        <v>49</v>
      </c>
      <c r="B1620" s="2" t="s">
        <v>9502</v>
      </c>
      <c r="C1620" s="4" t="s">
        <v>6</v>
      </c>
      <c r="D1620" s="5" t="s">
        <v>45</v>
      </c>
      <c r="E1620" s="5" t="s">
        <v>9503</v>
      </c>
      <c r="F1620" s="6" t="s">
        <v>9504</v>
      </c>
      <c r="G1620" s="2" t="s">
        <v>9500</v>
      </c>
      <c r="H1620" s="4" t="s">
        <v>9</v>
      </c>
      <c r="I1620" s="5" t="s">
        <v>6</v>
      </c>
      <c r="J1620" s="5" t="s">
        <v>45</v>
      </c>
      <c r="K1620" s="5" t="s">
        <v>9501</v>
      </c>
      <c r="L1620" s="6" t="s">
        <v>5</v>
      </c>
      <c r="M1620" s="2" t="s">
        <v>9505</v>
      </c>
      <c r="N1620" s="3">
        <v>45200</v>
      </c>
      <c r="O1620" s="3">
        <v>45200</v>
      </c>
      <c r="P1620" s="3">
        <v>47452</v>
      </c>
    </row>
    <row r="1621" spans="1:16" x14ac:dyDescent="0.15">
      <c r="A1621" s="2" t="s">
        <v>49</v>
      </c>
      <c r="B1621" s="2" t="s">
        <v>9508</v>
      </c>
      <c r="C1621" s="4" t="s">
        <v>6</v>
      </c>
      <c r="D1621" s="5" t="s">
        <v>1027</v>
      </c>
      <c r="E1621" s="5" t="s">
        <v>6330</v>
      </c>
      <c r="F1621" s="6" t="s">
        <v>9509</v>
      </c>
      <c r="G1621" s="2" t="s">
        <v>9506</v>
      </c>
      <c r="H1621" s="4" t="s">
        <v>9</v>
      </c>
      <c r="I1621" s="5" t="s">
        <v>6</v>
      </c>
      <c r="J1621" s="5" t="s">
        <v>1069</v>
      </c>
      <c r="K1621" s="5" t="s">
        <v>9507</v>
      </c>
      <c r="L1621" s="6" t="s">
        <v>5</v>
      </c>
      <c r="M1621" s="2" t="s">
        <v>9510</v>
      </c>
      <c r="N1621" s="3">
        <v>45198</v>
      </c>
      <c r="O1621" s="3">
        <v>45198</v>
      </c>
      <c r="P1621" s="3">
        <v>47087</v>
      </c>
    </row>
    <row r="1622" spans="1:16" x14ac:dyDescent="0.15">
      <c r="A1622" s="2" t="s">
        <v>49</v>
      </c>
      <c r="B1622" s="2" t="s">
        <v>9511</v>
      </c>
      <c r="C1622" s="4" t="s">
        <v>6</v>
      </c>
      <c r="D1622" s="5" t="s">
        <v>45</v>
      </c>
      <c r="E1622" s="5" t="s">
        <v>9512</v>
      </c>
      <c r="F1622" s="6" t="s">
        <v>9513</v>
      </c>
      <c r="G1622" s="2" t="s">
        <v>9506</v>
      </c>
      <c r="H1622" s="4" t="s">
        <v>9</v>
      </c>
      <c r="I1622" s="5" t="s">
        <v>6</v>
      </c>
      <c r="J1622" s="5" t="s">
        <v>1069</v>
      </c>
      <c r="K1622" s="5" t="s">
        <v>9507</v>
      </c>
      <c r="L1622" s="6" t="s">
        <v>5</v>
      </c>
      <c r="M1622" s="2" t="s">
        <v>9514</v>
      </c>
      <c r="N1622" s="3">
        <v>45215</v>
      </c>
      <c r="O1622" s="3">
        <v>45215</v>
      </c>
      <c r="P1622" s="3">
        <v>47452</v>
      </c>
    </row>
    <row r="1623" spans="1:16" x14ac:dyDescent="0.15">
      <c r="A1623" s="2" t="s">
        <v>49</v>
      </c>
      <c r="B1623" s="2" t="s">
        <v>9517</v>
      </c>
      <c r="C1623" s="4" t="s">
        <v>6</v>
      </c>
      <c r="D1623" s="5" t="s">
        <v>9518</v>
      </c>
      <c r="E1623" s="5" t="s">
        <v>9519</v>
      </c>
      <c r="F1623" s="6" t="s">
        <v>5</v>
      </c>
      <c r="G1623" s="2" t="s">
        <v>9515</v>
      </c>
      <c r="H1623" s="4" t="s">
        <v>4539</v>
      </c>
      <c r="I1623" s="5" t="s">
        <v>4540</v>
      </c>
      <c r="J1623" s="5" t="s">
        <v>4541</v>
      </c>
      <c r="K1623" s="5" t="s">
        <v>9516</v>
      </c>
      <c r="L1623" s="6" t="s">
        <v>5</v>
      </c>
      <c r="M1623" s="2" t="s">
        <v>9520</v>
      </c>
      <c r="N1623" s="3">
        <v>38831</v>
      </c>
      <c r="O1623" s="3">
        <v>45231</v>
      </c>
      <c r="P1623" s="3">
        <v>47422</v>
      </c>
    </row>
    <row r="1624" spans="1:16" x14ac:dyDescent="0.15">
      <c r="A1624" s="2" t="s">
        <v>49</v>
      </c>
      <c r="B1624" s="2" t="s">
        <v>6037</v>
      </c>
      <c r="C1624" s="4" t="s">
        <v>6</v>
      </c>
      <c r="D1624" s="5" t="s">
        <v>2993</v>
      </c>
      <c r="E1624" s="5" t="s">
        <v>6038</v>
      </c>
      <c r="F1624" s="6" t="s">
        <v>5</v>
      </c>
      <c r="G1624" s="2"/>
      <c r="H1624" s="4"/>
      <c r="I1624" s="5"/>
      <c r="J1624" s="5"/>
      <c r="K1624" s="5"/>
      <c r="L1624" s="6"/>
      <c r="M1624" s="2" t="s">
        <v>6039</v>
      </c>
      <c r="N1624" s="3">
        <v>44805</v>
      </c>
      <c r="O1624" s="3">
        <v>44805</v>
      </c>
      <c r="P1624" s="3">
        <v>47026</v>
      </c>
    </row>
    <row r="1625" spans="1:16" x14ac:dyDescent="0.15">
      <c r="A1625" s="2" t="s">
        <v>49</v>
      </c>
      <c r="B1625" s="2" t="s">
        <v>6040</v>
      </c>
      <c r="C1625" s="4" t="s">
        <v>6</v>
      </c>
      <c r="D1625" s="5" t="s">
        <v>608</v>
      </c>
      <c r="E1625" s="5" t="s">
        <v>3391</v>
      </c>
      <c r="F1625" s="6" t="s">
        <v>6041</v>
      </c>
      <c r="G1625" s="2"/>
      <c r="H1625" s="4"/>
      <c r="I1625" s="5"/>
      <c r="J1625" s="5"/>
      <c r="K1625" s="5"/>
      <c r="L1625" s="6"/>
      <c r="M1625" s="2" t="s">
        <v>6042</v>
      </c>
      <c r="N1625" s="3">
        <v>44798</v>
      </c>
      <c r="O1625" s="3">
        <v>44798</v>
      </c>
      <c r="P1625" s="3">
        <v>47087</v>
      </c>
    </row>
    <row r="1626" spans="1:16" x14ac:dyDescent="0.15">
      <c r="A1626" s="2" t="s">
        <v>49</v>
      </c>
      <c r="B1626" s="2" t="s">
        <v>6044</v>
      </c>
      <c r="C1626" s="4" t="s">
        <v>6</v>
      </c>
      <c r="D1626" s="5" t="s">
        <v>1027</v>
      </c>
      <c r="E1626" s="5" t="s">
        <v>6045</v>
      </c>
      <c r="F1626" s="6" t="s">
        <v>6046</v>
      </c>
      <c r="G1626" s="2"/>
      <c r="H1626" s="4"/>
      <c r="I1626" s="5"/>
      <c r="J1626" s="5"/>
      <c r="K1626" s="5"/>
      <c r="L1626" s="6"/>
      <c r="M1626" s="2" t="s">
        <v>6047</v>
      </c>
      <c r="N1626" s="3">
        <v>44795</v>
      </c>
      <c r="O1626" s="3">
        <v>44795</v>
      </c>
      <c r="P1626" s="3">
        <v>46721</v>
      </c>
    </row>
    <row r="1627" spans="1:16" x14ac:dyDescent="0.15">
      <c r="A1627" s="2" t="s">
        <v>49</v>
      </c>
      <c r="B1627" s="2" t="s">
        <v>6048</v>
      </c>
      <c r="C1627" s="4" t="s">
        <v>6</v>
      </c>
      <c r="D1627" s="5" t="s">
        <v>449</v>
      </c>
      <c r="E1627" s="5" t="s">
        <v>6049</v>
      </c>
      <c r="F1627" s="6" t="s">
        <v>5</v>
      </c>
      <c r="G1627" s="2"/>
      <c r="H1627" s="4"/>
      <c r="I1627" s="5"/>
      <c r="J1627" s="5"/>
      <c r="K1627" s="5"/>
      <c r="L1627" s="6"/>
      <c r="M1627" s="2" t="s">
        <v>6050</v>
      </c>
      <c r="N1627" s="3">
        <v>44788</v>
      </c>
      <c r="O1627" s="3">
        <v>44788</v>
      </c>
      <c r="P1627" s="3">
        <v>47026</v>
      </c>
    </row>
    <row r="1628" spans="1:16" x14ac:dyDescent="0.15">
      <c r="A1628" s="2" t="s">
        <v>49</v>
      </c>
      <c r="B1628" s="2" t="s">
        <v>9556</v>
      </c>
      <c r="C1628" s="4" t="s">
        <v>6</v>
      </c>
      <c r="D1628" s="5" t="s">
        <v>363</v>
      </c>
      <c r="E1628" s="5" t="s">
        <v>9555</v>
      </c>
      <c r="F1628" s="6" t="s">
        <v>5</v>
      </c>
      <c r="G1628" s="2" t="s">
        <v>9554</v>
      </c>
      <c r="H1628" s="4" t="s">
        <v>9</v>
      </c>
      <c r="I1628" s="5" t="s">
        <v>6</v>
      </c>
      <c r="J1628" s="5" t="s">
        <v>363</v>
      </c>
      <c r="K1628" s="5" t="s">
        <v>9555</v>
      </c>
      <c r="L1628" s="6" t="s">
        <v>5</v>
      </c>
      <c r="M1628" s="2" t="s">
        <v>9557</v>
      </c>
      <c r="N1628" s="3">
        <v>40548</v>
      </c>
      <c r="O1628" s="3">
        <v>45231</v>
      </c>
      <c r="P1628" s="3">
        <v>47422</v>
      </c>
    </row>
    <row r="1629" spans="1:16" x14ac:dyDescent="0.15">
      <c r="A1629" s="2" t="s">
        <v>49</v>
      </c>
      <c r="B1629" s="2" t="s">
        <v>6057</v>
      </c>
      <c r="C1629" s="4" t="s">
        <v>6</v>
      </c>
      <c r="D1629" s="5" t="s">
        <v>378</v>
      </c>
      <c r="E1629" s="5" t="s">
        <v>6058</v>
      </c>
      <c r="F1629" s="6" t="s">
        <v>6059</v>
      </c>
      <c r="G1629" s="2"/>
      <c r="H1629" s="4"/>
      <c r="I1629" s="5"/>
      <c r="J1629" s="5"/>
      <c r="K1629" s="5"/>
      <c r="L1629" s="6"/>
      <c r="M1629" s="2" t="s">
        <v>6060</v>
      </c>
      <c r="N1629" s="3">
        <v>44793</v>
      </c>
      <c r="O1629" s="3">
        <v>44793</v>
      </c>
      <c r="P1629" s="3">
        <v>47269</v>
      </c>
    </row>
    <row r="1630" spans="1:16" x14ac:dyDescent="0.15">
      <c r="A1630" s="2" t="s">
        <v>49</v>
      </c>
      <c r="B1630" s="2" t="s">
        <v>6061</v>
      </c>
      <c r="C1630" s="4" t="s">
        <v>6</v>
      </c>
      <c r="D1630" s="5" t="s">
        <v>608</v>
      </c>
      <c r="E1630" s="5" t="s">
        <v>843</v>
      </c>
      <c r="F1630" s="6" t="s">
        <v>6062</v>
      </c>
      <c r="G1630" s="2"/>
      <c r="H1630" s="4"/>
      <c r="I1630" s="5"/>
      <c r="J1630" s="5"/>
      <c r="K1630" s="5"/>
      <c r="L1630" s="6"/>
      <c r="M1630" s="2" t="s">
        <v>6063</v>
      </c>
      <c r="N1630" s="3">
        <v>44812</v>
      </c>
      <c r="O1630" s="3">
        <v>44812</v>
      </c>
      <c r="P1630" s="3">
        <v>47087</v>
      </c>
    </row>
    <row r="1631" spans="1:16" x14ac:dyDescent="0.15">
      <c r="A1631" s="2" t="s">
        <v>49</v>
      </c>
      <c r="B1631" s="2" t="s">
        <v>6064</v>
      </c>
      <c r="C1631" s="4" t="s">
        <v>6</v>
      </c>
      <c r="D1631" s="5" t="s">
        <v>3288</v>
      </c>
      <c r="E1631" s="5" t="s">
        <v>2054</v>
      </c>
      <c r="F1631" s="6" t="s">
        <v>1609</v>
      </c>
      <c r="G1631" s="2"/>
      <c r="H1631" s="4"/>
      <c r="I1631" s="5"/>
      <c r="J1631" s="5"/>
      <c r="K1631" s="5"/>
      <c r="L1631" s="6"/>
      <c r="M1631" s="2" t="s">
        <v>6065</v>
      </c>
      <c r="N1631" s="3">
        <v>44865</v>
      </c>
      <c r="O1631" s="3">
        <v>44865</v>
      </c>
      <c r="P1631" s="3">
        <v>46721</v>
      </c>
    </row>
    <row r="1632" spans="1:16" x14ac:dyDescent="0.15">
      <c r="A1632" s="2" t="s">
        <v>49</v>
      </c>
      <c r="B1632" s="2" t="s">
        <v>6066</v>
      </c>
      <c r="C1632" s="4" t="s">
        <v>6</v>
      </c>
      <c r="D1632" s="5" t="s">
        <v>911</v>
      </c>
      <c r="E1632" s="5" t="s">
        <v>6067</v>
      </c>
      <c r="F1632" s="6" t="s">
        <v>6068</v>
      </c>
      <c r="G1632" s="2"/>
      <c r="H1632" s="4"/>
      <c r="I1632" s="5"/>
      <c r="J1632" s="5"/>
      <c r="K1632" s="5"/>
      <c r="L1632" s="6"/>
      <c r="M1632" s="2" t="s">
        <v>6069</v>
      </c>
      <c r="N1632" s="3">
        <v>34097</v>
      </c>
      <c r="O1632" s="3">
        <v>44835</v>
      </c>
      <c r="P1632" s="3">
        <v>46660</v>
      </c>
    </row>
    <row r="1633" spans="1:16" x14ac:dyDescent="0.15">
      <c r="A1633" s="2" t="s">
        <v>49</v>
      </c>
      <c r="B1633" s="2" t="s">
        <v>6070</v>
      </c>
      <c r="C1633" s="4" t="s">
        <v>6</v>
      </c>
      <c r="D1633" s="5" t="s">
        <v>608</v>
      </c>
      <c r="E1633" s="5" t="s">
        <v>902</v>
      </c>
      <c r="F1633" s="6" t="s">
        <v>6071</v>
      </c>
      <c r="G1633" s="2"/>
      <c r="H1633" s="4"/>
      <c r="I1633" s="5"/>
      <c r="J1633" s="5"/>
      <c r="K1633" s="5"/>
      <c r="L1633" s="6"/>
      <c r="M1633" s="2" t="s">
        <v>6072</v>
      </c>
      <c r="N1633" s="3">
        <v>44824</v>
      </c>
      <c r="O1633" s="3">
        <v>44824</v>
      </c>
      <c r="P1633" s="3">
        <v>46721</v>
      </c>
    </row>
    <row r="1634" spans="1:16" x14ac:dyDescent="0.15">
      <c r="A1634" s="2" t="s">
        <v>49</v>
      </c>
      <c r="B1634" s="2" t="s">
        <v>6073</v>
      </c>
      <c r="C1634" s="4" t="s">
        <v>6</v>
      </c>
      <c r="D1634" s="5" t="s">
        <v>79</v>
      </c>
      <c r="E1634" s="5" t="s">
        <v>6074</v>
      </c>
      <c r="F1634" s="6" t="s">
        <v>6075</v>
      </c>
      <c r="G1634" s="2"/>
      <c r="H1634" s="4"/>
      <c r="I1634" s="5"/>
      <c r="J1634" s="5"/>
      <c r="K1634" s="5"/>
      <c r="L1634" s="6"/>
      <c r="M1634" s="2" t="s">
        <v>6076</v>
      </c>
      <c r="N1634" s="3">
        <v>44999</v>
      </c>
      <c r="O1634" s="3">
        <v>44999</v>
      </c>
      <c r="P1634" s="3">
        <v>47057</v>
      </c>
    </row>
    <row r="1635" spans="1:16" x14ac:dyDescent="0.15">
      <c r="A1635" s="2" t="s">
        <v>49</v>
      </c>
      <c r="B1635" s="2" t="s">
        <v>6077</v>
      </c>
      <c r="C1635" s="4" t="s">
        <v>6</v>
      </c>
      <c r="D1635" s="5" t="s">
        <v>1000</v>
      </c>
      <c r="E1635" s="5" t="s">
        <v>3280</v>
      </c>
      <c r="F1635" s="6" t="s">
        <v>6078</v>
      </c>
      <c r="G1635" s="2"/>
      <c r="H1635" s="4"/>
      <c r="I1635" s="5"/>
      <c r="J1635" s="5"/>
      <c r="K1635" s="5"/>
      <c r="L1635" s="6"/>
      <c r="M1635" s="2" t="s">
        <v>6079</v>
      </c>
      <c r="N1635" s="3">
        <v>42298</v>
      </c>
      <c r="O1635" s="3">
        <v>44835</v>
      </c>
      <c r="P1635" s="3">
        <v>47026</v>
      </c>
    </row>
    <row r="1636" spans="1:16" x14ac:dyDescent="0.15">
      <c r="A1636" s="2" t="s">
        <v>49</v>
      </c>
      <c r="B1636" s="2" t="s">
        <v>9578</v>
      </c>
      <c r="C1636" s="4" t="s">
        <v>6</v>
      </c>
      <c r="D1636" s="5" t="s">
        <v>273</v>
      </c>
      <c r="E1636" s="5" t="s">
        <v>9579</v>
      </c>
      <c r="F1636" s="6" t="s">
        <v>5</v>
      </c>
      <c r="G1636" s="2" t="s">
        <v>9576</v>
      </c>
      <c r="H1636" s="4" t="s">
        <v>9</v>
      </c>
      <c r="I1636" s="5" t="s">
        <v>6</v>
      </c>
      <c r="J1636" s="5" t="s">
        <v>1069</v>
      </c>
      <c r="K1636" s="5" t="s">
        <v>9577</v>
      </c>
      <c r="L1636" s="6" t="s">
        <v>5</v>
      </c>
      <c r="M1636" s="2" t="s">
        <v>9580</v>
      </c>
      <c r="N1636" s="3">
        <v>45197</v>
      </c>
      <c r="O1636" s="3">
        <v>45197</v>
      </c>
      <c r="P1636" s="3">
        <v>47299</v>
      </c>
    </row>
    <row r="1637" spans="1:16" x14ac:dyDescent="0.15">
      <c r="A1637" s="2" t="s">
        <v>49</v>
      </c>
      <c r="B1637" s="2" t="s">
        <v>9583</v>
      </c>
      <c r="C1637" s="4" t="s">
        <v>6</v>
      </c>
      <c r="D1637" s="5" t="s">
        <v>2617</v>
      </c>
      <c r="E1637" s="5" t="s">
        <v>9584</v>
      </c>
      <c r="F1637" s="6" t="s">
        <v>5</v>
      </c>
      <c r="G1637" s="2" t="s">
        <v>9581</v>
      </c>
      <c r="H1637" s="4" t="s">
        <v>384</v>
      </c>
      <c r="I1637" s="5" t="s">
        <v>441</v>
      </c>
      <c r="J1637" s="5" t="s">
        <v>9582</v>
      </c>
      <c r="K1637" s="5" t="s">
        <v>1670</v>
      </c>
      <c r="L1637" s="6" t="s">
        <v>5</v>
      </c>
      <c r="M1637" s="2" t="s">
        <v>9585</v>
      </c>
      <c r="N1637" s="3">
        <v>39019</v>
      </c>
      <c r="O1637" s="3">
        <v>45231</v>
      </c>
      <c r="P1637" s="3">
        <v>47422</v>
      </c>
    </row>
    <row r="1638" spans="1:16" x14ac:dyDescent="0.15">
      <c r="A1638" s="2" t="s">
        <v>49</v>
      </c>
      <c r="B1638" s="2" t="s">
        <v>6089</v>
      </c>
      <c r="C1638" s="4" t="s">
        <v>6</v>
      </c>
      <c r="D1638" s="5" t="s">
        <v>2077</v>
      </c>
      <c r="E1638" s="5" t="s">
        <v>6088</v>
      </c>
      <c r="F1638" s="6" t="s">
        <v>5</v>
      </c>
      <c r="G1638" s="2"/>
      <c r="H1638" s="4"/>
      <c r="I1638" s="5"/>
      <c r="J1638" s="5"/>
      <c r="K1638" s="5"/>
      <c r="L1638" s="6"/>
      <c r="M1638" s="2" t="s">
        <v>6090</v>
      </c>
      <c r="N1638" s="3">
        <v>31392</v>
      </c>
      <c r="O1638" s="3">
        <v>44835</v>
      </c>
      <c r="P1638" s="3">
        <v>46660</v>
      </c>
    </row>
    <row r="1639" spans="1:16" x14ac:dyDescent="0.15">
      <c r="A1639" s="2" t="s">
        <v>16</v>
      </c>
      <c r="B1639" s="2" t="s">
        <v>6089</v>
      </c>
      <c r="C1639" s="4" t="s">
        <v>6</v>
      </c>
      <c r="D1639" s="5" t="s">
        <v>2077</v>
      </c>
      <c r="E1639" s="5" t="s">
        <v>6088</v>
      </c>
      <c r="F1639" s="6" t="s">
        <v>5</v>
      </c>
      <c r="G1639" s="2"/>
      <c r="H1639" s="4"/>
      <c r="I1639" s="5"/>
      <c r="J1639" s="5"/>
      <c r="K1639" s="5"/>
      <c r="L1639" s="6"/>
      <c r="M1639" s="2" t="s">
        <v>6091</v>
      </c>
      <c r="N1639" s="3">
        <v>29945</v>
      </c>
      <c r="O1639" s="3">
        <v>44835</v>
      </c>
      <c r="P1639" s="3">
        <v>46660</v>
      </c>
    </row>
    <row r="1640" spans="1:16" x14ac:dyDescent="0.15">
      <c r="A1640" s="2" t="s">
        <v>49</v>
      </c>
      <c r="B1640" s="2" t="s">
        <v>9586</v>
      </c>
      <c r="C1640" s="4" t="s">
        <v>6</v>
      </c>
      <c r="D1640" s="5" t="s">
        <v>2617</v>
      </c>
      <c r="E1640" s="5" t="s">
        <v>9584</v>
      </c>
      <c r="F1640" s="6" t="s">
        <v>5</v>
      </c>
      <c r="G1640" s="2" t="s">
        <v>9581</v>
      </c>
      <c r="H1640" s="4" t="s">
        <v>384</v>
      </c>
      <c r="I1640" s="5" t="s">
        <v>441</v>
      </c>
      <c r="J1640" s="5" t="s">
        <v>9582</v>
      </c>
      <c r="K1640" s="5" t="s">
        <v>1670</v>
      </c>
      <c r="L1640" s="6" t="s">
        <v>5</v>
      </c>
      <c r="M1640" s="2" t="s">
        <v>9587</v>
      </c>
      <c r="N1640" s="3">
        <v>39019</v>
      </c>
      <c r="O1640" s="3">
        <v>45231</v>
      </c>
      <c r="P1640" s="3">
        <v>47422</v>
      </c>
    </row>
    <row r="1641" spans="1:16" x14ac:dyDescent="0.15">
      <c r="A1641" s="2" t="s">
        <v>49</v>
      </c>
      <c r="B1641" s="2" t="s">
        <v>6098</v>
      </c>
      <c r="C1641" s="4" t="s">
        <v>6</v>
      </c>
      <c r="D1641" s="5" t="s">
        <v>6097</v>
      </c>
      <c r="E1641" s="5" t="s">
        <v>5282</v>
      </c>
      <c r="F1641" s="6" t="s">
        <v>5</v>
      </c>
      <c r="G1641" s="2" t="s">
        <v>6096</v>
      </c>
      <c r="H1641" s="4" t="s">
        <v>9</v>
      </c>
      <c r="I1641" s="5" t="s">
        <v>6</v>
      </c>
      <c r="J1641" s="5" t="s">
        <v>6097</v>
      </c>
      <c r="K1641" s="5" t="s">
        <v>5282</v>
      </c>
      <c r="L1641" s="6" t="s">
        <v>5</v>
      </c>
      <c r="M1641" s="2" t="s">
        <v>6099</v>
      </c>
      <c r="N1641" s="3">
        <v>40940</v>
      </c>
      <c r="O1641" s="3">
        <v>44835</v>
      </c>
      <c r="P1641" s="3">
        <v>46660</v>
      </c>
    </row>
    <row r="1642" spans="1:16" x14ac:dyDescent="0.15">
      <c r="A1642" s="2" t="s">
        <v>49</v>
      </c>
      <c r="B1642" s="2" t="s">
        <v>9597</v>
      </c>
      <c r="C1642" s="4" t="s">
        <v>6</v>
      </c>
      <c r="D1642" s="5" t="s">
        <v>9598</v>
      </c>
      <c r="E1642" s="5" t="s">
        <v>5</v>
      </c>
      <c r="F1642" s="6" t="s">
        <v>5</v>
      </c>
      <c r="G1642" s="2" t="s">
        <v>9595</v>
      </c>
      <c r="H1642" s="4" t="s">
        <v>9</v>
      </c>
      <c r="I1642" s="5" t="s">
        <v>6</v>
      </c>
      <c r="J1642" s="5" t="s">
        <v>3711</v>
      </c>
      <c r="K1642" s="5" t="s">
        <v>9596</v>
      </c>
      <c r="L1642" s="6" t="s">
        <v>5</v>
      </c>
      <c r="M1642" s="2" t="s">
        <v>9599</v>
      </c>
      <c r="N1642" s="3">
        <v>36298</v>
      </c>
      <c r="O1642" s="3">
        <v>45231</v>
      </c>
      <c r="P1642" s="3">
        <v>47422</v>
      </c>
    </row>
    <row r="1643" spans="1:16" x14ac:dyDescent="0.15">
      <c r="A1643" s="2" t="s">
        <v>49</v>
      </c>
      <c r="B1643" s="2" t="s">
        <v>9600</v>
      </c>
      <c r="C1643" s="4" t="s">
        <v>6</v>
      </c>
      <c r="D1643" s="5" t="s">
        <v>3711</v>
      </c>
      <c r="E1643" s="5" t="s">
        <v>9596</v>
      </c>
      <c r="F1643" s="6" t="s">
        <v>5</v>
      </c>
      <c r="G1643" s="2" t="s">
        <v>9595</v>
      </c>
      <c r="H1643" s="4" t="s">
        <v>9</v>
      </c>
      <c r="I1643" s="5" t="s">
        <v>6</v>
      </c>
      <c r="J1643" s="5" t="s">
        <v>3711</v>
      </c>
      <c r="K1643" s="5" t="s">
        <v>9596</v>
      </c>
      <c r="L1643" s="6" t="s">
        <v>5</v>
      </c>
      <c r="M1643" s="2" t="s">
        <v>9601</v>
      </c>
      <c r="N1643" s="3">
        <v>36314</v>
      </c>
      <c r="O1643" s="3">
        <v>45231</v>
      </c>
      <c r="P1643" s="3">
        <v>47422</v>
      </c>
    </row>
    <row r="1644" spans="1:16" x14ac:dyDescent="0.15">
      <c r="A1644" s="2" t="s">
        <v>49</v>
      </c>
      <c r="B1644" s="2" t="s">
        <v>9617</v>
      </c>
      <c r="C1644" s="4" t="s">
        <v>6</v>
      </c>
      <c r="D1644" s="5" t="s">
        <v>45</v>
      </c>
      <c r="E1644" s="5" t="s">
        <v>9618</v>
      </c>
      <c r="F1644" s="6" t="s">
        <v>5</v>
      </c>
      <c r="G1644" s="2" t="s">
        <v>9615</v>
      </c>
      <c r="H1644" s="4" t="s">
        <v>9</v>
      </c>
      <c r="I1644" s="5" t="s">
        <v>6</v>
      </c>
      <c r="J1644" s="5" t="s">
        <v>9616</v>
      </c>
      <c r="K1644" s="5" t="s">
        <v>5</v>
      </c>
      <c r="L1644" s="6" t="s">
        <v>5</v>
      </c>
      <c r="M1644" s="2" t="s">
        <v>9619</v>
      </c>
      <c r="N1644" s="3">
        <v>43403</v>
      </c>
      <c r="O1644" s="3">
        <v>45261</v>
      </c>
      <c r="P1644" s="3">
        <v>47087</v>
      </c>
    </row>
    <row r="1645" spans="1:16" x14ac:dyDescent="0.15">
      <c r="A1645" s="2" t="s">
        <v>49</v>
      </c>
      <c r="B1645" s="2" t="s">
        <v>9625</v>
      </c>
      <c r="C1645" s="4" t="s">
        <v>6</v>
      </c>
      <c r="D1645" s="5" t="s">
        <v>247</v>
      </c>
      <c r="E1645" s="5" t="s">
        <v>9626</v>
      </c>
      <c r="F1645" s="6" t="s">
        <v>5</v>
      </c>
      <c r="G1645" s="2" t="s">
        <v>9623</v>
      </c>
      <c r="H1645" s="4" t="s">
        <v>9</v>
      </c>
      <c r="I1645" s="5" t="s">
        <v>6</v>
      </c>
      <c r="J1645" s="5" t="s">
        <v>5376</v>
      </c>
      <c r="K1645" s="5" t="s">
        <v>9624</v>
      </c>
      <c r="L1645" s="6" t="s">
        <v>5</v>
      </c>
      <c r="M1645" s="2" t="s">
        <v>9627</v>
      </c>
      <c r="N1645" s="3">
        <v>45221</v>
      </c>
      <c r="O1645" s="3">
        <v>45221</v>
      </c>
      <c r="P1645" s="3">
        <v>47269</v>
      </c>
    </row>
    <row r="1646" spans="1:16" x14ac:dyDescent="0.15">
      <c r="A1646" s="2" t="s">
        <v>49</v>
      </c>
      <c r="B1646" s="2" t="s">
        <v>6117</v>
      </c>
      <c r="C1646" s="4" t="s">
        <v>6</v>
      </c>
      <c r="D1646" s="5" t="s">
        <v>6118</v>
      </c>
      <c r="E1646" s="5" t="s">
        <v>6119</v>
      </c>
      <c r="F1646" s="6" t="s">
        <v>5</v>
      </c>
      <c r="G1646" s="2"/>
      <c r="H1646" s="4"/>
      <c r="I1646" s="5"/>
      <c r="J1646" s="5"/>
      <c r="K1646" s="5"/>
      <c r="L1646" s="6"/>
      <c r="M1646" s="2" t="s">
        <v>6120</v>
      </c>
      <c r="N1646" s="3">
        <v>44833</v>
      </c>
      <c r="O1646" s="3">
        <v>44833</v>
      </c>
      <c r="P1646" s="3">
        <v>47026</v>
      </c>
    </row>
    <row r="1647" spans="1:16" x14ac:dyDescent="0.15">
      <c r="A1647" s="2" t="s">
        <v>16</v>
      </c>
      <c r="B1647" s="2" t="s">
        <v>6117</v>
      </c>
      <c r="C1647" s="4" t="s">
        <v>6</v>
      </c>
      <c r="D1647" s="5" t="s">
        <v>6118</v>
      </c>
      <c r="E1647" s="5" t="s">
        <v>6119</v>
      </c>
      <c r="F1647" s="6" t="s">
        <v>5</v>
      </c>
      <c r="G1647" s="2"/>
      <c r="H1647" s="4"/>
      <c r="I1647" s="5"/>
      <c r="J1647" s="5"/>
      <c r="K1647" s="5"/>
      <c r="L1647" s="6"/>
      <c r="M1647" s="2" t="s">
        <v>6121</v>
      </c>
      <c r="N1647" s="3">
        <v>44833</v>
      </c>
      <c r="O1647" s="3">
        <v>44833</v>
      </c>
      <c r="P1647" s="3">
        <v>47026</v>
      </c>
    </row>
    <row r="1648" spans="1:16" x14ac:dyDescent="0.15">
      <c r="A1648" s="2" t="s">
        <v>49</v>
      </c>
      <c r="B1648" s="2" t="s">
        <v>9630</v>
      </c>
      <c r="C1648" s="4" t="s">
        <v>6</v>
      </c>
      <c r="D1648" s="5" t="s">
        <v>3365</v>
      </c>
      <c r="E1648" s="5" t="s">
        <v>8355</v>
      </c>
      <c r="F1648" s="6" t="s">
        <v>5</v>
      </c>
      <c r="G1648" s="2" t="s">
        <v>9628</v>
      </c>
      <c r="H1648" s="4" t="s">
        <v>9</v>
      </c>
      <c r="I1648" s="5" t="s">
        <v>2449</v>
      </c>
      <c r="J1648" s="5" t="s">
        <v>4371</v>
      </c>
      <c r="K1648" s="5" t="s">
        <v>9629</v>
      </c>
      <c r="L1648" s="6" t="s">
        <v>5</v>
      </c>
      <c r="M1648" s="2" t="s">
        <v>9631</v>
      </c>
      <c r="N1648" s="3">
        <v>45200</v>
      </c>
      <c r="O1648" s="3">
        <v>45200</v>
      </c>
      <c r="P1648" s="3">
        <v>47573</v>
      </c>
    </row>
    <row r="1649" spans="1:16" x14ac:dyDescent="0.15">
      <c r="A1649" s="2" t="s">
        <v>49</v>
      </c>
      <c r="B1649" s="2" t="s">
        <v>9646</v>
      </c>
      <c r="C1649" s="4" t="s">
        <v>6</v>
      </c>
      <c r="D1649" s="5" t="s">
        <v>45</v>
      </c>
      <c r="E1649" s="5" t="s">
        <v>9647</v>
      </c>
      <c r="F1649" s="6" t="s">
        <v>9648</v>
      </c>
      <c r="G1649" s="2" t="s">
        <v>9644</v>
      </c>
      <c r="H1649" s="4" t="s">
        <v>9</v>
      </c>
      <c r="I1649" s="5" t="s">
        <v>6</v>
      </c>
      <c r="J1649" s="5" t="s">
        <v>5339</v>
      </c>
      <c r="K1649" s="5" t="s">
        <v>9645</v>
      </c>
      <c r="L1649" s="6" t="s">
        <v>5</v>
      </c>
      <c r="M1649" s="2" t="s">
        <v>9649</v>
      </c>
      <c r="N1649" s="3">
        <v>40613</v>
      </c>
      <c r="O1649" s="3">
        <v>45261</v>
      </c>
      <c r="P1649" s="3">
        <v>47452</v>
      </c>
    </row>
    <row r="1650" spans="1:16" x14ac:dyDescent="0.15">
      <c r="A1650" s="2" t="s">
        <v>49</v>
      </c>
      <c r="B1650" s="2" t="s">
        <v>9661</v>
      </c>
      <c r="C1650" s="4" t="s">
        <v>6</v>
      </c>
      <c r="D1650" s="5" t="s">
        <v>45</v>
      </c>
      <c r="E1650" s="5" t="s">
        <v>55</v>
      </c>
      <c r="F1650" s="6" t="s">
        <v>5</v>
      </c>
      <c r="G1650" s="2" t="s">
        <v>9659</v>
      </c>
      <c r="H1650" s="4" t="s">
        <v>9</v>
      </c>
      <c r="I1650" s="5" t="s">
        <v>6</v>
      </c>
      <c r="J1650" s="5" t="s">
        <v>5625</v>
      </c>
      <c r="K1650" s="5" t="s">
        <v>9660</v>
      </c>
      <c r="L1650" s="6" t="s">
        <v>5</v>
      </c>
      <c r="M1650" s="2" t="s">
        <v>9662</v>
      </c>
      <c r="N1650" s="3">
        <v>40630</v>
      </c>
      <c r="O1650" s="3">
        <v>45261</v>
      </c>
      <c r="P1650" s="3">
        <v>47452</v>
      </c>
    </row>
    <row r="1651" spans="1:16" x14ac:dyDescent="0.15">
      <c r="A1651" s="2" t="s">
        <v>49</v>
      </c>
      <c r="B1651" s="2" t="s">
        <v>6130</v>
      </c>
      <c r="C1651" s="4" t="s">
        <v>6</v>
      </c>
      <c r="D1651" s="5" t="s">
        <v>45</v>
      </c>
      <c r="E1651" s="5" t="s">
        <v>6131</v>
      </c>
      <c r="F1651" s="6" t="s">
        <v>6132</v>
      </c>
      <c r="G1651" s="2"/>
      <c r="H1651" s="4"/>
      <c r="I1651" s="5"/>
      <c r="J1651" s="5"/>
      <c r="K1651" s="5"/>
      <c r="L1651" s="6"/>
      <c r="M1651" s="2" t="s">
        <v>6133</v>
      </c>
      <c r="N1651" s="3">
        <v>44802</v>
      </c>
      <c r="O1651" s="3">
        <v>44802</v>
      </c>
      <c r="P1651" s="3">
        <v>47087</v>
      </c>
    </row>
    <row r="1652" spans="1:16" x14ac:dyDescent="0.15">
      <c r="A1652" s="2" t="s">
        <v>49</v>
      </c>
      <c r="B1652" s="2" t="s">
        <v>6135</v>
      </c>
      <c r="C1652" s="4" t="s">
        <v>6</v>
      </c>
      <c r="D1652" s="5" t="s">
        <v>1152</v>
      </c>
      <c r="E1652" s="5" t="s">
        <v>6136</v>
      </c>
      <c r="F1652" s="6" t="s">
        <v>6137</v>
      </c>
      <c r="G1652" s="2"/>
      <c r="H1652" s="4"/>
      <c r="I1652" s="5"/>
      <c r="J1652" s="5"/>
      <c r="K1652" s="5"/>
      <c r="L1652" s="6"/>
      <c r="M1652" s="2" t="s">
        <v>6138</v>
      </c>
      <c r="N1652" s="3">
        <v>44813</v>
      </c>
      <c r="O1652" s="3">
        <v>44813</v>
      </c>
      <c r="P1652" s="3">
        <v>47087</v>
      </c>
    </row>
    <row r="1653" spans="1:16" x14ac:dyDescent="0.15">
      <c r="A1653" s="2" t="s">
        <v>16</v>
      </c>
      <c r="B1653" s="2" t="s">
        <v>6139</v>
      </c>
      <c r="C1653" s="4" t="s">
        <v>6</v>
      </c>
      <c r="D1653" s="5" t="s">
        <v>189</v>
      </c>
      <c r="E1653" s="5" t="s">
        <v>6140</v>
      </c>
      <c r="F1653" s="6" t="s">
        <v>5</v>
      </c>
      <c r="G1653" s="2"/>
      <c r="H1653" s="4"/>
      <c r="I1653" s="5"/>
      <c r="J1653" s="5"/>
      <c r="K1653" s="5"/>
      <c r="L1653" s="6"/>
      <c r="M1653" s="2" t="s">
        <v>6141</v>
      </c>
      <c r="N1653" s="3">
        <v>41145</v>
      </c>
      <c r="O1653" s="3">
        <v>44835</v>
      </c>
      <c r="P1653" s="3">
        <v>46660</v>
      </c>
    </row>
    <row r="1654" spans="1:16" x14ac:dyDescent="0.15">
      <c r="A1654" s="2" t="s">
        <v>49</v>
      </c>
      <c r="B1654" s="2" t="s">
        <v>6143</v>
      </c>
      <c r="C1654" s="4" t="s">
        <v>6</v>
      </c>
      <c r="D1654" s="5" t="s">
        <v>134</v>
      </c>
      <c r="E1654" s="5" t="s">
        <v>6142</v>
      </c>
      <c r="F1654" s="6" t="s">
        <v>5</v>
      </c>
      <c r="G1654" s="2"/>
      <c r="H1654" s="4"/>
      <c r="I1654" s="5"/>
      <c r="J1654" s="5"/>
      <c r="K1654" s="5"/>
      <c r="L1654" s="6"/>
      <c r="M1654" s="2" t="s">
        <v>6144</v>
      </c>
      <c r="N1654" s="3">
        <v>40767</v>
      </c>
      <c r="O1654" s="3">
        <v>44866</v>
      </c>
      <c r="P1654" s="3">
        <v>47057</v>
      </c>
    </row>
    <row r="1655" spans="1:16" x14ac:dyDescent="0.15">
      <c r="A1655" s="2" t="s">
        <v>16</v>
      </c>
      <c r="B1655" s="2" t="s">
        <v>6143</v>
      </c>
      <c r="C1655" s="4" t="s">
        <v>6</v>
      </c>
      <c r="D1655" s="5" t="s">
        <v>134</v>
      </c>
      <c r="E1655" s="5" t="s">
        <v>6142</v>
      </c>
      <c r="F1655" s="6" t="s">
        <v>5</v>
      </c>
      <c r="G1655" s="2"/>
      <c r="H1655" s="4"/>
      <c r="I1655" s="5"/>
      <c r="J1655" s="5"/>
      <c r="K1655" s="5"/>
      <c r="L1655" s="6"/>
      <c r="M1655" s="2" t="s">
        <v>6145</v>
      </c>
      <c r="N1655" s="3">
        <v>38247</v>
      </c>
      <c r="O1655" s="3">
        <v>44866</v>
      </c>
      <c r="P1655" s="3">
        <v>47057</v>
      </c>
    </row>
    <row r="1656" spans="1:16" x14ac:dyDescent="0.15">
      <c r="A1656" s="2" t="s">
        <v>858</v>
      </c>
      <c r="B1656" s="2" t="s">
        <v>6143</v>
      </c>
      <c r="C1656" s="4" t="s">
        <v>6</v>
      </c>
      <c r="D1656" s="5" t="s">
        <v>134</v>
      </c>
      <c r="E1656" s="5" t="s">
        <v>6142</v>
      </c>
      <c r="F1656" s="6" t="s">
        <v>5</v>
      </c>
      <c r="G1656" s="2"/>
      <c r="H1656" s="4"/>
      <c r="I1656" s="5"/>
      <c r="J1656" s="5"/>
      <c r="K1656" s="5"/>
      <c r="L1656" s="6"/>
      <c r="M1656" s="2" t="s">
        <v>6146</v>
      </c>
      <c r="N1656" s="3">
        <v>38849</v>
      </c>
      <c r="O1656" s="3">
        <v>44866</v>
      </c>
      <c r="P1656" s="3">
        <v>47057</v>
      </c>
    </row>
    <row r="1657" spans="1:16" x14ac:dyDescent="0.15">
      <c r="A1657" s="2" t="s">
        <v>49</v>
      </c>
      <c r="B1657" s="2" t="s">
        <v>6147</v>
      </c>
      <c r="C1657" s="4" t="s">
        <v>6</v>
      </c>
      <c r="D1657" s="5" t="s">
        <v>1000</v>
      </c>
      <c r="E1657" s="5" t="s">
        <v>6148</v>
      </c>
      <c r="F1657" s="6" t="s">
        <v>6149</v>
      </c>
      <c r="G1657" s="2"/>
      <c r="H1657" s="4"/>
      <c r="I1657" s="5"/>
      <c r="J1657" s="5"/>
      <c r="K1657" s="5"/>
      <c r="L1657" s="6"/>
      <c r="M1657" s="2" t="s">
        <v>6150</v>
      </c>
      <c r="N1657" s="3">
        <v>39223</v>
      </c>
      <c r="O1657" s="3">
        <v>44835</v>
      </c>
      <c r="P1657" s="3">
        <v>46660</v>
      </c>
    </row>
    <row r="1658" spans="1:16" x14ac:dyDescent="0.15">
      <c r="A1658" s="2" t="s">
        <v>49</v>
      </c>
      <c r="B1658" s="2" t="s">
        <v>6152</v>
      </c>
      <c r="C1658" s="4" t="s">
        <v>6</v>
      </c>
      <c r="D1658" s="5" t="s">
        <v>3224</v>
      </c>
      <c r="E1658" s="5" t="s">
        <v>6151</v>
      </c>
      <c r="F1658" s="6" t="s">
        <v>5</v>
      </c>
      <c r="G1658" s="2"/>
      <c r="H1658" s="4"/>
      <c r="I1658" s="5"/>
      <c r="J1658" s="5"/>
      <c r="K1658" s="5"/>
      <c r="L1658" s="6"/>
      <c r="M1658" s="2" t="s">
        <v>6153</v>
      </c>
      <c r="N1658" s="3">
        <v>39191</v>
      </c>
      <c r="O1658" s="3">
        <v>44866</v>
      </c>
      <c r="P1658" s="3">
        <v>46691</v>
      </c>
    </row>
    <row r="1659" spans="1:16" x14ac:dyDescent="0.15">
      <c r="A1659" s="2" t="s">
        <v>49</v>
      </c>
      <c r="B1659" s="2" t="s">
        <v>9664</v>
      </c>
      <c r="C1659" s="4" t="s">
        <v>6</v>
      </c>
      <c r="D1659" s="5" t="s">
        <v>45</v>
      </c>
      <c r="E1659" s="5" t="s">
        <v>6943</v>
      </c>
      <c r="F1659" s="6" t="s">
        <v>5</v>
      </c>
      <c r="G1659" s="2" t="s">
        <v>9663</v>
      </c>
      <c r="H1659" s="4" t="s">
        <v>9</v>
      </c>
      <c r="I1659" s="5" t="s">
        <v>6</v>
      </c>
      <c r="J1659" s="5" t="s">
        <v>45</v>
      </c>
      <c r="K1659" s="5" t="s">
        <v>5101</v>
      </c>
      <c r="L1659" s="6" t="s">
        <v>5</v>
      </c>
      <c r="M1659" s="2" t="s">
        <v>9665</v>
      </c>
      <c r="N1659" s="3">
        <v>40821</v>
      </c>
      <c r="O1659" s="3">
        <v>45261</v>
      </c>
      <c r="P1659" s="3">
        <v>47452</v>
      </c>
    </row>
    <row r="1660" spans="1:16" x14ac:dyDescent="0.15">
      <c r="A1660" s="2" t="s">
        <v>49</v>
      </c>
      <c r="B1660" s="2" t="s">
        <v>9673</v>
      </c>
      <c r="C1660" s="4" t="s">
        <v>6</v>
      </c>
      <c r="D1660" s="5" t="s">
        <v>378</v>
      </c>
      <c r="E1660" s="5" t="s">
        <v>9674</v>
      </c>
      <c r="F1660" s="6" t="s">
        <v>5</v>
      </c>
      <c r="G1660" s="2" t="s">
        <v>9672</v>
      </c>
      <c r="H1660" s="4" t="s">
        <v>9</v>
      </c>
      <c r="I1660" s="5" t="s">
        <v>663</v>
      </c>
      <c r="J1660" s="5" t="s">
        <v>2066</v>
      </c>
      <c r="K1660" s="5" t="s">
        <v>2069</v>
      </c>
      <c r="L1660" s="6" t="s">
        <v>5</v>
      </c>
      <c r="M1660" s="2" t="s">
        <v>9675</v>
      </c>
      <c r="N1660" s="3">
        <v>45240</v>
      </c>
      <c r="O1660" s="3">
        <v>45240</v>
      </c>
      <c r="P1660" s="3">
        <v>47634</v>
      </c>
    </row>
    <row r="1661" spans="1:16" x14ac:dyDescent="0.15">
      <c r="A1661" s="2" t="s">
        <v>49</v>
      </c>
      <c r="B1661" s="2" t="s">
        <v>9684</v>
      </c>
      <c r="C1661" s="4" t="s">
        <v>6</v>
      </c>
      <c r="D1661" s="5" t="s">
        <v>45</v>
      </c>
      <c r="E1661" s="5" t="s">
        <v>9685</v>
      </c>
      <c r="F1661" s="6" t="s">
        <v>9686</v>
      </c>
      <c r="G1661" s="2" t="s">
        <v>9682</v>
      </c>
      <c r="H1661" s="4" t="s">
        <v>9</v>
      </c>
      <c r="I1661" s="5" t="s">
        <v>6</v>
      </c>
      <c r="J1661" s="5" t="s">
        <v>45</v>
      </c>
      <c r="K1661" s="5" t="s">
        <v>9683</v>
      </c>
      <c r="L1661" s="6" t="s">
        <v>5</v>
      </c>
      <c r="M1661" s="2" t="s">
        <v>9687</v>
      </c>
      <c r="N1661" s="3">
        <v>42852</v>
      </c>
      <c r="O1661" s="3">
        <v>45261</v>
      </c>
      <c r="P1661" s="3">
        <v>47452</v>
      </c>
    </row>
    <row r="1662" spans="1:16" x14ac:dyDescent="0.15">
      <c r="A1662" s="2" t="s">
        <v>49</v>
      </c>
      <c r="B1662" s="2" t="s">
        <v>9709</v>
      </c>
      <c r="C1662" s="4" t="s">
        <v>6</v>
      </c>
      <c r="D1662" s="5" t="s">
        <v>1027</v>
      </c>
      <c r="E1662" s="5" t="s">
        <v>9708</v>
      </c>
      <c r="F1662" s="6" t="s">
        <v>5</v>
      </c>
      <c r="G1662" s="2" t="s">
        <v>9707</v>
      </c>
      <c r="H1662" s="4" t="s">
        <v>9</v>
      </c>
      <c r="I1662" s="5" t="s">
        <v>6</v>
      </c>
      <c r="J1662" s="5" t="s">
        <v>1027</v>
      </c>
      <c r="K1662" s="5" t="s">
        <v>9708</v>
      </c>
      <c r="L1662" s="6" t="s">
        <v>5</v>
      </c>
      <c r="M1662" s="2" t="s">
        <v>9710</v>
      </c>
      <c r="N1662" s="3">
        <v>34627</v>
      </c>
      <c r="O1662" s="3">
        <v>45261</v>
      </c>
      <c r="P1662" s="3">
        <v>47087</v>
      </c>
    </row>
    <row r="1663" spans="1:16" x14ac:dyDescent="0.15">
      <c r="A1663" s="2" t="s">
        <v>49</v>
      </c>
      <c r="B1663" s="2" t="s">
        <v>6166</v>
      </c>
      <c r="C1663" s="4" t="s">
        <v>6</v>
      </c>
      <c r="D1663" s="5" t="s">
        <v>179</v>
      </c>
      <c r="E1663" s="5" t="s">
        <v>6167</v>
      </c>
      <c r="F1663" s="6" t="s">
        <v>5</v>
      </c>
      <c r="G1663" s="2"/>
      <c r="H1663" s="4"/>
      <c r="I1663" s="5"/>
      <c r="J1663" s="5"/>
      <c r="K1663" s="5"/>
      <c r="L1663" s="6"/>
      <c r="M1663" s="2" t="s">
        <v>6168</v>
      </c>
      <c r="N1663" s="3">
        <v>37095</v>
      </c>
      <c r="O1663" s="3">
        <v>44835</v>
      </c>
      <c r="P1663" s="3">
        <v>46660</v>
      </c>
    </row>
    <row r="1664" spans="1:16" x14ac:dyDescent="0.15">
      <c r="A1664" s="2" t="s">
        <v>49</v>
      </c>
      <c r="B1664" s="2" t="s">
        <v>6169</v>
      </c>
      <c r="C1664" s="4" t="s">
        <v>6</v>
      </c>
      <c r="D1664" s="5" t="s">
        <v>6170</v>
      </c>
      <c r="E1664" s="5" t="s">
        <v>6171</v>
      </c>
      <c r="F1664" s="6" t="s">
        <v>5</v>
      </c>
      <c r="G1664" s="2"/>
      <c r="H1664" s="4"/>
      <c r="I1664" s="5"/>
      <c r="J1664" s="5"/>
      <c r="K1664" s="5"/>
      <c r="L1664" s="6"/>
      <c r="M1664" s="2" t="s">
        <v>6172</v>
      </c>
      <c r="N1664" s="3">
        <v>37246</v>
      </c>
      <c r="O1664" s="3">
        <v>44835</v>
      </c>
      <c r="P1664" s="3">
        <v>46660</v>
      </c>
    </row>
    <row r="1665" spans="1:16" x14ac:dyDescent="0.15">
      <c r="A1665" s="2" t="s">
        <v>49</v>
      </c>
      <c r="B1665" s="2" t="s">
        <v>6173</v>
      </c>
      <c r="C1665" s="4" t="s">
        <v>6</v>
      </c>
      <c r="D1665" s="5" t="s">
        <v>6174</v>
      </c>
      <c r="E1665" s="5" t="s">
        <v>1969</v>
      </c>
      <c r="F1665" s="6" t="s">
        <v>5</v>
      </c>
      <c r="G1665" s="2"/>
      <c r="H1665" s="4"/>
      <c r="I1665" s="5"/>
      <c r="J1665" s="5"/>
      <c r="K1665" s="5"/>
      <c r="L1665" s="6"/>
      <c r="M1665" s="2" t="s">
        <v>6175</v>
      </c>
      <c r="N1665" s="3">
        <v>38428</v>
      </c>
      <c r="O1665" s="3">
        <v>44835</v>
      </c>
      <c r="P1665" s="3">
        <v>47026</v>
      </c>
    </row>
    <row r="1666" spans="1:16" x14ac:dyDescent="0.15">
      <c r="A1666" s="2" t="s">
        <v>49</v>
      </c>
      <c r="B1666" s="2" t="s">
        <v>6176</v>
      </c>
      <c r="C1666" s="4" t="s">
        <v>6</v>
      </c>
      <c r="D1666" s="5" t="s">
        <v>848</v>
      </c>
      <c r="E1666" s="5" t="s">
        <v>3416</v>
      </c>
      <c r="F1666" s="6" t="s">
        <v>5</v>
      </c>
      <c r="G1666" s="2"/>
      <c r="H1666" s="4"/>
      <c r="I1666" s="5"/>
      <c r="J1666" s="5"/>
      <c r="K1666" s="5"/>
      <c r="L1666" s="6"/>
      <c r="M1666" s="2" t="s">
        <v>6177</v>
      </c>
      <c r="N1666" s="3">
        <v>45386</v>
      </c>
      <c r="O1666" s="3">
        <v>45386</v>
      </c>
      <c r="P1666" s="3">
        <v>47634</v>
      </c>
    </row>
    <row r="1667" spans="1:16" x14ac:dyDescent="0.15">
      <c r="A1667" s="2" t="s">
        <v>49</v>
      </c>
      <c r="B1667" s="2" t="s">
        <v>6179</v>
      </c>
      <c r="C1667" s="4" t="s">
        <v>6</v>
      </c>
      <c r="D1667" s="5" t="s">
        <v>3639</v>
      </c>
      <c r="E1667" s="5" t="s">
        <v>6180</v>
      </c>
      <c r="F1667" s="6" t="s">
        <v>5</v>
      </c>
      <c r="G1667" s="2"/>
      <c r="H1667" s="4"/>
      <c r="I1667" s="5"/>
      <c r="J1667" s="5"/>
      <c r="K1667" s="5"/>
      <c r="L1667" s="6"/>
      <c r="M1667" s="2" t="s">
        <v>6181</v>
      </c>
      <c r="N1667" s="3">
        <v>38429</v>
      </c>
      <c r="O1667" s="3">
        <v>44835</v>
      </c>
      <c r="P1667" s="3">
        <v>46660</v>
      </c>
    </row>
    <row r="1668" spans="1:16" x14ac:dyDescent="0.15">
      <c r="A1668" s="2" t="s">
        <v>49</v>
      </c>
      <c r="B1668" s="2" t="s">
        <v>6182</v>
      </c>
      <c r="C1668" s="4" t="s">
        <v>6</v>
      </c>
      <c r="D1668" s="5" t="s">
        <v>402</v>
      </c>
      <c r="E1668" s="5" t="s">
        <v>6183</v>
      </c>
      <c r="F1668" s="6" t="s">
        <v>5</v>
      </c>
      <c r="G1668" s="2"/>
      <c r="H1668" s="4"/>
      <c r="I1668" s="5"/>
      <c r="J1668" s="5"/>
      <c r="K1668" s="5"/>
      <c r="L1668" s="6"/>
      <c r="M1668" s="2" t="s">
        <v>6184</v>
      </c>
      <c r="N1668" s="3">
        <v>40270</v>
      </c>
      <c r="O1668" s="3">
        <v>44866</v>
      </c>
      <c r="P1668" s="3">
        <v>47057</v>
      </c>
    </row>
    <row r="1669" spans="1:16" x14ac:dyDescent="0.15">
      <c r="A1669" s="2" t="s">
        <v>49</v>
      </c>
      <c r="B1669" s="2" t="s">
        <v>6185</v>
      </c>
      <c r="C1669" s="4" t="s">
        <v>6</v>
      </c>
      <c r="D1669" s="5" t="s">
        <v>1351</v>
      </c>
      <c r="E1669" s="5" t="s">
        <v>6186</v>
      </c>
      <c r="F1669" s="6" t="s">
        <v>5</v>
      </c>
      <c r="G1669" s="2"/>
      <c r="H1669" s="4"/>
      <c r="I1669" s="5"/>
      <c r="J1669" s="5"/>
      <c r="K1669" s="5"/>
      <c r="L1669" s="6"/>
      <c r="M1669" s="2" t="s">
        <v>6187</v>
      </c>
      <c r="N1669" s="3">
        <v>40374</v>
      </c>
      <c r="O1669" s="3">
        <v>44866</v>
      </c>
      <c r="P1669" s="3">
        <v>47057</v>
      </c>
    </row>
    <row r="1670" spans="1:16" x14ac:dyDescent="0.15">
      <c r="A1670" s="2" t="s">
        <v>49</v>
      </c>
      <c r="B1670" s="2" t="s">
        <v>6188</v>
      </c>
      <c r="C1670" s="4" t="s">
        <v>6</v>
      </c>
      <c r="D1670" s="5" t="s">
        <v>1517</v>
      </c>
      <c r="E1670" s="5" t="s">
        <v>6189</v>
      </c>
      <c r="F1670" s="6" t="s">
        <v>5</v>
      </c>
      <c r="G1670" s="2"/>
      <c r="H1670" s="4"/>
      <c r="I1670" s="5"/>
      <c r="J1670" s="5"/>
      <c r="K1670" s="5"/>
      <c r="L1670" s="6"/>
      <c r="M1670" s="2" t="s">
        <v>6190</v>
      </c>
      <c r="N1670" s="3">
        <v>41040</v>
      </c>
      <c r="O1670" s="3">
        <v>44835</v>
      </c>
      <c r="P1670" s="3">
        <v>46660</v>
      </c>
    </row>
    <row r="1671" spans="1:16" x14ac:dyDescent="0.15">
      <c r="A1671" s="2" t="s">
        <v>49</v>
      </c>
      <c r="B1671" s="2" t="s">
        <v>6191</v>
      </c>
      <c r="C1671" s="4" t="s">
        <v>6</v>
      </c>
      <c r="D1671" s="5" t="s">
        <v>2371</v>
      </c>
      <c r="E1671" s="5" t="s">
        <v>6192</v>
      </c>
      <c r="F1671" s="6" t="s">
        <v>5</v>
      </c>
      <c r="G1671" s="2"/>
      <c r="H1671" s="4"/>
      <c r="I1671" s="5"/>
      <c r="J1671" s="5"/>
      <c r="K1671" s="5"/>
      <c r="L1671" s="6"/>
      <c r="M1671" s="2" t="s">
        <v>6193</v>
      </c>
      <c r="N1671" s="3">
        <v>40102</v>
      </c>
      <c r="O1671" s="3">
        <v>44835</v>
      </c>
      <c r="P1671" s="3">
        <v>47026</v>
      </c>
    </row>
    <row r="1672" spans="1:16" x14ac:dyDescent="0.15">
      <c r="A1672" s="2" t="s">
        <v>49</v>
      </c>
      <c r="B1672" s="2" t="s">
        <v>6194</v>
      </c>
      <c r="C1672" s="4" t="s">
        <v>6</v>
      </c>
      <c r="D1672" s="5" t="s">
        <v>6195</v>
      </c>
      <c r="E1672" s="5" t="s">
        <v>6196</v>
      </c>
      <c r="F1672" s="6" t="s">
        <v>5</v>
      </c>
      <c r="G1672" s="2"/>
      <c r="H1672" s="4"/>
      <c r="I1672" s="5"/>
      <c r="J1672" s="5"/>
      <c r="K1672" s="5"/>
      <c r="L1672" s="6"/>
      <c r="M1672" s="2" t="s">
        <v>6197</v>
      </c>
      <c r="N1672" s="3">
        <v>42644</v>
      </c>
      <c r="O1672" s="3">
        <v>44835</v>
      </c>
      <c r="P1672" s="3">
        <v>47026</v>
      </c>
    </row>
    <row r="1673" spans="1:16" x14ac:dyDescent="0.15">
      <c r="A1673" s="2" t="s">
        <v>49</v>
      </c>
      <c r="B1673" s="2" t="s">
        <v>6198</v>
      </c>
      <c r="C1673" s="4" t="s">
        <v>6</v>
      </c>
      <c r="D1673" s="5" t="s">
        <v>1000</v>
      </c>
      <c r="E1673" s="5" t="s">
        <v>3511</v>
      </c>
      <c r="F1673" s="6" t="s">
        <v>6199</v>
      </c>
      <c r="G1673" s="2"/>
      <c r="H1673" s="4"/>
      <c r="I1673" s="5"/>
      <c r="J1673" s="5"/>
      <c r="K1673" s="5"/>
      <c r="L1673" s="6"/>
      <c r="M1673" s="2" t="s">
        <v>6200</v>
      </c>
      <c r="N1673" s="3">
        <v>39059</v>
      </c>
      <c r="O1673" s="3">
        <v>44835</v>
      </c>
      <c r="P1673" s="3">
        <v>46660</v>
      </c>
    </row>
    <row r="1674" spans="1:16" x14ac:dyDescent="0.15">
      <c r="A1674" s="2" t="s">
        <v>49</v>
      </c>
      <c r="B1674" s="2" t="s">
        <v>6202</v>
      </c>
      <c r="C1674" s="4" t="s">
        <v>6</v>
      </c>
      <c r="D1674" s="5" t="s">
        <v>1431</v>
      </c>
      <c r="E1674" s="5" t="s">
        <v>6203</v>
      </c>
      <c r="F1674" s="6" t="s">
        <v>5</v>
      </c>
      <c r="G1674" s="2"/>
      <c r="H1674" s="4"/>
      <c r="I1674" s="5"/>
      <c r="J1674" s="5"/>
      <c r="K1674" s="5"/>
      <c r="L1674" s="6"/>
      <c r="M1674" s="2" t="s">
        <v>6204</v>
      </c>
      <c r="N1674" s="3">
        <v>42414</v>
      </c>
      <c r="O1674" s="3">
        <v>44835</v>
      </c>
      <c r="P1674" s="3">
        <v>47026</v>
      </c>
    </row>
    <row r="1675" spans="1:16" x14ac:dyDescent="0.15">
      <c r="A1675" s="2" t="s">
        <v>49</v>
      </c>
      <c r="B1675" s="2" t="s">
        <v>9718</v>
      </c>
      <c r="C1675" s="4" t="s">
        <v>6</v>
      </c>
      <c r="D1675" s="5" t="s">
        <v>45</v>
      </c>
      <c r="E1675" s="5" t="s">
        <v>9719</v>
      </c>
      <c r="F1675" s="6" t="s">
        <v>9720</v>
      </c>
      <c r="G1675" s="2" t="s">
        <v>9715</v>
      </c>
      <c r="H1675" s="4" t="s">
        <v>9</v>
      </c>
      <c r="I1675" s="5" t="s">
        <v>663</v>
      </c>
      <c r="J1675" s="5" t="s">
        <v>9716</v>
      </c>
      <c r="K1675" s="5" t="s">
        <v>9717</v>
      </c>
      <c r="L1675" s="6" t="s">
        <v>5</v>
      </c>
      <c r="M1675" s="2" t="s">
        <v>9721</v>
      </c>
      <c r="N1675" s="3">
        <v>32858</v>
      </c>
      <c r="O1675" s="3">
        <v>45261</v>
      </c>
      <c r="P1675" s="3">
        <v>47452</v>
      </c>
    </row>
    <row r="1676" spans="1:16" x14ac:dyDescent="0.15">
      <c r="A1676" s="2" t="s">
        <v>49</v>
      </c>
      <c r="B1676" s="2" t="s">
        <v>6212</v>
      </c>
      <c r="C1676" s="4" t="s">
        <v>6</v>
      </c>
      <c r="D1676" s="5" t="s">
        <v>2956</v>
      </c>
      <c r="E1676" s="5" t="s">
        <v>4397</v>
      </c>
      <c r="F1676" s="6" t="s">
        <v>6213</v>
      </c>
      <c r="G1676" s="2"/>
      <c r="H1676" s="4"/>
      <c r="I1676" s="5"/>
      <c r="J1676" s="5"/>
      <c r="K1676" s="5"/>
      <c r="L1676" s="6"/>
      <c r="M1676" s="2" t="s">
        <v>6214</v>
      </c>
      <c r="N1676" s="3">
        <v>44813</v>
      </c>
      <c r="O1676" s="3">
        <v>44813</v>
      </c>
      <c r="P1676" s="3">
        <v>47087</v>
      </c>
    </row>
    <row r="1677" spans="1:16" x14ac:dyDescent="0.15">
      <c r="A1677" s="2" t="s">
        <v>16</v>
      </c>
      <c r="B1677" s="2" t="s">
        <v>6217</v>
      </c>
      <c r="C1677" s="4" t="s">
        <v>6</v>
      </c>
      <c r="D1677" s="5" t="s">
        <v>6215</v>
      </c>
      <c r="E1677" s="5" t="s">
        <v>6216</v>
      </c>
      <c r="F1677" s="6" t="s">
        <v>5</v>
      </c>
      <c r="G1677" s="2"/>
      <c r="H1677" s="4"/>
      <c r="I1677" s="5"/>
      <c r="J1677" s="5"/>
      <c r="K1677" s="5"/>
      <c r="L1677" s="6"/>
      <c r="M1677" s="2" t="s">
        <v>6218</v>
      </c>
      <c r="N1677" s="3">
        <v>34799</v>
      </c>
      <c r="O1677" s="3">
        <v>44866</v>
      </c>
      <c r="P1677" s="3">
        <v>47057</v>
      </c>
    </row>
    <row r="1678" spans="1:16" x14ac:dyDescent="0.15">
      <c r="A1678" s="2" t="s">
        <v>49</v>
      </c>
      <c r="B1678" s="2" t="s">
        <v>6219</v>
      </c>
      <c r="C1678" s="4" t="s">
        <v>6</v>
      </c>
      <c r="D1678" s="5" t="s">
        <v>909</v>
      </c>
      <c r="E1678" s="5" t="s">
        <v>6220</v>
      </c>
      <c r="F1678" s="6" t="s">
        <v>5</v>
      </c>
      <c r="G1678" s="2"/>
      <c r="H1678" s="4"/>
      <c r="I1678" s="5"/>
      <c r="J1678" s="5"/>
      <c r="K1678" s="5"/>
      <c r="L1678" s="6"/>
      <c r="M1678" s="2" t="s">
        <v>6221</v>
      </c>
      <c r="N1678" s="3">
        <v>44866</v>
      </c>
      <c r="O1678" s="3">
        <v>44866</v>
      </c>
      <c r="P1678" s="3">
        <v>47026</v>
      </c>
    </row>
    <row r="1679" spans="1:16" x14ac:dyDescent="0.15">
      <c r="A1679" s="2" t="s">
        <v>49</v>
      </c>
      <c r="B1679" s="2" t="s">
        <v>6223</v>
      </c>
      <c r="C1679" s="4" t="s">
        <v>6</v>
      </c>
      <c r="D1679" s="5" t="s">
        <v>6224</v>
      </c>
      <c r="E1679" s="5" t="s">
        <v>5</v>
      </c>
      <c r="F1679" s="6" t="s">
        <v>5</v>
      </c>
      <c r="G1679" s="2"/>
      <c r="H1679" s="4"/>
      <c r="I1679" s="5"/>
      <c r="J1679" s="5"/>
      <c r="K1679" s="5"/>
      <c r="L1679" s="6"/>
      <c r="M1679" s="2" t="s">
        <v>6226</v>
      </c>
      <c r="N1679" s="3">
        <v>44805</v>
      </c>
      <c r="O1679" s="3">
        <v>44805</v>
      </c>
      <c r="P1679" s="3">
        <v>46934</v>
      </c>
    </row>
    <row r="1680" spans="1:16" x14ac:dyDescent="0.15">
      <c r="A1680" s="2" t="s">
        <v>49</v>
      </c>
      <c r="B1680" s="2" t="s">
        <v>6227</v>
      </c>
      <c r="C1680" s="4" t="s">
        <v>6</v>
      </c>
      <c r="D1680" s="5" t="s">
        <v>6228</v>
      </c>
      <c r="E1680" s="5" t="s">
        <v>6229</v>
      </c>
      <c r="F1680" s="6" t="s">
        <v>6230</v>
      </c>
      <c r="G1680" s="2"/>
      <c r="H1680" s="4"/>
      <c r="I1680" s="5"/>
      <c r="J1680" s="5"/>
      <c r="K1680" s="5"/>
      <c r="L1680" s="6"/>
      <c r="M1680" s="2" t="s">
        <v>6231</v>
      </c>
      <c r="N1680" s="3">
        <v>39269</v>
      </c>
      <c r="O1680" s="3">
        <v>44866</v>
      </c>
      <c r="P1680" s="3">
        <v>46691</v>
      </c>
    </row>
    <row r="1681" spans="1:16" x14ac:dyDescent="0.15">
      <c r="A1681" s="2" t="s">
        <v>49</v>
      </c>
      <c r="B1681" s="2" t="s">
        <v>9722</v>
      </c>
      <c r="C1681" s="4" t="s">
        <v>6</v>
      </c>
      <c r="D1681" s="5" t="s">
        <v>45</v>
      </c>
      <c r="E1681" s="5" t="s">
        <v>9719</v>
      </c>
      <c r="F1681" s="6" t="s">
        <v>9723</v>
      </c>
      <c r="G1681" s="2" t="s">
        <v>9715</v>
      </c>
      <c r="H1681" s="4" t="s">
        <v>9</v>
      </c>
      <c r="I1681" s="5" t="s">
        <v>663</v>
      </c>
      <c r="J1681" s="5" t="s">
        <v>9716</v>
      </c>
      <c r="K1681" s="5" t="s">
        <v>9717</v>
      </c>
      <c r="L1681" s="6" t="s">
        <v>5</v>
      </c>
      <c r="M1681" s="2" t="s">
        <v>9724</v>
      </c>
      <c r="N1681" s="3">
        <v>38936</v>
      </c>
      <c r="O1681" s="3">
        <v>45261</v>
      </c>
      <c r="P1681" s="3">
        <v>47452</v>
      </c>
    </row>
    <row r="1682" spans="1:16" x14ac:dyDescent="0.15">
      <c r="A1682" s="2" t="s">
        <v>49</v>
      </c>
      <c r="B1682" s="2" t="s">
        <v>9735</v>
      </c>
      <c r="C1682" s="4" t="s">
        <v>6</v>
      </c>
      <c r="D1682" s="5" t="s">
        <v>152</v>
      </c>
      <c r="E1682" s="5" t="s">
        <v>9736</v>
      </c>
      <c r="F1682" s="6" t="s">
        <v>5</v>
      </c>
      <c r="G1682" s="2" t="s">
        <v>9733</v>
      </c>
      <c r="H1682" s="4" t="s">
        <v>9</v>
      </c>
      <c r="I1682" s="5" t="s">
        <v>663</v>
      </c>
      <c r="J1682" s="5" t="s">
        <v>6936</v>
      </c>
      <c r="K1682" s="5" t="s">
        <v>9734</v>
      </c>
      <c r="L1682" s="6" t="s">
        <v>5</v>
      </c>
      <c r="M1682" s="2" t="s">
        <v>9737</v>
      </c>
      <c r="N1682" s="3">
        <v>40641</v>
      </c>
      <c r="O1682" s="3">
        <v>45231</v>
      </c>
      <c r="P1682" s="3">
        <v>47422</v>
      </c>
    </row>
    <row r="1683" spans="1:16" x14ac:dyDescent="0.15">
      <c r="A1683" s="2" t="s">
        <v>49</v>
      </c>
      <c r="B1683" s="2" t="s">
        <v>6239</v>
      </c>
      <c r="C1683" s="4" t="s">
        <v>6</v>
      </c>
      <c r="D1683" s="5" t="s">
        <v>6238</v>
      </c>
      <c r="E1683" s="5" t="s">
        <v>106</v>
      </c>
      <c r="F1683" s="6" t="s">
        <v>5</v>
      </c>
      <c r="G1683" s="2"/>
      <c r="H1683" s="4"/>
      <c r="I1683" s="5"/>
      <c r="J1683" s="5"/>
      <c r="K1683" s="5"/>
      <c r="L1683" s="6"/>
      <c r="M1683" s="2" t="s">
        <v>6240</v>
      </c>
      <c r="N1683" s="3">
        <v>41114</v>
      </c>
      <c r="O1683" s="3">
        <v>44835</v>
      </c>
      <c r="P1683" s="3">
        <v>46660</v>
      </c>
    </row>
    <row r="1684" spans="1:16" x14ac:dyDescent="0.15">
      <c r="A1684" s="2" t="s">
        <v>49</v>
      </c>
      <c r="B1684" s="2" t="s">
        <v>6242</v>
      </c>
      <c r="C1684" s="4" t="s">
        <v>6</v>
      </c>
      <c r="D1684" s="5" t="s">
        <v>811</v>
      </c>
      <c r="E1684" s="5" t="s">
        <v>6241</v>
      </c>
      <c r="F1684" s="6" t="s">
        <v>5</v>
      </c>
      <c r="G1684" s="2"/>
      <c r="H1684" s="4"/>
      <c r="I1684" s="5"/>
      <c r="J1684" s="5"/>
      <c r="K1684" s="5"/>
      <c r="L1684" s="6"/>
      <c r="M1684" s="2" t="s">
        <v>6243</v>
      </c>
      <c r="N1684" s="3">
        <v>39115</v>
      </c>
      <c r="O1684" s="3">
        <v>44835</v>
      </c>
      <c r="P1684" s="3">
        <v>46660</v>
      </c>
    </row>
    <row r="1685" spans="1:16" x14ac:dyDescent="0.15">
      <c r="A1685" s="2" t="s">
        <v>49</v>
      </c>
      <c r="B1685" s="2" t="s">
        <v>6244</v>
      </c>
      <c r="C1685" s="4" t="s">
        <v>6</v>
      </c>
      <c r="D1685" s="5" t="s">
        <v>6245</v>
      </c>
      <c r="E1685" s="5" t="s">
        <v>6246</v>
      </c>
      <c r="F1685" s="6" t="s">
        <v>5</v>
      </c>
      <c r="G1685" s="2"/>
      <c r="H1685" s="4"/>
      <c r="I1685" s="5"/>
      <c r="J1685" s="5"/>
      <c r="K1685" s="5"/>
      <c r="L1685" s="6"/>
      <c r="M1685" s="2" t="s">
        <v>6247</v>
      </c>
      <c r="N1685" s="3">
        <v>38408</v>
      </c>
      <c r="O1685" s="3">
        <v>44835</v>
      </c>
      <c r="P1685" s="3">
        <v>47026</v>
      </c>
    </row>
    <row r="1686" spans="1:16" x14ac:dyDescent="0.15">
      <c r="A1686" s="2" t="s">
        <v>16</v>
      </c>
      <c r="B1686" s="2" t="s">
        <v>6244</v>
      </c>
      <c r="C1686" s="4" t="s">
        <v>6</v>
      </c>
      <c r="D1686" s="5" t="s">
        <v>6245</v>
      </c>
      <c r="E1686" s="5" t="s">
        <v>6246</v>
      </c>
      <c r="F1686" s="6" t="s">
        <v>5</v>
      </c>
      <c r="G1686" s="2"/>
      <c r="H1686" s="4"/>
      <c r="I1686" s="5"/>
      <c r="J1686" s="5"/>
      <c r="K1686" s="5"/>
      <c r="L1686" s="6"/>
      <c r="M1686" s="2" t="s">
        <v>6248</v>
      </c>
      <c r="N1686" s="3">
        <v>39526</v>
      </c>
      <c r="O1686" s="3">
        <v>45200</v>
      </c>
      <c r="P1686" s="3">
        <v>47026</v>
      </c>
    </row>
    <row r="1687" spans="1:16" x14ac:dyDescent="0.15">
      <c r="A1687" s="2" t="s">
        <v>660</v>
      </c>
      <c r="B1687" s="2" t="s">
        <v>6244</v>
      </c>
      <c r="C1687" s="4" t="s">
        <v>6</v>
      </c>
      <c r="D1687" s="5" t="s">
        <v>6245</v>
      </c>
      <c r="E1687" s="5" t="s">
        <v>6246</v>
      </c>
      <c r="F1687" s="6" t="s">
        <v>5</v>
      </c>
      <c r="G1687" s="2"/>
      <c r="H1687" s="4"/>
      <c r="I1687" s="5"/>
      <c r="J1687" s="5"/>
      <c r="K1687" s="5"/>
      <c r="L1687" s="6"/>
      <c r="M1687" s="2" t="s">
        <v>6249</v>
      </c>
      <c r="N1687" s="3">
        <v>39527</v>
      </c>
      <c r="O1687" s="3">
        <v>45200</v>
      </c>
      <c r="P1687" s="3">
        <v>47026</v>
      </c>
    </row>
    <row r="1688" spans="1:16" x14ac:dyDescent="0.15">
      <c r="A1688" s="2" t="s">
        <v>16</v>
      </c>
      <c r="B1688" s="2" t="s">
        <v>6252</v>
      </c>
      <c r="C1688" s="4" t="s">
        <v>6</v>
      </c>
      <c r="D1688" s="5" t="s">
        <v>6250</v>
      </c>
      <c r="E1688" s="5" t="s">
        <v>6251</v>
      </c>
      <c r="F1688" s="6" t="s">
        <v>5</v>
      </c>
      <c r="G1688" s="2"/>
      <c r="H1688" s="4"/>
      <c r="I1688" s="5"/>
      <c r="J1688" s="5"/>
      <c r="K1688" s="5"/>
      <c r="L1688" s="6"/>
      <c r="M1688" s="2" t="s">
        <v>6253</v>
      </c>
      <c r="N1688" s="3">
        <v>41046</v>
      </c>
      <c r="O1688" s="3">
        <v>44835</v>
      </c>
      <c r="P1688" s="3">
        <v>46660</v>
      </c>
    </row>
    <row r="1689" spans="1:16" x14ac:dyDescent="0.15">
      <c r="A1689" s="2" t="s">
        <v>49</v>
      </c>
      <c r="B1689" s="2" t="s">
        <v>6254</v>
      </c>
      <c r="C1689" s="4" t="s">
        <v>6</v>
      </c>
      <c r="D1689" s="5" t="s">
        <v>79</v>
      </c>
      <c r="E1689" s="5" t="s">
        <v>6255</v>
      </c>
      <c r="F1689" s="6" t="s">
        <v>5</v>
      </c>
      <c r="G1689" s="2"/>
      <c r="H1689" s="4"/>
      <c r="I1689" s="5"/>
      <c r="J1689" s="5"/>
      <c r="K1689" s="5"/>
      <c r="L1689" s="6"/>
      <c r="M1689" s="2" t="s">
        <v>6256</v>
      </c>
      <c r="N1689" s="3">
        <v>44826</v>
      </c>
      <c r="O1689" s="3">
        <v>44826</v>
      </c>
      <c r="P1689" s="3">
        <v>47057</v>
      </c>
    </row>
    <row r="1690" spans="1:16" x14ac:dyDescent="0.15">
      <c r="A1690" s="2" t="s">
        <v>49</v>
      </c>
      <c r="B1690" s="2" t="s">
        <v>9742</v>
      </c>
      <c r="C1690" s="4" t="s">
        <v>6</v>
      </c>
      <c r="D1690" s="5" t="s">
        <v>134</v>
      </c>
      <c r="E1690" s="5" t="s">
        <v>9743</v>
      </c>
      <c r="F1690" s="6" t="s">
        <v>5</v>
      </c>
      <c r="G1690" s="2" t="s">
        <v>9738</v>
      </c>
      <c r="H1690" s="4" t="s">
        <v>4626</v>
      </c>
      <c r="I1690" s="5" t="s">
        <v>9739</v>
      </c>
      <c r="J1690" s="5" t="s">
        <v>9740</v>
      </c>
      <c r="K1690" s="5" t="s">
        <v>9741</v>
      </c>
      <c r="L1690" s="6" t="s">
        <v>5</v>
      </c>
      <c r="M1690" s="2" t="s">
        <v>9744</v>
      </c>
      <c r="N1690" s="3">
        <v>43040</v>
      </c>
      <c r="O1690" s="3">
        <v>45231</v>
      </c>
      <c r="P1690" s="3">
        <v>47422</v>
      </c>
    </row>
    <row r="1691" spans="1:16" x14ac:dyDescent="0.15">
      <c r="A1691" s="2" t="s">
        <v>49</v>
      </c>
      <c r="B1691" s="2" t="s">
        <v>6263</v>
      </c>
      <c r="C1691" s="4" t="s">
        <v>6</v>
      </c>
      <c r="D1691" s="5" t="s">
        <v>6261</v>
      </c>
      <c r="E1691" s="5" t="s">
        <v>6262</v>
      </c>
      <c r="F1691" s="6" t="s">
        <v>5</v>
      </c>
      <c r="G1691" s="2"/>
      <c r="H1691" s="4"/>
      <c r="I1691" s="5"/>
      <c r="J1691" s="5"/>
      <c r="K1691" s="5"/>
      <c r="L1691" s="6"/>
      <c r="M1691" s="2" t="s">
        <v>6264</v>
      </c>
      <c r="N1691" s="3">
        <v>37430</v>
      </c>
      <c r="O1691" s="3">
        <v>44835</v>
      </c>
      <c r="P1691" s="3">
        <v>46660</v>
      </c>
    </row>
    <row r="1692" spans="1:16" x14ac:dyDescent="0.15">
      <c r="A1692" s="2" t="s">
        <v>49</v>
      </c>
      <c r="B1692" s="2" t="s">
        <v>9791</v>
      </c>
      <c r="C1692" s="4" t="s">
        <v>6</v>
      </c>
      <c r="D1692" s="5" t="s">
        <v>9792</v>
      </c>
      <c r="E1692" s="5" t="s">
        <v>9793</v>
      </c>
      <c r="F1692" s="6" t="s">
        <v>5</v>
      </c>
      <c r="G1692" s="2" t="s">
        <v>9789</v>
      </c>
      <c r="H1692" s="4" t="s">
        <v>9</v>
      </c>
      <c r="I1692" s="5" t="s">
        <v>6</v>
      </c>
      <c r="J1692" s="5" t="s">
        <v>9790</v>
      </c>
      <c r="K1692" s="5" t="s">
        <v>5</v>
      </c>
      <c r="L1692" s="6" t="s">
        <v>5</v>
      </c>
      <c r="M1692" s="2" t="s">
        <v>9794</v>
      </c>
      <c r="N1692" s="3">
        <v>45221</v>
      </c>
      <c r="O1692" s="3">
        <v>45221</v>
      </c>
      <c r="P1692" s="3">
        <v>47634</v>
      </c>
    </row>
    <row r="1693" spans="1:16" x14ac:dyDescent="0.15">
      <c r="A1693" s="2" t="s">
        <v>49</v>
      </c>
      <c r="B1693" s="2" t="s">
        <v>9796</v>
      </c>
      <c r="C1693" s="4" t="s">
        <v>6</v>
      </c>
      <c r="D1693" s="5" t="s">
        <v>2548</v>
      </c>
      <c r="E1693" s="5" t="s">
        <v>2273</v>
      </c>
      <c r="F1693" s="6" t="s">
        <v>5</v>
      </c>
      <c r="G1693" s="2" t="s">
        <v>9795</v>
      </c>
      <c r="H1693" s="4" t="s">
        <v>9</v>
      </c>
      <c r="I1693" s="5" t="s">
        <v>6</v>
      </c>
      <c r="J1693" s="5" t="s">
        <v>2548</v>
      </c>
      <c r="K1693" s="5" t="s">
        <v>2273</v>
      </c>
      <c r="L1693" s="6" t="s">
        <v>5</v>
      </c>
      <c r="M1693" s="2" t="s">
        <v>9797</v>
      </c>
      <c r="N1693" s="3">
        <v>40555</v>
      </c>
      <c r="O1693" s="3">
        <v>45261</v>
      </c>
      <c r="P1693" s="3">
        <v>47452</v>
      </c>
    </row>
    <row r="1694" spans="1:16" x14ac:dyDescent="0.15">
      <c r="A1694" s="2" t="s">
        <v>49</v>
      </c>
      <c r="B1694" s="2" t="s">
        <v>6274</v>
      </c>
      <c r="C1694" s="4" t="s">
        <v>6</v>
      </c>
      <c r="D1694" s="5" t="s">
        <v>954</v>
      </c>
      <c r="E1694" s="5" t="s">
        <v>1051</v>
      </c>
      <c r="F1694" s="6" t="s">
        <v>6275</v>
      </c>
      <c r="G1694" s="2"/>
      <c r="H1694" s="4"/>
      <c r="I1694" s="5"/>
      <c r="J1694" s="5"/>
      <c r="K1694" s="5"/>
      <c r="L1694" s="6"/>
      <c r="M1694" s="2" t="s">
        <v>6276</v>
      </c>
      <c r="N1694" s="3">
        <v>42522</v>
      </c>
      <c r="O1694" s="3">
        <v>44835</v>
      </c>
      <c r="P1694" s="3">
        <v>47026</v>
      </c>
    </row>
    <row r="1695" spans="1:16" x14ac:dyDescent="0.15">
      <c r="A1695" s="2" t="s">
        <v>16</v>
      </c>
      <c r="B1695" s="2" t="s">
        <v>6278</v>
      </c>
      <c r="C1695" s="4" t="s">
        <v>6</v>
      </c>
      <c r="D1695" s="5" t="s">
        <v>152</v>
      </c>
      <c r="E1695" s="5" t="s">
        <v>6277</v>
      </c>
      <c r="F1695" s="6" t="s">
        <v>5</v>
      </c>
      <c r="G1695" s="2"/>
      <c r="H1695" s="4"/>
      <c r="I1695" s="5"/>
      <c r="J1695" s="5"/>
      <c r="K1695" s="5"/>
      <c r="L1695" s="6"/>
      <c r="M1695" s="2" t="s">
        <v>6279</v>
      </c>
      <c r="N1695" s="3">
        <v>36502</v>
      </c>
      <c r="O1695" s="3">
        <v>44866</v>
      </c>
      <c r="P1695" s="3">
        <v>47057</v>
      </c>
    </row>
    <row r="1696" spans="1:16" x14ac:dyDescent="0.15">
      <c r="A1696" s="2" t="s">
        <v>49</v>
      </c>
      <c r="B1696" s="2" t="s">
        <v>9831</v>
      </c>
      <c r="C1696" s="4" t="s">
        <v>6</v>
      </c>
      <c r="D1696" s="5" t="s">
        <v>45</v>
      </c>
      <c r="E1696" s="5" t="s">
        <v>9830</v>
      </c>
      <c r="F1696" s="6" t="s">
        <v>5</v>
      </c>
      <c r="G1696" s="2" t="s">
        <v>9829</v>
      </c>
      <c r="H1696" s="4" t="s">
        <v>9</v>
      </c>
      <c r="I1696" s="5" t="s">
        <v>6</v>
      </c>
      <c r="J1696" s="5" t="s">
        <v>45</v>
      </c>
      <c r="K1696" s="5" t="s">
        <v>9830</v>
      </c>
      <c r="L1696" s="6" t="s">
        <v>5</v>
      </c>
      <c r="M1696" s="2" t="s">
        <v>9832</v>
      </c>
      <c r="N1696" s="3">
        <v>38789</v>
      </c>
      <c r="O1696" s="3">
        <v>45261</v>
      </c>
      <c r="P1696" s="3">
        <v>47452</v>
      </c>
    </row>
    <row r="1697" spans="1:16" x14ac:dyDescent="0.15">
      <c r="A1697" s="2" t="s">
        <v>49</v>
      </c>
      <c r="B1697" s="2" t="s">
        <v>9849</v>
      </c>
      <c r="C1697" s="4" t="s">
        <v>6</v>
      </c>
      <c r="D1697" s="5" t="s">
        <v>45</v>
      </c>
      <c r="E1697" s="5" t="s">
        <v>1255</v>
      </c>
      <c r="F1697" s="6" t="s">
        <v>9850</v>
      </c>
      <c r="G1697" s="2" t="s">
        <v>9847</v>
      </c>
      <c r="H1697" s="4" t="s">
        <v>384</v>
      </c>
      <c r="I1697" s="5" t="s">
        <v>441</v>
      </c>
      <c r="J1697" s="5" t="s">
        <v>4547</v>
      </c>
      <c r="K1697" s="5" t="s">
        <v>9848</v>
      </c>
      <c r="L1697" s="6" t="s">
        <v>5</v>
      </c>
      <c r="M1697" s="2" t="s">
        <v>9851</v>
      </c>
      <c r="N1697" s="3">
        <v>42797</v>
      </c>
      <c r="O1697" s="3">
        <v>45261</v>
      </c>
      <c r="P1697" s="3">
        <v>47452</v>
      </c>
    </row>
    <row r="1698" spans="1:16" x14ac:dyDescent="0.15">
      <c r="A1698" s="2" t="s">
        <v>49</v>
      </c>
      <c r="B1698" s="2" t="s">
        <v>9870</v>
      </c>
      <c r="C1698" s="4" t="s">
        <v>6</v>
      </c>
      <c r="D1698" s="5" t="s">
        <v>45</v>
      </c>
      <c r="E1698" s="5" t="s">
        <v>9871</v>
      </c>
      <c r="F1698" s="6" t="s">
        <v>9872</v>
      </c>
      <c r="G1698" s="2" t="s">
        <v>9868</v>
      </c>
      <c r="H1698" s="4" t="s">
        <v>9</v>
      </c>
      <c r="I1698" s="5" t="s">
        <v>6</v>
      </c>
      <c r="J1698" s="5" t="s">
        <v>45</v>
      </c>
      <c r="K1698" s="5" t="s">
        <v>9869</v>
      </c>
      <c r="L1698" s="6" t="s">
        <v>5</v>
      </c>
      <c r="M1698" s="2" t="s">
        <v>9873</v>
      </c>
      <c r="N1698" s="3">
        <v>42727</v>
      </c>
      <c r="O1698" s="3">
        <v>45261</v>
      </c>
      <c r="P1698" s="3">
        <v>47452</v>
      </c>
    </row>
    <row r="1699" spans="1:16" x14ac:dyDescent="0.15">
      <c r="A1699" s="2" t="s">
        <v>49</v>
      </c>
      <c r="B1699" s="2" t="s">
        <v>6288</v>
      </c>
      <c r="C1699" s="4" t="s">
        <v>6</v>
      </c>
      <c r="D1699" s="5" t="s">
        <v>456</v>
      </c>
      <c r="E1699" s="5" t="s">
        <v>520</v>
      </c>
      <c r="F1699" s="6" t="s">
        <v>5</v>
      </c>
      <c r="G1699" s="2"/>
      <c r="H1699" s="4"/>
      <c r="I1699" s="5"/>
      <c r="J1699" s="5"/>
      <c r="K1699" s="5"/>
      <c r="L1699" s="6"/>
      <c r="M1699" s="2" t="s">
        <v>6289</v>
      </c>
      <c r="N1699" s="3">
        <v>44809</v>
      </c>
      <c r="O1699" s="3">
        <v>44809</v>
      </c>
      <c r="P1699" s="3">
        <v>46904</v>
      </c>
    </row>
    <row r="1700" spans="1:16" x14ac:dyDescent="0.15">
      <c r="A1700" s="2" t="s">
        <v>49</v>
      </c>
      <c r="B1700" s="2" t="s">
        <v>6292</v>
      </c>
      <c r="C1700" s="4" t="s">
        <v>6</v>
      </c>
      <c r="D1700" s="5" t="s">
        <v>6290</v>
      </c>
      <c r="E1700" s="5" t="s">
        <v>6291</v>
      </c>
      <c r="F1700" s="6" t="s">
        <v>5</v>
      </c>
      <c r="G1700" s="2"/>
      <c r="H1700" s="4"/>
      <c r="I1700" s="5"/>
      <c r="J1700" s="5"/>
      <c r="K1700" s="5"/>
      <c r="L1700" s="6"/>
      <c r="M1700" s="2" t="s">
        <v>6293</v>
      </c>
      <c r="N1700" s="3">
        <v>41096</v>
      </c>
      <c r="O1700" s="3">
        <v>44835</v>
      </c>
      <c r="P1700" s="3">
        <v>46660</v>
      </c>
    </row>
    <row r="1701" spans="1:16" x14ac:dyDescent="0.15">
      <c r="A1701" s="2" t="s">
        <v>49</v>
      </c>
      <c r="B1701" s="2" t="s">
        <v>9882</v>
      </c>
      <c r="C1701" s="4" t="s">
        <v>6</v>
      </c>
      <c r="D1701" s="5" t="s">
        <v>2933</v>
      </c>
      <c r="E1701" s="5" t="s">
        <v>9881</v>
      </c>
      <c r="F1701" s="6" t="s">
        <v>5</v>
      </c>
      <c r="G1701" s="2" t="s">
        <v>9880</v>
      </c>
      <c r="H1701" s="4" t="s">
        <v>9</v>
      </c>
      <c r="I1701" s="5" t="s">
        <v>6</v>
      </c>
      <c r="J1701" s="5" t="s">
        <v>2933</v>
      </c>
      <c r="K1701" s="5" t="s">
        <v>9881</v>
      </c>
      <c r="L1701" s="6" t="s">
        <v>5</v>
      </c>
      <c r="M1701" s="2" t="s">
        <v>9883</v>
      </c>
      <c r="N1701" s="3">
        <v>43163</v>
      </c>
      <c r="O1701" s="3">
        <v>45261</v>
      </c>
      <c r="P1701" s="3">
        <v>47087</v>
      </c>
    </row>
    <row r="1702" spans="1:16" x14ac:dyDescent="0.15">
      <c r="A1702" s="2" t="s">
        <v>49</v>
      </c>
      <c r="B1702" s="2" t="s">
        <v>9908</v>
      </c>
      <c r="C1702" s="4" t="s">
        <v>6</v>
      </c>
      <c r="D1702" s="5" t="s">
        <v>79</v>
      </c>
      <c r="E1702" s="5" t="s">
        <v>9909</v>
      </c>
      <c r="F1702" s="6" t="s">
        <v>5</v>
      </c>
      <c r="G1702" s="2" t="s">
        <v>9906</v>
      </c>
      <c r="H1702" s="4" t="s">
        <v>9</v>
      </c>
      <c r="I1702" s="5" t="s">
        <v>6</v>
      </c>
      <c r="J1702" s="5" t="s">
        <v>1037</v>
      </c>
      <c r="K1702" s="5" t="s">
        <v>9907</v>
      </c>
      <c r="L1702" s="6" t="s">
        <v>5</v>
      </c>
      <c r="M1702" s="2" t="s">
        <v>9910</v>
      </c>
      <c r="N1702" s="3">
        <v>40501</v>
      </c>
      <c r="O1702" s="3">
        <v>45231</v>
      </c>
      <c r="P1702" s="3">
        <v>47422</v>
      </c>
    </row>
    <row r="1703" spans="1:16" x14ac:dyDescent="0.15">
      <c r="A1703" s="2" t="s">
        <v>49</v>
      </c>
      <c r="B1703" s="2" t="s">
        <v>9916</v>
      </c>
      <c r="C1703" s="4" t="s">
        <v>6</v>
      </c>
      <c r="D1703" s="5" t="s">
        <v>45</v>
      </c>
      <c r="E1703" s="5" t="s">
        <v>9917</v>
      </c>
      <c r="F1703" s="6" t="s">
        <v>5</v>
      </c>
      <c r="G1703" s="2" t="s">
        <v>9914</v>
      </c>
      <c r="H1703" s="4" t="s">
        <v>9</v>
      </c>
      <c r="I1703" s="5" t="s">
        <v>6</v>
      </c>
      <c r="J1703" s="5" t="s">
        <v>279</v>
      </c>
      <c r="K1703" s="5" t="s">
        <v>9915</v>
      </c>
      <c r="L1703" s="6" t="s">
        <v>5</v>
      </c>
      <c r="M1703" s="2" t="s">
        <v>9918</v>
      </c>
      <c r="N1703" s="3">
        <v>39045</v>
      </c>
      <c r="O1703" s="3">
        <v>45261</v>
      </c>
      <c r="P1703" s="3">
        <v>47452</v>
      </c>
    </row>
    <row r="1704" spans="1:16" x14ac:dyDescent="0.15">
      <c r="A1704" s="2" t="s">
        <v>49</v>
      </c>
      <c r="B1704" s="2" t="s">
        <v>6305</v>
      </c>
      <c r="C1704" s="4" t="s">
        <v>6</v>
      </c>
      <c r="D1704" s="5" t="s">
        <v>6155</v>
      </c>
      <c r="E1704" s="5" t="s">
        <v>6306</v>
      </c>
      <c r="F1704" s="6" t="s">
        <v>5</v>
      </c>
      <c r="G1704" s="2"/>
      <c r="H1704" s="4"/>
      <c r="I1704" s="5"/>
      <c r="J1704" s="5"/>
      <c r="K1704" s="5"/>
      <c r="L1704" s="6"/>
      <c r="M1704" s="2" t="s">
        <v>6307</v>
      </c>
      <c r="N1704" s="3">
        <v>41018</v>
      </c>
      <c r="O1704" s="3">
        <v>44835</v>
      </c>
      <c r="P1704" s="3">
        <v>46660</v>
      </c>
    </row>
    <row r="1705" spans="1:16" x14ac:dyDescent="0.15">
      <c r="A1705" s="2" t="s">
        <v>49</v>
      </c>
      <c r="B1705" s="2" t="s">
        <v>6308</v>
      </c>
      <c r="C1705" s="4" t="s">
        <v>6</v>
      </c>
      <c r="D1705" s="5" t="s">
        <v>6309</v>
      </c>
      <c r="E1705" s="5" t="s">
        <v>3214</v>
      </c>
      <c r="F1705" s="6" t="s">
        <v>5</v>
      </c>
      <c r="G1705" s="2"/>
      <c r="H1705" s="4"/>
      <c r="I1705" s="5"/>
      <c r="J1705" s="5"/>
      <c r="K1705" s="5"/>
      <c r="L1705" s="6"/>
      <c r="M1705" s="2" t="s">
        <v>6310</v>
      </c>
      <c r="N1705" s="3">
        <v>39173</v>
      </c>
      <c r="O1705" s="3">
        <v>44835</v>
      </c>
      <c r="P1705" s="3">
        <v>46660</v>
      </c>
    </row>
    <row r="1706" spans="1:16" x14ac:dyDescent="0.15">
      <c r="A1706" s="2" t="s">
        <v>49</v>
      </c>
      <c r="B1706" s="2" t="s">
        <v>6311</v>
      </c>
      <c r="C1706" s="4" t="s">
        <v>6</v>
      </c>
      <c r="D1706" s="5" t="s">
        <v>911</v>
      </c>
      <c r="E1706" s="5" t="s">
        <v>5327</v>
      </c>
      <c r="F1706" s="6" t="s">
        <v>5</v>
      </c>
      <c r="G1706" s="2"/>
      <c r="H1706" s="4"/>
      <c r="I1706" s="5"/>
      <c r="J1706" s="5"/>
      <c r="K1706" s="5"/>
      <c r="L1706" s="6"/>
      <c r="M1706" s="2" t="s">
        <v>6312</v>
      </c>
      <c r="N1706" s="3">
        <v>40977</v>
      </c>
      <c r="O1706" s="3">
        <v>44835</v>
      </c>
      <c r="P1706" s="3">
        <v>46660</v>
      </c>
    </row>
    <row r="1707" spans="1:16" x14ac:dyDescent="0.15">
      <c r="A1707" s="2" t="s">
        <v>36</v>
      </c>
      <c r="B1707" s="2" t="s">
        <v>6311</v>
      </c>
      <c r="C1707" s="4" t="s">
        <v>6</v>
      </c>
      <c r="D1707" s="5" t="s">
        <v>911</v>
      </c>
      <c r="E1707" s="5" t="s">
        <v>5327</v>
      </c>
      <c r="F1707" s="6" t="s">
        <v>5</v>
      </c>
      <c r="G1707" s="2"/>
      <c r="H1707" s="4"/>
      <c r="I1707" s="5"/>
      <c r="J1707" s="5"/>
      <c r="K1707" s="5"/>
      <c r="L1707" s="6"/>
      <c r="M1707" s="2" t="s">
        <v>6313</v>
      </c>
      <c r="N1707" s="3">
        <v>40977</v>
      </c>
      <c r="O1707" s="3">
        <v>44835</v>
      </c>
      <c r="P1707" s="3">
        <v>46660</v>
      </c>
    </row>
    <row r="1708" spans="1:16" x14ac:dyDescent="0.15">
      <c r="A1708" s="2" t="s">
        <v>49</v>
      </c>
      <c r="B1708" s="2" t="s">
        <v>9921</v>
      </c>
      <c r="C1708" s="4" t="s">
        <v>6</v>
      </c>
      <c r="D1708" s="5" t="s">
        <v>1027</v>
      </c>
      <c r="E1708" s="5" t="s">
        <v>9922</v>
      </c>
      <c r="F1708" s="6" t="s">
        <v>9923</v>
      </c>
      <c r="G1708" s="2" t="s">
        <v>9919</v>
      </c>
      <c r="H1708" s="4" t="s">
        <v>9</v>
      </c>
      <c r="I1708" s="5" t="s">
        <v>6</v>
      </c>
      <c r="J1708" s="5" t="s">
        <v>1027</v>
      </c>
      <c r="K1708" s="5" t="s">
        <v>9920</v>
      </c>
      <c r="L1708" s="6" t="s">
        <v>5</v>
      </c>
      <c r="M1708" s="2" t="s">
        <v>9924</v>
      </c>
      <c r="N1708" s="3">
        <v>41488</v>
      </c>
      <c r="O1708" s="3">
        <v>45261</v>
      </c>
      <c r="P1708" s="3">
        <v>47087</v>
      </c>
    </row>
    <row r="1709" spans="1:16" x14ac:dyDescent="0.15">
      <c r="A1709" s="2" t="s">
        <v>49</v>
      </c>
      <c r="B1709" s="2" t="s">
        <v>6322</v>
      </c>
      <c r="C1709" s="4" t="s">
        <v>6</v>
      </c>
      <c r="D1709" s="5" t="s">
        <v>1581</v>
      </c>
      <c r="E1709" s="5" t="s">
        <v>1565</v>
      </c>
      <c r="F1709" s="6" t="s">
        <v>5</v>
      </c>
      <c r="G1709" s="2"/>
      <c r="H1709" s="4"/>
      <c r="I1709" s="5"/>
      <c r="J1709" s="5"/>
      <c r="K1709" s="5"/>
      <c r="L1709" s="6"/>
      <c r="M1709" s="2" t="s">
        <v>6323</v>
      </c>
      <c r="N1709" s="3">
        <v>40714</v>
      </c>
      <c r="O1709" s="3">
        <v>44835</v>
      </c>
      <c r="P1709" s="3">
        <v>47026</v>
      </c>
    </row>
    <row r="1710" spans="1:16" x14ac:dyDescent="0.15">
      <c r="A1710" s="2" t="s">
        <v>49</v>
      </c>
      <c r="B1710" s="2" t="s">
        <v>6324</v>
      </c>
      <c r="C1710" s="4" t="s">
        <v>6</v>
      </c>
      <c r="D1710" s="5" t="s">
        <v>551</v>
      </c>
      <c r="E1710" s="5" t="s">
        <v>1077</v>
      </c>
      <c r="F1710" s="6" t="s">
        <v>5</v>
      </c>
      <c r="G1710" s="2"/>
      <c r="H1710" s="4"/>
      <c r="I1710" s="5"/>
      <c r="J1710" s="5"/>
      <c r="K1710" s="5"/>
      <c r="L1710" s="6"/>
      <c r="M1710" s="2" t="s">
        <v>6325</v>
      </c>
      <c r="N1710" s="3">
        <v>44835</v>
      </c>
      <c r="O1710" s="3">
        <v>44835</v>
      </c>
      <c r="P1710" s="3">
        <v>47299</v>
      </c>
    </row>
    <row r="1711" spans="1:16" x14ac:dyDescent="0.15">
      <c r="A1711" s="2" t="s">
        <v>49</v>
      </c>
      <c r="B1711" s="2" t="s">
        <v>9927</v>
      </c>
      <c r="C1711" s="4" t="s">
        <v>6</v>
      </c>
      <c r="D1711" s="5" t="s">
        <v>1027</v>
      </c>
      <c r="E1711" s="5" t="s">
        <v>1763</v>
      </c>
      <c r="F1711" s="6" t="s">
        <v>5</v>
      </c>
      <c r="G1711" s="2" t="s">
        <v>9925</v>
      </c>
      <c r="H1711" s="4" t="s">
        <v>29</v>
      </c>
      <c r="I1711" s="5" t="s">
        <v>504</v>
      </c>
      <c r="J1711" s="5" t="s">
        <v>9926</v>
      </c>
      <c r="K1711" s="5" t="s">
        <v>5</v>
      </c>
      <c r="L1711" s="6" t="s">
        <v>5</v>
      </c>
      <c r="M1711" s="2" t="s">
        <v>9928</v>
      </c>
      <c r="N1711" s="3">
        <v>45263</v>
      </c>
      <c r="O1711" s="3">
        <v>45263</v>
      </c>
      <c r="P1711" s="3">
        <v>47817</v>
      </c>
    </row>
    <row r="1712" spans="1:16" x14ac:dyDescent="0.15">
      <c r="A1712" s="2" t="s">
        <v>49</v>
      </c>
      <c r="B1712" s="2" t="s">
        <v>9953</v>
      </c>
      <c r="C1712" s="4" t="s">
        <v>6</v>
      </c>
      <c r="D1712" s="5" t="s">
        <v>45</v>
      </c>
      <c r="E1712" s="5" t="s">
        <v>9954</v>
      </c>
      <c r="F1712" s="6" t="s">
        <v>9955</v>
      </c>
      <c r="G1712" s="2" t="s">
        <v>9951</v>
      </c>
      <c r="H1712" s="4" t="s">
        <v>9</v>
      </c>
      <c r="I1712" s="5" t="s">
        <v>6</v>
      </c>
      <c r="J1712" s="5" t="s">
        <v>2568</v>
      </c>
      <c r="K1712" s="5" t="s">
        <v>9952</v>
      </c>
      <c r="L1712" s="6" t="s">
        <v>5</v>
      </c>
      <c r="M1712" s="2" t="s">
        <v>9956</v>
      </c>
      <c r="N1712" s="3">
        <v>45261</v>
      </c>
      <c r="O1712" s="3">
        <v>45261</v>
      </c>
      <c r="P1712" s="3">
        <v>47087</v>
      </c>
    </row>
    <row r="1713" spans="1:16" x14ac:dyDescent="0.15">
      <c r="A1713" s="2" t="s">
        <v>49</v>
      </c>
      <c r="B1713" s="2" t="s">
        <v>9964</v>
      </c>
      <c r="C1713" s="4" t="s">
        <v>6</v>
      </c>
      <c r="D1713" s="5" t="s">
        <v>174</v>
      </c>
      <c r="E1713" s="5" t="s">
        <v>9965</v>
      </c>
      <c r="F1713" s="6" t="s">
        <v>243</v>
      </c>
      <c r="G1713" s="2" t="s">
        <v>9961</v>
      </c>
      <c r="H1713" s="4" t="s">
        <v>384</v>
      </c>
      <c r="I1713" s="5" t="s">
        <v>441</v>
      </c>
      <c r="J1713" s="5" t="s">
        <v>9962</v>
      </c>
      <c r="K1713" s="5" t="s">
        <v>9963</v>
      </c>
      <c r="L1713" s="6" t="s">
        <v>5</v>
      </c>
      <c r="M1713" s="2" t="s">
        <v>9966</v>
      </c>
      <c r="N1713" s="3">
        <v>45261</v>
      </c>
      <c r="O1713" s="3">
        <v>45261</v>
      </c>
      <c r="P1713" s="3">
        <v>47756</v>
      </c>
    </row>
    <row r="1714" spans="1:16" x14ac:dyDescent="0.15">
      <c r="A1714" s="2" t="s">
        <v>49</v>
      </c>
      <c r="B1714" s="2" t="s">
        <v>6338</v>
      </c>
      <c r="C1714" s="4" t="s">
        <v>6</v>
      </c>
      <c r="D1714" s="5" t="s">
        <v>911</v>
      </c>
      <c r="E1714" s="5" t="s">
        <v>6339</v>
      </c>
      <c r="F1714" s="6" t="s">
        <v>6340</v>
      </c>
      <c r="G1714" s="2"/>
      <c r="H1714" s="4"/>
      <c r="I1714" s="5"/>
      <c r="J1714" s="5"/>
      <c r="K1714" s="5"/>
      <c r="L1714" s="6"/>
      <c r="M1714" s="2" t="s">
        <v>6341</v>
      </c>
      <c r="N1714" s="3">
        <v>40175</v>
      </c>
      <c r="O1714" s="3">
        <v>44835</v>
      </c>
      <c r="P1714" s="3">
        <v>47026</v>
      </c>
    </row>
    <row r="1715" spans="1:16" x14ac:dyDescent="0.15">
      <c r="A1715" s="2" t="s">
        <v>49</v>
      </c>
      <c r="B1715" s="2" t="s">
        <v>9967</v>
      </c>
      <c r="C1715" s="4" t="s">
        <v>6</v>
      </c>
      <c r="D1715" s="5" t="s">
        <v>174</v>
      </c>
      <c r="E1715" s="5" t="s">
        <v>7536</v>
      </c>
      <c r="F1715" s="6" t="s">
        <v>9968</v>
      </c>
      <c r="G1715" s="2" t="s">
        <v>9961</v>
      </c>
      <c r="H1715" s="4" t="s">
        <v>384</v>
      </c>
      <c r="I1715" s="5" t="s">
        <v>441</v>
      </c>
      <c r="J1715" s="5" t="s">
        <v>9962</v>
      </c>
      <c r="K1715" s="5" t="s">
        <v>9963</v>
      </c>
      <c r="L1715" s="6" t="s">
        <v>5</v>
      </c>
      <c r="M1715" s="2" t="s">
        <v>9969</v>
      </c>
      <c r="N1715" s="3">
        <v>45372</v>
      </c>
      <c r="O1715" s="3">
        <v>45372</v>
      </c>
      <c r="P1715" s="3">
        <v>47603</v>
      </c>
    </row>
    <row r="1716" spans="1:16" x14ac:dyDescent="0.15">
      <c r="A1716" s="2" t="s">
        <v>16</v>
      </c>
      <c r="B1716" s="2" t="s">
        <v>6347</v>
      </c>
      <c r="C1716" s="4" t="s">
        <v>6</v>
      </c>
      <c r="D1716" s="5" t="s">
        <v>6348</v>
      </c>
      <c r="E1716" s="5" t="s">
        <v>6349</v>
      </c>
      <c r="F1716" s="6" t="s">
        <v>5</v>
      </c>
      <c r="G1716" s="2"/>
      <c r="H1716" s="4"/>
      <c r="I1716" s="5"/>
      <c r="J1716" s="5"/>
      <c r="K1716" s="5"/>
      <c r="L1716" s="6"/>
      <c r="M1716" s="2" t="s">
        <v>6350</v>
      </c>
      <c r="N1716" s="3">
        <v>44915</v>
      </c>
      <c r="O1716" s="3">
        <v>44915</v>
      </c>
      <c r="P1716" s="3">
        <v>47238</v>
      </c>
    </row>
    <row r="1717" spans="1:16" x14ac:dyDescent="0.15">
      <c r="A1717" s="2" t="s">
        <v>49</v>
      </c>
      <c r="B1717" s="2" t="s">
        <v>9972</v>
      </c>
      <c r="C1717" s="4" t="s">
        <v>6</v>
      </c>
      <c r="D1717" s="5" t="s">
        <v>9973</v>
      </c>
      <c r="E1717" s="5" t="s">
        <v>9974</v>
      </c>
      <c r="F1717" s="6" t="s">
        <v>5</v>
      </c>
      <c r="G1717" s="2" t="s">
        <v>9970</v>
      </c>
      <c r="H1717" s="4" t="s">
        <v>9</v>
      </c>
      <c r="I1717" s="5" t="s">
        <v>6</v>
      </c>
      <c r="J1717" s="5" t="s">
        <v>9971</v>
      </c>
      <c r="K1717" s="5" t="s">
        <v>5</v>
      </c>
      <c r="L1717" s="6" t="s">
        <v>5</v>
      </c>
      <c r="M1717" s="2" t="s">
        <v>9975</v>
      </c>
      <c r="N1717" s="3">
        <v>45261</v>
      </c>
      <c r="O1717" s="3">
        <v>45261</v>
      </c>
      <c r="P1717" s="3">
        <v>47756</v>
      </c>
    </row>
    <row r="1718" spans="1:16" x14ac:dyDescent="0.15">
      <c r="A1718" s="2" t="s">
        <v>49</v>
      </c>
      <c r="B1718" s="2" t="s">
        <v>9992</v>
      </c>
      <c r="C1718" s="4" t="s">
        <v>6</v>
      </c>
      <c r="D1718" s="5" t="s">
        <v>1037</v>
      </c>
      <c r="E1718" s="5" t="s">
        <v>9993</v>
      </c>
      <c r="F1718" s="6" t="s">
        <v>5</v>
      </c>
      <c r="G1718" s="2" t="s">
        <v>9990</v>
      </c>
      <c r="H1718" s="4" t="s">
        <v>9</v>
      </c>
      <c r="I1718" s="5" t="s">
        <v>6</v>
      </c>
      <c r="J1718" s="5" t="s">
        <v>3224</v>
      </c>
      <c r="K1718" s="5" t="s">
        <v>9991</v>
      </c>
      <c r="L1718" s="6" t="s">
        <v>5</v>
      </c>
      <c r="M1718" s="2" t="s">
        <v>9994</v>
      </c>
      <c r="N1718" s="3">
        <v>45261</v>
      </c>
      <c r="O1718" s="3">
        <v>45261</v>
      </c>
      <c r="P1718" s="3">
        <v>47422</v>
      </c>
    </row>
    <row r="1719" spans="1:16" x14ac:dyDescent="0.15">
      <c r="A1719" s="2" t="s">
        <v>49</v>
      </c>
      <c r="B1719" s="2" t="s">
        <v>6362</v>
      </c>
      <c r="C1719" s="4" t="s">
        <v>6</v>
      </c>
      <c r="D1719" s="5" t="s">
        <v>6361</v>
      </c>
      <c r="E1719" s="5" t="s">
        <v>2949</v>
      </c>
      <c r="F1719" s="6" t="s">
        <v>5</v>
      </c>
      <c r="G1719" s="2"/>
      <c r="H1719" s="4"/>
      <c r="I1719" s="5"/>
      <c r="J1719" s="5"/>
      <c r="K1719" s="5"/>
      <c r="L1719" s="6"/>
      <c r="M1719" s="2" t="s">
        <v>6363</v>
      </c>
      <c r="N1719" s="3">
        <v>42459</v>
      </c>
      <c r="O1719" s="3">
        <v>44866</v>
      </c>
      <c r="P1719" s="3">
        <v>47057</v>
      </c>
    </row>
    <row r="1720" spans="1:16" x14ac:dyDescent="0.15">
      <c r="A1720" s="2" t="s">
        <v>49</v>
      </c>
      <c r="B1720" s="2" t="s">
        <v>6365</v>
      </c>
      <c r="C1720" s="4" t="s">
        <v>6</v>
      </c>
      <c r="D1720" s="5" t="s">
        <v>911</v>
      </c>
      <c r="E1720" s="5" t="s">
        <v>6364</v>
      </c>
      <c r="F1720" s="6" t="s">
        <v>5</v>
      </c>
      <c r="G1720" s="2"/>
      <c r="H1720" s="4"/>
      <c r="I1720" s="5"/>
      <c r="J1720" s="5"/>
      <c r="K1720" s="5"/>
      <c r="L1720" s="6"/>
      <c r="M1720" s="2" t="s">
        <v>6366</v>
      </c>
      <c r="N1720" s="3">
        <v>34797</v>
      </c>
      <c r="O1720" s="3">
        <v>44835</v>
      </c>
      <c r="P1720" s="3">
        <v>47026</v>
      </c>
    </row>
    <row r="1721" spans="1:16" x14ac:dyDescent="0.15">
      <c r="A1721" s="2" t="s">
        <v>49</v>
      </c>
      <c r="B1721" s="2" t="s">
        <v>4491</v>
      </c>
      <c r="C1721" s="4" t="s">
        <v>6</v>
      </c>
      <c r="D1721" s="5" t="s">
        <v>500</v>
      </c>
      <c r="E1721" s="5" t="s">
        <v>5101</v>
      </c>
      <c r="F1721" s="6" t="s">
        <v>10002</v>
      </c>
      <c r="G1721" s="2" t="s">
        <v>10001</v>
      </c>
      <c r="H1721" s="4" t="s">
        <v>9</v>
      </c>
      <c r="I1721" s="5" t="s">
        <v>1182</v>
      </c>
      <c r="J1721" s="5" t="s">
        <v>4489</v>
      </c>
      <c r="K1721" s="5" t="s">
        <v>4490</v>
      </c>
      <c r="L1721" s="6" t="s">
        <v>5</v>
      </c>
      <c r="M1721" s="2" t="s">
        <v>10003</v>
      </c>
      <c r="N1721" s="3">
        <v>45241</v>
      </c>
      <c r="O1721" s="3">
        <v>45241</v>
      </c>
      <c r="P1721" s="3">
        <v>47634</v>
      </c>
    </row>
    <row r="1722" spans="1:16" x14ac:dyDescent="0.15">
      <c r="A1722" s="2" t="s">
        <v>49</v>
      </c>
      <c r="B1722" s="2" t="s">
        <v>6371</v>
      </c>
      <c r="C1722" s="4" t="s">
        <v>6</v>
      </c>
      <c r="D1722" s="5" t="s">
        <v>1619</v>
      </c>
      <c r="E1722" s="5" t="s">
        <v>1620</v>
      </c>
      <c r="F1722" s="6" t="s">
        <v>5</v>
      </c>
      <c r="G1722" s="2"/>
      <c r="H1722" s="4"/>
      <c r="I1722" s="5"/>
      <c r="J1722" s="5"/>
      <c r="K1722" s="5"/>
      <c r="L1722" s="6"/>
      <c r="M1722" s="2" t="s">
        <v>6372</v>
      </c>
      <c r="N1722" s="3">
        <v>42542</v>
      </c>
      <c r="O1722" s="3">
        <v>44835</v>
      </c>
      <c r="P1722" s="3">
        <v>47026</v>
      </c>
    </row>
    <row r="1723" spans="1:16" x14ac:dyDescent="0.15">
      <c r="A1723" s="2" t="s">
        <v>49</v>
      </c>
      <c r="B1723" s="2" t="s">
        <v>10005</v>
      </c>
      <c r="C1723" s="4" t="s">
        <v>6</v>
      </c>
      <c r="D1723" s="5" t="s">
        <v>500</v>
      </c>
      <c r="E1723" s="5" t="s">
        <v>6697</v>
      </c>
      <c r="F1723" s="6" t="s">
        <v>10006</v>
      </c>
      <c r="G1723" s="2" t="s">
        <v>10001</v>
      </c>
      <c r="H1723" s="4" t="s">
        <v>9</v>
      </c>
      <c r="I1723" s="5" t="s">
        <v>1182</v>
      </c>
      <c r="J1723" s="5" t="s">
        <v>4489</v>
      </c>
      <c r="K1723" s="5" t="s">
        <v>4490</v>
      </c>
      <c r="L1723" s="6" t="s">
        <v>5</v>
      </c>
      <c r="M1723" s="2" t="s">
        <v>10007</v>
      </c>
      <c r="N1723" s="3">
        <v>45248</v>
      </c>
      <c r="O1723" s="3">
        <v>45248</v>
      </c>
      <c r="P1723" s="3">
        <v>47634</v>
      </c>
    </row>
    <row r="1724" spans="1:16" x14ac:dyDescent="0.15">
      <c r="A1724" s="2" t="s">
        <v>49</v>
      </c>
      <c r="B1724" s="2" t="s">
        <v>10008</v>
      </c>
      <c r="C1724" s="4" t="s">
        <v>6</v>
      </c>
      <c r="D1724" s="5" t="s">
        <v>378</v>
      </c>
      <c r="E1724" s="5" t="s">
        <v>10009</v>
      </c>
      <c r="F1724" s="6" t="s">
        <v>5</v>
      </c>
      <c r="G1724" s="2" t="s">
        <v>10001</v>
      </c>
      <c r="H1724" s="4" t="s">
        <v>9</v>
      </c>
      <c r="I1724" s="5" t="s">
        <v>1182</v>
      </c>
      <c r="J1724" s="5" t="s">
        <v>4489</v>
      </c>
      <c r="K1724" s="5" t="s">
        <v>4490</v>
      </c>
      <c r="L1724" s="6" t="s">
        <v>5</v>
      </c>
      <c r="M1724" s="2" t="s">
        <v>10010</v>
      </c>
      <c r="N1724" s="3">
        <v>45248</v>
      </c>
      <c r="O1724" s="3">
        <v>45248</v>
      </c>
      <c r="P1724" s="3">
        <v>47634</v>
      </c>
    </row>
    <row r="1725" spans="1:16" x14ac:dyDescent="0.15">
      <c r="A1725" s="2" t="s">
        <v>49</v>
      </c>
      <c r="B1725" s="2" t="s">
        <v>10011</v>
      </c>
      <c r="C1725" s="4" t="s">
        <v>6</v>
      </c>
      <c r="D1725" s="5" t="s">
        <v>500</v>
      </c>
      <c r="E1725" s="5" t="s">
        <v>6697</v>
      </c>
      <c r="F1725" s="6" t="s">
        <v>10006</v>
      </c>
      <c r="G1725" s="2" t="s">
        <v>10001</v>
      </c>
      <c r="H1725" s="4" t="s">
        <v>9</v>
      </c>
      <c r="I1725" s="5" t="s">
        <v>1182</v>
      </c>
      <c r="J1725" s="5" t="s">
        <v>4489</v>
      </c>
      <c r="K1725" s="5" t="s">
        <v>4490</v>
      </c>
      <c r="L1725" s="6" t="s">
        <v>5</v>
      </c>
      <c r="M1725" s="2" t="s">
        <v>10012</v>
      </c>
      <c r="N1725" s="3">
        <v>45248</v>
      </c>
      <c r="O1725" s="3">
        <v>45248</v>
      </c>
      <c r="P1725" s="3">
        <v>47634</v>
      </c>
    </row>
    <row r="1726" spans="1:16" x14ac:dyDescent="0.15">
      <c r="A1726" s="2" t="s">
        <v>49</v>
      </c>
      <c r="B1726" s="2" t="s">
        <v>10031</v>
      </c>
      <c r="C1726" s="4" t="s">
        <v>6</v>
      </c>
      <c r="D1726" s="5" t="s">
        <v>500</v>
      </c>
      <c r="E1726" s="5" t="s">
        <v>10032</v>
      </c>
      <c r="F1726" s="6" t="s">
        <v>10033</v>
      </c>
      <c r="G1726" s="2" t="s">
        <v>10029</v>
      </c>
      <c r="H1726" s="4" t="s">
        <v>9</v>
      </c>
      <c r="I1726" s="5" t="s">
        <v>6</v>
      </c>
      <c r="J1726" s="5" t="s">
        <v>500</v>
      </c>
      <c r="K1726" s="5" t="s">
        <v>10030</v>
      </c>
      <c r="L1726" s="6" t="s">
        <v>5</v>
      </c>
      <c r="M1726" s="2" t="s">
        <v>10034</v>
      </c>
      <c r="N1726" s="3">
        <v>45245</v>
      </c>
      <c r="O1726" s="3">
        <v>45245</v>
      </c>
      <c r="P1726" s="3">
        <v>47634</v>
      </c>
    </row>
    <row r="1727" spans="1:16" x14ac:dyDescent="0.15">
      <c r="A1727" s="2" t="s">
        <v>49</v>
      </c>
      <c r="B1727" s="2" t="s">
        <v>10045</v>
      </c>
      <c r="C1727" s="4" t="s">
        <v>6</v>
      </c>
      <c r="D1727" s="5" t="s">
        <v>2371</v>
      </c>
      <c r="E1727" s="5" t="s">
        <v>10046</v>
      </c>
      <c r="F1727" s="6" t="s">
        <v>5</v>
      </c>
      <c r="G1727" s="2" t="s">
        <v>10043</v>
      </c>
      <c r="H1727" s="4" t="s">
        <v>9</v>
      </c>
      <c r="I1727" s="5" t="s">
        <v>663</v>
      </c>
      <c r="J1727" s="5" t="s">
        <v>1290</v>
      </c>
      <c r="K1727" s="5" t="s">
        <v>10044</v>
      </c>
      <c r="L1727" s="6" t="s">
        <v>5</v>
      </c>
      <c r="M1727" s="2" t="s">
        <v>10047</v>
      </c>
      <c r="N1727" s="3">
        <v>45444</v>
      </c>
      <c r="O1727" s="3">
        <v>45444</v>
      </c>
      <c r="P1727" s="3">
        <v>47573</v>
      </c>
    </row>
    <row r="1728" spans="1:16" x14ac:dyDescent="0.15">
      <c r="A1728" s="2" t="s">
        <v>49</v>
      </c>
      <c r="B1728" s="2" t="s">
        <v>6390</v>
      </c>
      <c r="C1728" s="4" t="s">
        <v>6</v>
      </c>
      <c r="D1728" s="5" t="s">
        <v>2788</v>
      </c>
      <c r="E1728" s="5" t="s">
        <v>6391</v>
      </c>
      <c r="F1728" s="6" t="s">
        <v>5</v>
      </c>
      <c r="G1728" s="2"/>
      <c r="H1728" s="4"/>
      <c r="I1728" s="5"/>
      <c r="J1728" s="5"/>
      <c r="K1728" s="5"/>
      <c r="L1728" s="6"/>
      <c r="M1728" s="2" t="s">
        <v>6392</v>
      </c>
      <c r="N1728" s="3">
        <v>33425</v>
      </c>
      <c r="O1728" s="3">
        <v>44835</v>
      </c>
      <c r="P1728" s="3">
        <v>47026</v>
      </c>
    </row>
    <row r="1729" spans="1:16" x14ac:dyDescent="0.15">
      <c r="A1729" s="2" t="s">
        <v>49</v>
      </c>
      <c r="B1729" s="2" t="s">
        <v>6393</v>
      </c>
      <c r="C1729" s="4" t="s">
        <v>6</v>
      </c>
      <c r="D1729" s="5" t="s">
        <v>954</v>
      </c>
      <c r="E1729" s="5" t="s">
        <v>6394</v>
      </c>
      <c r="F1729" s="6" t="s">
        <v>6395</v>
      </c>
      <c r="G1729" s="2"/>
      <c r="H1729" s="4"/>
      <c r="I1729" s="5"/>
      <c r="J1729" s="5"/>
      <c r="K1729" s="5"/>
      <c r="L1729" s="6"/>
      <c r="M1729" s="2" t="s">
        <v>6396</v>
      </c>
      <c r="N1729" s="3">
        <v>44824</v>
      </c>
      <c r="O1729" s="3">
        <v>44824</v>
      </c>
      <c r="P1729" s="3">
        <v>47026</v>
      </c>
    </row>
    <row r="1730" spans="1:16" x14ac:dyDescent="0.15">
      <c r="A1730" s="2" t="s">
        <v>49</v>
      </c>
      <c r="B1730" s="2" t="s">
        <v>6397</v>
      </c>
      <c r="C1730" s="4" t="s">
        <v>6</v>
      </c>
      <c r="D1730" s="5" t="s">
        <v>2219</v>
      </c>
      <c r="E1730" s="5" t="s">
        <v>6398</v>
      </c>
      <c r="F1730" s="6" t="s">
        <v>5</v>
      </c>
      <c r="G1730" s="2"/>
      <c r="H1730" s="4"/>
      <c r="I1730" s="5"/>
      <c r="J1730" s="5"/>
      <c r="K1730" s="5"/>
      <c r="L1730" s="6"/>
      <c r="M1730" s="2" t="s">
        <v>6399</v>
      </c>
      <c r="N1730" s="3">
        <v>38481</v>
      </c>
      <c r="O1730" s="3">
        <v>44835</v>
      </c>
      <c r="P1730" s="3">
        <v>47026</v>
      </c>
    </row>
    <row r="1731" spans="1:16" x14ac:dyDescent="0.15">
      <c r="A1731" s="2" t="s">
        <v>16</v>
      </c>
      <c r="B1731" s="2" t="s">
        <v>6401</v>
      </c>
      <c r="C1731" s="4" t="s">
        <v>6</v>
      </c>
      <c r="D1731" s="5" t="s">
        <v>2805</v>
      </c>
      <c r="E1731" s="5" t="s">
        <v>6400</v>
      </c>
      <c r="F1731" s="6" t="s">
        <v>5</v>
      </c>
      <c r="G1731" s="2"/>
      <c r="H1731" s="4"/>
      <c r="I1731" s="5"/>
      <c r="J1731" s="5"/>
      <c r="K1731" s="5"/>
      <c r="L1731" s="6"/>
      <c r="M1731" s="2" t="s">
        <v>6402</v>
      </c>
      <c r="N1731" s="3">
        <v>42328</v>
      </c>
      <c r="O1731" s="3">
        <v>44866</v>
      </c>
      <c r="P1731" s="3">
        <v>47057</v>
      </c>
    </row>
    <row r="1732" spans="1:16" x14ac:dyDescent="0.15">
      <c r="A1732" s="2" t="s">
        <v>49</v>
      </c>
      <c r="B1732" s="2" t="s">
        <v>10063</v>
      </c>
      <c r="C1732" s="4" t="s">
        <v>6</v>
      </c>
      <c r="D1732" s="5" t="s">
        <v>1027</v>
      </c>
      <c r="E1732" s="5" t="s">
        <v>10064</v>
      </c>
      <c r="F1732" s="6" t="s">
        <v>5</v>
      </c>
      <c r="G1732" s="2" t="s">
        <v>10061</v>
      </c>
      <c r="H1732" s="4" t="s">
        <v>9</v>
      </c>
      <c r="I1732" s="5" t="s">
        <v>6</v>
      </c>
      <c r="J1732" s="5" t="s">
        <v>1027</v>
      </c>
      <c r="K1732" s="5" t="s">
        <v>10062</v>
      </c>
      <c r="L1732" s="6" t="s">
        <v>5</v>
      </c>
      <c r="M1732" s="2" t="s">
        <v>10065</v>
      </c>
      <c r="N1732" s="3">
        <v>29891</v>
      </c>
      <c r="O1732" s="3">
        <v>45261</v>
      </c>
      <c r="P1732" s="3">
        <v>47452</v>
      </c>
    </row>
    <row r="1733" spans="1:16" x14ac:dyDescent="0.15">
      <c r="A1733" s="2" t="s">
        <v>49</v>
      </c>
      <c r="B1733" s="2" t="s">
        <v>4995</v>
      </c>
      <c r="C1733" s="4" t="s">
        <v>6</v>
      </c>
      <c r="D1733" s="5" t="s">
        <v>45</v>
      </c>
      <c r="E1733" s="5" t="s">
        <v>1255</v>
      </c>
      <c r="F1733" s="6" t="s">
        <v>10079</v>
      </c>
      <c r="G1733" s="2" t="s">
        <v>4993</v>
      </c>
      <c r="H1733" s="4" t="s">
        <v>9</v>
      </c>
      <c r="I1733" s="5" t="s">
        <v>6</v>
      </c>
      <c r="J1733" s="5" t="s">
        <v>613</v>
      </c>
      <c r="K1733" s="5" t="s">
        <v>5193</v>
      </c>
      <c r="L1733" s="6" t="s">
        <v>5</v>
      </c>
      <c r="M1733" s="2" t="s">
        <v>10080</v>
      </c>
      <c r="N1733" s="3">
        <v>42923</v>
      </c>
      <c r="O1733" s="3">
        <v>45261</v>
      </c>
      <c r="P1733" s="3">
        <v>47452</v>
      </c>
    </row>
    <row r="1734" spans="1:16" x14ac:dyDescent="0.15">
      <c r="A1734" s="2" t="s">
        <v>49</v>
      </c>
      <c r="B1734" s="2" t="s">
        <v>6412</v>
      </c>
      <c r="C1734" s="4" t="s">
        <v>6</v>
      </c>
      <c r="D1734" s="5" t="s">
        <v>2016</v>
      </c>
      <c r="E1734" s="5" t="s">
        <v>2678</v>
      </c>
      <c r="F1734" s="6" t="s">
        <v>5</v>
      </c>
      <c r="G1734" s="2"/>
      <c r="H1734" s="4"/>
      <c r="I1734" s="5"/>
      <c r="J1734" s="5"/>
      <c r="K1734" s="5"/>
      <c r="L1734" s="6"/>
      <c r="M1734" s="2" t="s">
        <v>6413</v>
      </c>
      <c r="N1734" s="3">
        <v>41214</v>
      </c>
      <c r="O1734" s="3">
        <v>44866</v>
      </c>
      <c r="P1734" s="3">
        <v>46691</v>
      </c>
    </row>
    <row r="1735" spans="1:16" x14ac:dyDescent="0.15">
      <c r="A1735" s="2" t="s">
        <v>49</v>
      </c>
      <c r="B1735" s="2" t="s">
        <v>10091</v>
      </c>
      <c r="C1735" s="4" t="s">
        <v>6</v>
      </c>
      <c r="D1735" s="5" t="s">
        <v>10089</v>
      </c>
      <c r="E1735" s="5" t="s">
        <v>10090</v>
      </c>
      <c r="F1735" s="6" t="s">
        <v>5</v>
      </c>
      <c r="G1735" s="2" t="s">
        <v>5566</v>
      </c>
      <c r="H1735" s="4" t="s">
        <v>9</v>
      </c>
      <c r="I1735" s="5" t="s">
        <v>6</v>
      </c>
      <c r="J1735" s="5" t="s">
        <v>10089</v>
      </c>
      <c r="K1735" s="5" t="s">
        <v>10090</v>
      </c>
      <c r="L1735" s="6" t="s">
        <v>5</v>
      </c>
      <c r="M1735" s="2" t="s">
        <v>10092</v>
      </c>
      <c r="N1735" s="3">
        <v>35907</v>
      </c>
      <c r="O1735" s="3">
        <v>45261</v>
      </c>
      <c r="P1735" s="3">
        <v>47087</v>
      </c>
    </row>
    <row r="1736" spans="1:16" x14ac:dyDescent="0.15">
      <c r="A1736" s="2" t="s">
        <v>49</v>
      </c>
      <c r="B1736" s="2" t="s">
        <v>6419</v>
      </c>
      <c r="C1736" s="4" t="s">
        <v>6</v>
      </c>
      <c r="D1736" s="5" t="s">
        <v>2179</v>
      </c>
      <c r="E1736" s="5" t="s">
        <v>6420</v>
      </c>
      <c r="F1736" s="6" t="s">
        <v>5</v>
      </c>
      <c r="G1736" s="2"/>
      <c r="H1736" s="4"/>
      <c r="I1736" s="5"/>
      <c r="J1736" s="5"/>
      <c r="K1736" s="5"/>
      <c r="L1736" s="6"/>
      <c r="M1736" s="2" t="s">
        <v>6421</v>
      </c>
      <c r="N1736" s="3">
        <v>42469</v>
      </c>
      <c r="O1736" s="3">
        <v>44866</v>
      </c>
      <c r="P1736" s="3">
        <v>47057</v>
      </c>
    </row>
    <row r="1737" spans="1:16" x14ac:dyDescent="0.15">
      <c r="A1737" s="2" t="s">
        <v>49</v>
      </c>
      <c r="B1737" s="2" t="s">
        <v>10098</v>
      </c>
      <c r="C1737" s="4" t="s">
        <v>6</v>
      </c>
      <c r="D1737" s="5" t="s">
        <v>4435</v>
      </c>
      <c r="E1737" s="5" t="s">
        <v>10099</v>
      </c>
      <c r="F1737" s="6" t="s">
        <v>10100</v>
      </c>
      <c r="G1737" s="2" t="s">
        <v>10096</v>
      </c>
      <c r="H1737" s="4" t="s">
        <v>9</v>
      </c>
      <c r="I1737" s="5" t="s">
        <v>6</v>
      </c>
      <c r="J1737" s="5" t="s">
        <v>4435</v>
      </c>
      <c r="K1737" s="5" t="s">
        <v>10097</v>
      </c>
      <c r="L1737" s="6" t="s">
        <v>5</v>
      </c>
      <c r="M1737" s="2" t="s">
        <v>10101</v>
      </c>
      <c r="N1737" s="3">
        <v>45254</v>
      </c>
      <c r="O1737" s="3">
        <v>45254</v>
      </c>
      <c r="P1737" s="3">
        <v>47299</v>
      </c>
    </row>
    <row r="1738" spans="1:16" x14ac:dyDescent="0.15">
      <c r="A1738" s="2" t="s">
        <v>16</v>
      </c>
      <c r="B1738" s="2" t="s">
        <v>6428</v>
      </c>
      <c r="C1738" s="4" t="s">
        <v>6</v>
      </c>
      <c r="D1738" s="5" t="s">
        <v>3639</v>
      </c>
      <c r="E1738" s="5" t="s">
        <v>6427</v>
      </c>
      <c r="F1738" s="6" t="s">
        <v>5</v>
      </c>
      <c r="G1738" s="2"/>
      <c r="H1738" s="4"/>
      <c r="I1738" s="5"/>
      <c r="J1738" s="5"/>
      <c r="K1738" s="5"/>
      <c r="L1738" s="6"/>
      <c r="M1738" s="2" t="s">
        <v>6429</v>
      </c>
      <c r="N1738" s="3">
        <v>42411</v>
      </c>
      <c r="O1738" s="3">
        <v>44835</v>
      </c>
      <c r="P1738" s="3">
        <v>46295</v>
      </c>
    </row>
    <row r="1739" spans="1:16" x14ac:dyDescent="0.15">
      <c r="A1739" s="2" t="s">
        <v>49</v>
      </c>
      <c r="B1739" s="2" t="s">
        <v>6430</v>
      </c>
      <c r="C1739" s="4" t="s">
        <v>6</v>
      </c>
      <c r="D1739" s="5" t="s">
        <v>6431</v>
      </c>
      <c r="E1739" s="5" t="s">
        <v>6432</v>
      </c>
      <c r="F1739" s="6" t="s">
        <v>5</v>
      </c>
      <c r="G1739" s="2"/>
      <c r="H1739" s="4"/>
      <c r="I1739" s="5"/>
      <c r="J1739" s="5"/>
      <c r="K1739" s="5"/>
      <c r="L1739" s="6"/>
      <c r="M1739" s="2" t="s">
        <v>6433</v>
      </c>
      <c r="N1739" s="3">
        <v>39238</v>
      </c>
      <c r="O1739" s="3">
        <v>44835</v>
      </c>
      <c r="P1739" s="3">
        <v>46660</v>
      </c>
    </row>
    <row r="1740" spans="1:16" x14ac:dyDescent="0.15">
      <c r="A1740" s="2" t="s">
        <v>49</v>
      </c>
      <c r="B1740" s="2" t="s">
        <v>6435</v>
      </c>
      <c r="C1740" s="4" t="s">
        <v>6</v>
      </c>
      <c r="D1740" s="5" t="s">
        <v>6434</v>
      </c>
      <c r="E1740" s="5" t="s">
        <v>5195</v>
      </c>
      <c r="F1740" s="6" t="s">
        <v>5</v>
      </c>
      <c r="G1740" s="2"/>
      <c r="H1740" s="4"/>
      <c r="I1740" s="5"/>
      <c r="J1740" s="5"/>
      <c r="K1740" s="5"/>
      <c r="L1740" s="6"/>
      <c r="M1740" s="2" t="s">
        <v>6436</v>
      </c>
      <c r="N1740" s="3">
        <v>29857</v>
      </c>
      <c r="O1740" s="3">
        <v>44835</v>
      </c>
      <c r="P1740" s="3">
        <v>46660</v>
      </c>
    </row>
    <row r="1741" spans="1:16" x14ac:dyDescent="0.15">
      <c r="A1741" s="2" t="s">
        <v>16</v>
      </c>
      <c r="B1741" s="2" t="s">
        <v>6437</v>
      </c>
      <c r="C1741" s="4" t="s">
        <v>6</v>
      </c>
      <c r="D1741" s="5" t="s">
        <v>911</v>
      </c>
      <c r="E1741" s="5" t="s">
        <v>6438</v>
      </c>
      <c r="F1741" s="6" t="s">
        <v>5</v>
      </c>
      <c r="G1741" s="2"/>
      <c r="H1741" s="4"/>
      <c r="I1741" s="5"/>
      <c r="J1741" s="5"/>
      <c r="K1741" s="5"/>
      <c r="L1741" s="6"/>
      <c r="M1741" s="2" t="s">
        <v>6439</v>
      </c>
      <c r="N1741" s="3">
        <v>44824</v>
      </c>
      <c r="O1741" s="3">
        <v>44824</v>
      </c>
      <c r="P1741" s="3">
        <v>47026</v>
      </c>
    </row>
    <row r="1742" spans="1:16" x14ac:dyDescent="0.15">
      <c r="A1742" s="2" t="s">
        <v>49</v>
      </c>
      <c r="B1742" s="2" t="s">
        <v>10112</v>
      </c>
      <c r="C1742" s="4" t="s">
        <v>6</v>
      </c>
      <c r="D1742" s="5" t="s">
        <v>500</v>
      </c>
      <c r="E1742" s="5" t="s">
        <v>10113</v>
      </c>
      <c r="F1742" s="6" t="s">
        <v>10114</v>
      </c>
      <c r="G1742" s="2" t="s">
        <v>10109</v>
      </c>
      <c r="H1742" s="4" t="s">
        <v>29</v>
      </c>
      <c r="I1742" s="5" t="s">
        <v>30</v>
      </c>
      <c r="J1742" s="5" t="s">
        <v>10110</v>
      </c>
      <c r="K1742" s="5" t="s">
        <v>10111</v>
      </c>
      <c r="L1742" s="6" t="s">
        <v>5</v>
      </c>
      <c r="M1742" s="2" t="s">
        <v>10115</v>
      </c>
      <c r="N1742" s="3">
        <v>45263</v>
      </c>
      <c r="O1742" s="3">
        <v>45263</v>
      </c>
      <c r="P1742" s="3">
        <v>47634</v>
      </c>
    </row>
    <row r="1743" spans="1:16" x14ac:dyDescent="0.15">
      <c r="A1743" s="2" t="s">
        <v>49</v>
      </c>
      <c r="B1743" s="2" t="s">
        <v>6442</v>
      </c>
      <c r="C1743" s="4" t="s">
        <v>6</v>
      </c>
      <c r="D1743" s="5" t="s">
        <v>909</v>
      </c>
      <c r="E1743" s="5" t="s">
        <v>6443</v>
      </c>
      <c r="F1743" s="6" t="s">
        <v>5</v>
      </c>
      <c r="G1743" s="2"/>
      <c r="H1743" s="4"/>
      <c r="I1743" s="5"/>
      <c r="J1743" s="5"/>
      <c r="K1743" s="5"/>
      <c r="L1743" s="6"/>
      <c r="M1743" s="2" t="s">
        <v>6445</v>
      </c>
      <c r="N1743" s="3">
        <v>44827</v>
      </c>
      <c r="O1743" s="3">
        <v>44827</v>
      </c>
      <c r="P1743" s="3">
        <v>47026</v>
      </c>
    </row>
    <row r="1744" spans="1:16" x14ac:dyDescent="0.15">
      <c r="A1744" s="2" t="s">
        <v>49</v>
      </c>
      <c r="B1744" s="2" t="s">
        <v>10128</v>
      </c>
      <c r="C1744" s="4" t="s">
        <v>6</v>
      </c>
      <c r="D1744" s="5" t="s">
        <v>45</v>
      </c>
      <c r="E1744" s="5" t="s">
        <v>10127</v>
      </c>
      <c r="F1744" s="6" t="s">
        <v>5</v>
      </c>
      <c r="G1744" s="2" t="s">
        <v>10126</v>
      </c>
      <c r="H1744" s="4" t="s">
        <v>9</v>
      </c>
      <c r="I1744" s="5" t="s">
        <v>6</v>
      </c>
      <c r="J1744" s="5" t="s">
        <v>45</v>
      </c>
      <c r="K1744" s="5" t="s">
        <v>10127</v>
      </c>
      <c r="L1744" s="6" t="s">
        <v>5</v>
      </c>
      <c r="M1744" s="2" t="s">
        <v>10129</v>
      </c>
      <c r="N1744" s="3">
        <v>38427</v>
      </c>
      <c r="O1744" s="3">
        <v>45261</v>
      </c>
      <c r="P1744" s="3">
        <v>47452</v>
      </c>
    </row>
    <row r="1745" spans="1:16" x14ac:dyDescent="0.15">
      <c r="A1745" s="2" t="s">
        <v>49</v>
      </c>
      <c r="B1745" s="2" t="s">
        <v>6453</v>
      </c>
      <c r="C1745" s="4" t="s">
        <v>6</v>
      </c>
      <c r="D1745" s="5" t="s">
        <v>1939</v>
      </c>
      <c r="E1745" s="5" t="s">
        <v>6454</v>
      </c>
      <c r="F1745" s="6" t="s">
        <v>5</v>
      </c>
      <c r="G1745" s="2" t="s">
        <v>6451</v>
      </c>
      <c r="H1745" s="4" t="s">
        <v>9</v>
      </c>
      <c r="I1745" s="5" t="s">
        <v>6</v>
      </c>
      <c r="J1745" s="5" t="s">
        <v>1939</v>
      </c>
      <c r="K1745" s="5" t="s">
        <v>6452</v>
      </c>
      <c r="L1745" s="6" t="s">
        <v>5</v>
      </c>
      <c r="M1745" s="2" t="s">
        <v>6455</v>
      </c>
      <c r="N1745" s="3">
        <v>39114</v>
      </c>
      <c r="O1745" s="3">
        <v>44866</v>
      </c>
      <c r="P1745" s="3">
        <v>46691</v>
      </c>
    </row>
    <row r="1746" spans="1:16" x14ac:dyDescent="0.15">
      <c r="A1746" s="2" t="s">
        <v>49</v>
      </c>
      <c r="B1746" s="2" t="s">
        <v>10132</v>
      </c>
      <c r="C1746" s="4" t="s">
        <v>6</v>
      </c>
      <c r="D1746" s="5" t="s">
        <v>3213</v>
      </c>
      <c r="E1746" s="5" t="s">
        <v>1544</v>
      </c>
      <c r="F1746" s="6" t="s">
        <v>10133</v>
      </c>
      <c r="G1746" s="2" t="s">
        <v>10130</v>
      </c>
      <c r="H1746" s="4" t="s">
        <v>9</v>
      </c>
      <c r="I1746" s="5" t="s">
        <v>6</v>
      </c>
      <c r="J1746" s="5" t="s">
        <v>909</v>
      </c>
      <c r="K1746" s="5" t="s">
        <v>10131</v>
      </c>
      <c r="L1746" s="6" t="s">
        <v>5</v>
      </c>
      <c r="M1746" s="2" t="s">
        <v>10134</v>
      </c>
      <c r="N1746" s="3">
        <v>39302</v>
      </c>
      <c r="O1746" s="3">
        <v>45261</v>
      </c>
      <c r="P1746" s="3">
        <v>47452</v>
      </c>
    </row>
    <row r="1747" spans="1:16" x14ac:dyDescent="0.15">
      <c r="A1747" s="2" t="s">
        <v>49</v>
      </c>
      <c r="B1747" s="2" t="s">
        <v>6461</v>
      </c>
      <c r="C1747" s="4" t="s">
        <v>6</v>
      </c>
      <c r="D1747" s="5" t="s">
        <v>2039</v>
      </c>
      <c r="E1747" s="5" t="s">
        <v>6460</v>
      </c>
      <c r="F1747" s="6" t="s">
        <v>5</v>
      </c>
      <c r="G1747" s="2"/>
      <c r="H1747" s="4"/>
      <c r="I1747" s="5"/>
      <c r="J1747" s="5"/>
      <c r="K1747" s="5"/>
      <c r="L1747" s="6"/>
      <c r="M1747" s="2" t="s">
        <v>6462</v>
      </c>
      <c r="N1747" s="3">
        <v>43005</v>
      </c>
      <c r="O1747" s="3">
        <v>44835</v>
      </c>
      <c r="P1747" s="3">
        <v>46660</v>
      </c>
    </row>
    <row r="1748" spans="1:16" x14ac:dyDescent="0.15">
      <c r="A1748" s="2" t="s">
        <v>49</v>
      </c>
      <c r="B1748" s="2" t="s">
        <v>6463</v>
      </c>
      <c r="C1748" s="4" t="s">
        <v>6</v>
      </c>
      <c r="D1748" s="5" t="s">
        <v>247</v>
      </c>
      <c r="E1748" s="5" t="s">
        <v>1969</v>
      </c>
      <c r="F1748" s="6" t="s">
        <v>6464</v>
      </c>
      <c r="G1748" s="2"/>
      <c r="H1748" s="4"/>
      <c r="I1748" s="5"/>
      <c r="J1748" s="5"/>
      <c r="K1748" s="5"/>
      <c r="L1748" s="6"/>
      <c r="M1748" s="2" t="s">
        <v>6465</v>
      </c>
      <c r="N1748" s="3">
        <v>44821</v>
      </c>
      <c r="O1748" s="3">
        <v>44821</v>
      </c>
      <c r="P1748" s="3">
        <v>47269</v>
      </c>
    </row>
    <row r="1749" spans="1:16" x14ac:dyDescent="0.15">
      <c r="A1749" s="2" t="s">
        <v>49</v>
      </c>
      <c r="B1749" s="2" t="s">
        <v>10147</v>
      </c>
      <c r="C1749" s="4" t="s">
        <v>6</v>
      </c>
      <c r="D1749" s="5" t="s">
        <v>10148</v>
      </c>
      <c r="E1749" s="5" t="s">
        <v>5</v>
      </c>
      <c r="F1749" s="6" t="s">
        <v>5</v>
      </c>
      <c r="G1749" s="2" t="s">
        <v>10145</v>
      </c>
      <c r="H1749" s="4" t="s">
        <v>9</v>
      </c>
      <c r="I1749" s="5" t="s">
        <v>1413</v>
      </c>
      <c r="J1749" s="5" t="s">
        <v>10146</v>
      </c>
      <c r="K1749" s="5" t="s">
        <v>484</v>
      </c>
      <c r="L1749" s="6" t="s">
        <v>5</v>
      </c>
      <c r="M1749" s="2" t="s">
        <v>10149</v>
      </c>
      <c r="N1749" s="3">
        <v>34582</v>
      </c>
      <c r="O1749" s="3">
        <v>45261</v>
      </c>
      <c r="P1749" s="3">
        <v>47087</v>
      </c>
    </row>
    <row r="1750" spans="1:16" x14ac:dyDescent="0.15">
      <c r="A1750" s="2" t="s">
        <v>49</v>
      </c>
      <c r="B1750" s="2" t="s">
        <v>10152</v>
      </c>
      <c r="C1750" s="4" t="s">
        <v>6</v>
      </c>
      <c r="D1750" s="5" t="s">
        <v>500</v>
      </c>
      <c r="E1750" s="5" t="s">
        <v>10153</v>
      </c>
      <c r="F1750" s="6" t="s">
        <v>10154</v>
      </c>
      <c r="G1750" s="2" t="s">
        <v>10150</v>
      </c>
      <c r="H1750" s="4" t="s">
        <v>9</v>
      </c>
      <c r="I1750" s="5" t="s">
        <v>6</v>
      </c>
      <c r="J1750" s="5" t="s">
        <v>45</v>
      </c>
      <c r="K1750" s="5" t="s">
        <v>10151</v>
      </c>
      <c r="L1750" s="6" t="s">
        <v>5</v>
      </c>
      <c r="M1750" s="2" t="s">
        <v>10155</v>
      </c>
      <c r="N1750" s="3">
        <v>45261</v>
      </c>
      <c r="O1750" s="3">
        <v>45261</v>
      </c>
      <c r="P1750" s="3">
        <v>47634</v>
      </c>
    </row>
    <row r="1751" spans="1:16" x14ac:dyDescent="0.15">
      <c r="A1751" s="2" t="s">
        <v>49</v>
      </c>
      <c r="B1751" s="2" t="s">
        <v>6476</v>
      </c>
      <c r="C1751" s="4" t="s">
        <v>6</v>
      </c>
      <c r="D1751" s="5" t="s">
        <v>6477</v>
      </c>
      <c r="E1751" s="5" t="s">
        <v>6478</v>
      </c>
      <c r="F1751" s="6" t="s">
        <v>5</v>
      </c>
      <c r="G1751" s="2"/>
      <c r="H1751" s="4"/>
      <c r="I1751" s="5"/>
      <c r="J1751" s="5"/>
      <c r="K1751" s="5"/>
      <c r="L1751" s="6"/>
      <c r="M1751" s="2" t="s">
        <v>6479</v>
      </c>
      <c r="N1751" s="3">
        <v>42675</v>
      </c>
      <c r="O1751" s="3">
        <v>44866</v>
      </c>
      <c r="P1751" s="3">
        <v>47057</v>
      </c>
    </row>
    <row r="1752" spans="1:16" x14ac:dyDescent="0.15">
      <c r="A1752" s="2" t="s">
        <v>49</v>
      </c>
      <c r="B1752" s="2" t="s">
        <v>6481</v>
      </c>
      <c r="C1752" s="4" t="s">
        <v>6</v>
      </c>
      <c r="D1752" s="5" t="s">
        <v>111</v>
      </c>
      <c r="E1752" s="5" t="s">
        <v>6480</v>
      </c>
      <c r="F1752" s="6" t="s">
        <v>5</v>
      </c>
      <c r="G1752" s="2"/>
      <c r="H1752" s="4"/>
      <c r="I1752" s="5"/>
      <c r="J1752" s="5"/>
      <c r="K1752" s="5"/>
      <c r="L1752" s="6"/>
      <c r="M1752" s="2" t="s">
        <v>6482</v>
      </c>
      <c r="N1752" s="3">
        <v>40386</v>
      </c>
      <c r="O1752" s="3">
        <v>44866</v>
      </c>
      <c r="P1752" s="3">
        <v>47057</v>
      </c>
    </row>
    <row r="1753" spans="1:16" x14ac:dyDescent="0.15">
      <c r="A1753" s="2" t="s">
        <v>49</v>
      </c>
      <c r="B1753" s="2" t="s">
        <v>10156</v>
      </c>
      <c r="C1753" s="4" t="s">
        <v>6</v>
      </c>
      <c r="D1753" s="5" t="s">
        <v>500</v>
      </c>
      <c r="E1753" s="5" t="s">
        <v>10157</v>
      </c>
      <c r="F1753" s="6" t="s">
        <v>10158</v>
      </c>
      <c r="G1753" s="2" t="s">
        <v>10150</v>
      </c>
      <c r="H1753" s="4" t="s">
        <v>9</v>
      </c>
      <c r="I1753" s="5" t="s">
        <v>6</v>
      </c>
      <c r="J1753" s="5" t="s">
        <v>45</v>
      </c>
      <c r="K1753" s="5" t="s">
        <v>10151</v>
      </c>
      <c r="L1753" s="6" t="s">
        <v>5</v>
      </c>
      <c r="M1753" s="2" t="s">
        <v>10159</v>
      </c>
      <c r="N1753" s="3">
        <v>45261</v>
      </c>
      <c r="O1753" s="3">
        <v>45261</v>
      </c>
      <c r="P1753" s="3">
        <v>47634</v>
      </c>
    </row>
    <row r="1754" spans="1:16" x14ac:dyDescent="0.15">
      <c r="A1754" s="2" t="s">
        <v>49</v>
      </c>
      <c r="B1754" s="2" t="s">
        <v>10160</v>
      </c>
      <c r="C1754" s="4" t="s">
        <v>6</v>
      </c>
      <c r="D1754" s="5" t="s">
        <v>378</v>
      </c>
      <c r="E1754" s="5" t="s">
        <v>10161</v>
      </c>
      <c r="F1754" s="6" t="s">
        <v>10162</v>
      </c>
      <c r="G1754" s="2" t="s">
        <v>10150</v>
      </c>
      <c r="H1754" s="4" t="s">
        <v>9</v>
      </c>
      <c r="I1754" s="5" t="s">
        <v>6</v>
      </c>
      <c r="J1754" s="5" t="s">
        <v>45</v>
      </c>
      <c r="K1754" s="5" t="s">
        <v>10151</v>
      </c>
      <c r="L1754" s="6" t="s">
        <v>5</v>
      </c>
      <c r="M1754" s="2" t="s">
        <v>10163</v>
      </c>
      <c r="N1754" s="3">
        <v>45261</v>
      </c>
      <c r="O1754" s="3">
        <v>45261</v>
      </c>
      <c r="P1754" s="3">
        <v>47269</v>
      </c>
    </row>
    <row r="1755" spans="1:16" x14ac:dyDescent="0.15">
      <c r="A1755" s="2" t="s">
        <v>49</v>
      </c>
      <c r="B1755" s="2" t="s">
        <v>10164</v>
      </c>
      <c r="C1755" s="4" t="s">
        <v>6</v>
      </c>
      <c r="D1755" s="5" t="s">
        <v>45</v>
      </c>
      <c r="E1755" s="5" t="s">
        <v>10165</v>
      </c>
      <c r="F1755" s="6" t="s">
        <v>10166</v>
      </c>
      <c r="G1755" s="2" t="s">
        <v>10150</v>
      </c>
      <c r="H1755" s="4" t="s">
        <v>9</v>
      </c>
      <c r="I1755" s="5" t="s">
        <v>6</v>
      </c>
      <c r="J1755" s="5" t="s">
        <v>45</v>
      </c>
      <c r="K1755" s="5" t="s">
        <v>10151</v>
      </c>
      <c r="L1755" s="6" t="s">
        <v>5</v>
      </c>
      <c r="M1755" s="2" t="s">
        <v>10167</v>
      </c>
      <c r="N1755" s="3">
        <v>45261</v>
      </c>
      <c r="O1755" s="3">
        <v>45261</v>
      </c>
      <c r="P1755" s="3">
        <v>47452</v>
      </c>
    </row>
    <row r="1756" spans="1:16" x14ac:dyDescent="0.15">
      <c r="A1756" s="2" t="s">
        <v>49</v>
      </c>
      <c r="B1756" s="2" t="s">
        <v>8735</v>
      </c>
      <c r="C1756" s="4" t="s">
        <v>6</v>
      </c>
      <c r="D1756" s="5" t="s">
        <v>45</v>
      </c>
      <c r="E1756" s="5" t="s">
        <v>10169</v>
      </c>
      <c r="F1756" s="6" t="s">
        <v>10170</v>
      </c>
      <c r="G1756" s="2" t="s">
        <v>10168</v>
      </c>
      <c r="H1756" s="4" t="s">
        <v>9</v>
      </c>
      <c r="I1756" s="5" t="s">
        <v>6</v>
      </c>
      <c r="J1756" s="5" t="s">
        <v>45</v>
      </c>
      <c r="K1756" s="5" t="s">
        <v>10169</v>
      </c>
      <c r="L1756" s="6" t="s">
        <v>5</v>
      </c>
      <c r="M1756" s="2" t="s">
        <v>10171</v>
      </c>
      <c r="N1756" s="3">
        <v>41318</v>
      </c>
      <c r="O1756" s="3">
        <v>45261</v>
      </c>
      <c r="P1756" s="3">
        <v>47087</v>
      </c>
    </row>
    <row r="1757" spans="1:16" x14ac:dyDescent="0.15">
      <c r="A1757" s="2" t="s">
        <v>49</v>
      </c>
      <c r="B1757" s="2" t="s">
        <v>6498</v>
      </c>
      <c r="C1757" s="4" t="s">
        <v>6</v>
      </c>
      <c r="D1757" s="5" t="s">
        <v>6496</v>
      </c>
      <c r="E1757" s="5" t="s">
        <v>6497</v>
      </c>
      <c r="F1757" s="6" t="s">
        <v>5</v>
      </c>
      <c r="G1757" s="2"/>
      <c r="H1757" s="4"/>
      <c r="I1757" s="5"/>
      <c r="J1757" s="5"/>
      <c r="K1757" s="5"/>
      <c r="L1757" s="6"/>
      <c r="M1757" s="2" t="s">
        <v>6499</v>
      </c>
      <c r="N1757" s="3">
        <v>38002</v>
      </c>
      <c r="O1757" s="3">
        <v>44835</v>
      </c>
      <c r="P1757" s="3">
        <v>47026</v>
      </c>
    </row>
    <row r="1758" spans="1:16" x14ac:dyDescent="0.15">
      <c r="A1758" s="2" t="s">
        <v>66</v>
      </c>
      <c r="B1758" s="2" t="s">
        <v>6498</v>
      </c>
      <c r="C1758" s="4" t="s">
        <v>6</v>
      </c>
      <c r="D1758" s="5" t="s">
        <v>6496</v>
      </c>
      <c r="E1758" s="5" t="s">
        <v>6497</v>
      </c>
      <c r="F1758" s="6" t="s">
        <v>5</v>
      </c>
      <c r="G1758" s="2"/>
      <c r="H1758" s="4"/>
      <c r="I1758" s="5"/>
      <c r="J1758" s="5"/>
      <c r="K1758" s="5"/>
      <c r="L1758" s="6"/>
      <c r="M1758" s="2" t="s">
        <v>6500</v>
      </c>
      <c r="N1758" s="3">
        <v>38002</v>
      </c>
      <c r="O1758" s="3">
        <v>44835</v>
      </c>
      <c r="P1758" s="3">
        <v>47026</v>
      </c>
    </row>
    <row r="1759" spans="1:16" x14ac:dyDescent="0.15">
      <c r="A1759" s="2" t="s">
        <v>49</v>
      </c>
      <c r="B1759" s="2" t="s">
        <v>10174</v>
      </c>
      <c r="C1759" s="4" t="s">
        <v>6</v>
      </c>
      <c r="D1759" s="5" t="s">
        <v>911</v>
      </c>
      <c r="E1759" s="5" t="s">
        <v>10175</v>
      </c>
      <c r="F1759" s="6" t="s">
        <v>5</v>
      </c>
      <c r="G1759" s="2" t="s">
        <v>10172</v>
      </c>
      <c r="H1759" s="4" t="s">
        <v>1273</v>
      </c>
      <c r="I1759" s="5" t="s">
        <v>3110</v>
      </c>
      <c r="J1759" s="5" t="s">
        <v>10173</v>
      </c>
      <c r="K1759" s="5" t="s">
        <v>3230</v>
      </c>
      <c r="L1759" s="6" t="s">
        <v>5</v>
      </c>
      <c r="M1759" s="2" t="s">
        <v>10176</v>
      </c>
      <c r="N1759" s="3">
        <v>38469</v>
      </c>
      <c r="O1759" s="3">
        <v>44835</v>
      </c>
      <c r="P1759" s="3">
        <v>47026</v>
      </c>
    </row>
    <row r="1760" spans="1:16" x14ac:dyDescent="0.15">
      <c r="A1760" s="2" t="s">
        <v>49</v>
      </c>
      <c r="B1760" s="2" t="s">
        <v>10185</v>
      </c>
      <c r="C1760" s="4" t="s">
        <v>6</v>
      </c>
      <c r="D1760" s="5" t="s">
        <v>111</v>
      </c>
      <c r="E1760" s="5" t="s">
        <v>112</v>
      </c>
      <c r="F1760" s="6" t="s">
        <v>5</v>
      </c>
      <c r="G1760" s="2" t="s">
        <v>10183</v>
      </c>
      <c r="H1760" s="4" t="s">
        <v>9</v>
      </c>
      <c r="I1760" s="5" t="s">
        <v>3859</v>
      </c>
      <c r="J1760" s="5" t="s">
        <v>3590</v>
      </c>
      <c r="K1760" s="5" t="s">
        <v>10184</v>
      </c>
      <c r="L1760" s="6" t="s">
        <v>5</v>
      </c>
      <c r="M1760" s="2" t="s">
        <v>10186</v>
      </c>
      <c r="N1760" s="3">
        <v>45281</v>
      </c>
      <c r="O1760" s="3">
        <v>45281</v>
      </c>
      <c r="P1760" s="3">
        <v>47787</v>
      </c>
    </row>
    <row r="1761" spans="1:16" x14ac:dyDescent="0.15">
      <c r="A1761" s="2" t="s">
        <v>49</v>
      </c>
      <c r="B1761" s="2" t="s">
        <v>10189</v>
      </c>
      <c r="C1761" s="4" t="s">
        <v>6</v>
      </c>
      <c r="D1761" s="5" t="s">
        <v>2933</v>
      </c>
      <c r="E1761" s="5" t="s">
        <v>10188</v>
      </c>
      <c r="F1761" s="6" t="s">
        <v>5</v>
      </c>
      <c r="G1761" s="2" t="s">
        <v>10187</v>
      </c>
      <c r="H1761" s="4" t="s">
        <v>9</v>
      </c>
      <c r="I1761" s="5" t="s">
        <v>6</v>
      </c>
      <c r="J1761" s="5" t="s">
        <v>2933</v>
      </c>
      <c r="K1761" s="5" t="s">
        <v>10188</v>
      </c>
      <c r="L1761" s="6" t="s">
        <v>5</v>
      </c>
      <c r="M1761" s="2" t="s">
        <v>10190</v>
      </c>
      <c r="N1761" s="3">
        <v>45268</v>
      </c>
      <c r="O1761" s="3">
        <v>45268</v>
      </c>
      <c r="P1761" s="3">
        <v>47817</v>
      </c>
    </row>
    <row r="1762" spans="1:16" x14ac:dyDescent="0.15">
      <c r="A1762" s="2" t="s">
        <v>49</v>
      </c>
      <c r="B1762" s="2" t="s">
        <v>10192</v>
      </c>
      <c r="C1762" s="4" t="s">
        <v>6</v>
      </c>
      <c r="D1762" s="5" t="s">
        <v>2016</v>
      </c>
      <c r="E1762" s="5" t="s">
        <v>1395</v>
      </c>
      <c r="F1762" s="6" t="s">
        <v>5</v>
      </c>
      <c r="G1762" s="2" t="s">
        <v>10191</v>
      </c>
      <c r="H1762" s="4" t="s">
        <v>9</v>
      </c>
      <c r="I1762" s="5" t="s">
        <v>1413</v>
      </c>
      <c r="J1762" s="5" t="s">
        <v>10146</v>
      </c>
      <c r="K1762" s="5" t="s">
        <v>4341</v>
      </c>
      <c r="L1762" s="6" t="s">
        <v>5</v>
      </c>
      <c r="M1762" s="2" t="s">
        <v>10193</v>
      </c>
      <c r="N1762" s="3">
        <v>45269</v>
      </c>
      <c r="O1762" s="3">
        <v>45269</v>
      </c>
      <c r="P1762" s="3">
        <v>47787</v>
      </c>
    </row>
    <row r="1763" spans="1:16" x14ac:dyDescent="0.15">
      <c r="A1763" s="2" t="s">
        <v>49</v>
      </c>
      <c r="B1763" s="2" t="s">
        <v>6516</v>
      </c>
      <c r="C1763" s="4" t="s">
        <v>6</v>
      </c>
      <c r="D1763" s="5" t="s">
        <v>608</v>
      </c>
      <c r="E1763" s="5" t="s">
        <v>4306</v>
      </c>
      <c r="F1763" s="6" t="s">
        <v>6517</v>
      </c>
      <c r="G1763" s="2"/>
      <c r="H1763" s="4"/>
      <c r="I1763" s="5"/>
      <c r="J1763" s="5"/>
      <c r="K1763" s="5"/>
      <c r="L1763" s="6"/>
      <c r="M1763" s="2" t="s">
        <v>6518</v>
      </c>
      <c r="N1763" s="3">
        <v>44835</v>
      </c>
      <c r="O1763" s="3">
        <v>44835</v>
      </c>
      <c r="P1763" s="3">
        <v>46721</v>
      </c>
    </row>
    <row r="1764" spans="1:16" x14ac:dyDescent="0.15">
      <c r="A1764" s="2" t="s">
        <v>49</v>
      </c>
      <c r="B1764" s="2" t="s">
        <v>6519</v>
      </c>
      <c r="C1764" s="4" t="s">
        <v>6</v>
      </c>
      <c r="D1764" s="5" t="s">
        <v>1394</v>
      </c>
      <c r="E1764" s="5" t="s">
        <v>1862</v>
      </c>
      <c r="F1764" s="6" t="s">
        <v>5</v>
      </c>
      <c r="G1764" s="2"/>
      <c r="H1764" s="4"/>
      <c r="I1764" s="5"/>
      <c r="J1764" s="5"/>
      <c r="K1764" s="5"/>
      <c r="L1764" s="6"/>
      <c r="M1764" s="2" t="s">
        <v>6520</v>
      </c>
      <c r="N1764" s="3">
        <v>40107</v>
      </c>
      <c r="O1764" s="3">
        <v>44855</v>
      </c>
      <c r="P1764" s="3">
        <v>47391</v>
      </c>
    </row>
    <row r="1765" spans="1:16" x14ac:dyDescent="0.15">
      <c r="A1765" s="2" t="s">
        <v>66</v>
      </c>
      <c r="B1765" s="2" t="s">
        <v>6522</v>
      </c>
      <c r="C1765" s="4" t="s">
        <v>6</v>
      </c>
      <c r="D1765" s="5" t="s">
        <v>2805</v>
      </c>
      <c r="E1765" s="5" t="s">
        <v>6521</v>
      </c>
      <c r="F1765" s="6" t="s">
        <v>5</v>
      </c>
      <c r="G1765" s="2"/>
      <c r="H1765" s="4"/>
      <c r="I1765" s="5"/>
      <c r="J1765" s="5"/>
      <c r="K1765" s="5"/>
      <c r="L1765" s="6"/>
      <c r="M1765" s="2" t="s">
        <v>6523</v>
      </c>
      <c r="N1765" s="3">
        <v>32289</v>
      </c>
      <c r="O1765" s="3">
        <v>44866</v>
      </c>
      <c r="P1765" s="3">
        <v>47057</v>
      </c>
    </row>
    <row r="1766" spans="1:16" x14ac:dyDescent="0.15">
      <c r="A1766" s="2" t="s">
        <v>16</v>
      </c>
      <c r="B1766" s="2" t="s">
        <v>6524</v>
      </c>
      <c r="C1766" s="4" t="s">
        <v>6</v>
      </c>
      <c r="D1766" s="5" t="s">
        <v>6525</v>
      </c>
      <c r="E1766" s="5" t="s">
        <v>25</v>
      </c>
      <c r="F1766" s="6" t="s">
        <v>5</v>
      </c>
      <c r="G1766" s="2"/>
      <c r="H1766" s="4"/>
      <c r="I1766" s="5"/>
      <c r="J1766" s="5"/>
      <c r="K1766" s="5"/>
      <c r="L1766" s="6"/>
      <c r="M1766" s="2" t="s">
        <v>6526</v>
      </c>
      <c r="N1766" s="3">
        <v>38239</v>
      </c>
      <c r="O1766" s="3">
        <v>44866</v>
      </c>
      <c r="P1766" s="3">
        <v>47057</v>
      </c>
    </row>
    <row r="1767" spans="1:16" x14ac:dyDescent="0.15">
      <c r="A1767" s="2" t="s">
        <v>49</v>
      </c>
      <c r="B1767" s="2" t="s">
        <v>6528</v>
      </c>
      <c r="C1767" s="4" t="s">
        <v>6</v>
      </c>
      <c r="D1767" s="5" t="s">
        <v>6527</v>
      </c>
      <c r="E1767" s="5" t="s">
        <v>6529</v>
      </c>
      <c r="F1767" s="6" t="s">
        <v>5</v>
      </c>
      <c r="G1767" s="2"/>
      <c r="H1767" s="4"/>
      <c r="I1767" s="5"/>
      <c r="J1767" s="5"/>
      <c r="K1767" s="5"/>
      <c r="L1767" s="6"/>
      <c r="M1767" s="2" t="s">
        <v>6530</v>
      </c>
      <c r="N1767" s="3">
        <v>39309</v>
      </c>
      <c r="O1767" s="3">
        <v>44866</v>
      </c>
      <c r="P1767" s="3">
        <v>46691</v>
      </c>
    </row>
    <row r="1768" spans="1:16" x14ac:dyDescent="0.15">
      <c r="A1768" s="2" t="s">
        <v>49</v>
      </c>
      <c r="B1768" s="2" t="s">
        <v>6531</v>
      </c>
      <c r="C1768" s="4" t="s">
        <v>6</v>
      </c>
      <c r="D1768" s="5" t="s">
        <v>5889</v>
      </c>
      <c r="E1768" s="5" t="s">
        <v>6532</v>
      </c>
      <c r="F1768" s="6" t="s">
        <v>5</v>
      </c>
      <c r="G1768" s="2"/>
      <c r="H1768" s="4"/>
      <c r="I1768" s="5"/>
      <c r="J1768" s="5"/>
      <c r="K1768" s="5"/>
      <c r="L1768" s="6"/>
      <c r="M1768" s="2" t="s">
        <v>6533</v>
      </c>
      <c r="N1768" s="3">
        <v>37428</v>
      </c>
      <c r="O1768" s="3">
        <v>45200</v>
      </c>
      <c r="P1768" s="3">
        <v>47026</v>
      </c>
    </row>
    <row r="1769" spans="1:16" x14ac:dyDescent="0.15">
      <c r="A1769" s="2" t="s">
        <v>16</v>
      </c>
      <c r="B1769" s="2" t="s">
        <v>6531</v>
      </c>
      <c r="C1769" s="4" t="s">
        <v>6</v>
      </c>
      <c r="D1769" s="5" t="s">
        <v>5889</v>
      </c>
      <c r="E1769" s="5" t="s">
        <v>6532</v>
      </c>
      <c r="F1769" s="6" t="s">
        <v>5</v>
      </c>
      <c r="G1769" s="2"/>
      <c r="H1769" s="4"/>
      <c r="I1769" s="5"/>
      <c r="J1769" s="5"/>
      <c r="K1769" s="5"/>
      <c r="L1769" s="6"/>
      <c r="M1769" s="2" t="s">
        <v>6534</v>
      </c>
      <c r="N1769" s="3">
        <v>39211</v>
      </c>
      <c r="O1769" s="3">
        <v>44835</v>
      </c>
      <c r="P1769" s="3">
        <v>46660</v>
      </c>
    </row>
    <row r="1770" spans="1:16" x14ac:dyDescent="0.15">
      <c r="A1770" s="2" t="s">
        <v>49</v>
      </c>
      <c r="B1770" s="2" t="s">
        <v>6535</v>
      </c>
      <c r="C1770" s="4" t="s">
        <v>6</v>
      </c>
      <c r="D1770" s="5" t="s">
        <v>2805</v>
      </c>
      <c r="E1770" s="5" t="s">
        <v>6536</v>
      </c>
      <c r="F1770" s="6" t="s">
        <v>5</v>
      </c>
      <c r="G1770" s="2"/>
      <c r="H1770" s="4"/>
      <c r="I1770" s="5"/>
      <c r="J1770" s="5"/>
      <c r="K1770" s="5"/>
      <c r="L1770" s="6"/>
      <c r="M1770" s="2" t="s">
        <v>6537</v>
      </c>
      <c r="N1770" s="3">
        <v>44858</v>
      </c>
      <c r="O1770" s="3">
        <v>44866</v>
      </c>
      <c r="P1770" s="3">
        <v>46691</v>
      </c>
    </row>
    <row r="1771" spans="1:16" x14ac:dyDescent="0.15">
      <c r="A1771" s="2" t="s">
        <v>49</v>
      </c>
      <c r="B1771" s="2" t="s">
        <v>10201</v>
      </c>
      <c r="C1771" s="4" t="s">
        <v>6</v>
      </c>
      <c r="D1771" s="5" t="s">
        <v>8104</v>
      </c>
      <c r="E1771" s="5" t="s">
        <v>10202</v>
      </c>
      <c r="F1771" s="6" t="s">
        <v>5</v>
      </c>
      <c r="G1771" s="2" t="s">
        <v>10199</v>
      </c>
      <c r="H1771" s="4" t="s">
        <v>9</v>
      </c>
      <c r="I1771" s="5" t="s">
        <v>6</v>
      </c>
      <c r="J1771" s="5" t="s">
        <v>7380</v>
      </c>
      <c r="K1771" s="5" t="s">
        <v>10200</v>
      </c>
      <c r="L1771" s="6" t="s">
        <v>5</v>
      </c>
      <c r="M1771" s="2" t="s">
        <v>10203</v>
      </c>
      <c r="N1771" s="3">
        <v>45278</v>
      </c>
      <c r="O1771" s="3">
        <v>45278</v>
      </c>
      <c r="P1771" s="3">
        <v>47603</v>
      </c>
    </row>
    <row r="1772" spans="1:16" x14ac:dyDescent="0.15">
      <c r="A1772" s="2" t="s">
        <v>49</v>
      </c>
      <c r="B1772" s="2" t="s">
        <v>6543</v>
      </c>
      <c r="C1772" s="4" t="s">
        <v>6</v>
      </c>
      <c r="D1772" s="5" t="s">
        <v>111</v>
      </c>
      <c r="E1772" s="5" t="s">
        <v>2719</v>
      </c>
      <c r="F1772" s="6" t="s">
        <v>6544</v>
      </c>
      <c r="G1772" s="2"/>
      <c r="H1772" s="4"/>
      <c r="I1772" s="5"/>
      <c r="J1772" s="5"/>
      <c r="K1772" s="5"/>
      <c r="L1772" s="6"/>
      <c r="M1772" s="2" t="s">
        <v>6545</v>
      </c>
      <c r="N1772" s="3">
        <v>40213</v>
      </c>
      <c r="O1772" s="3">
        <v>44866</v>
      </c>
      <c r="P1772" s="3">
        <v>47057</v>
      </c>
    </row>
    <row r="1773" spans="1:16" x14ac:dyDescent="0.15">
      <c r="A1773" s="2" t="s">
        <v>49</v>
      </c>
      <c r="B1773" s="2" t="s">
        <v>6546</v>
      </c>
      <c r="C1773" s="4" t="s">
        <v>6</v>
      </c>
      <c r="D1773" s="5" t="s">
        <v>3887</v>
      </c>
      <c r="E1773" s="5" t="s">
        <v>4952</v>
      </c>
      <c r="F1773" s="6" t="s">
        <v>5</v>
      </c>
      <c r="G1773" s="2"/>
      <c r="H1773" s="4"/>
      <c r="I1773" s="5"/>
      <c r="J1773" s="5"/>
      <c r="K1773" s="5"/>
      <c r="L1773" s="6"/>
      <c r="M1773" s="2" t="s">
        <v>6547</v>
      </c>
      <c r="N1773" s="3">
        <v>42474</v>
      </c>
      <c r="O1773" s="3">
        <v>44835</v>
      </c>
      <c r="P1773" s="3">
        <v>47026</v>
      </c>
    </row>
    <row r="1774" spans="1:16" x14ac:dyDescent="0.15">
      <c r="A1774" s="2" t="s">
        <v>49</v>
      </c>
      <c r="B1774" s="2" t="s">
        <v>6548</v>
      </c>
      <c r="C1774" s="4" t="s">
        <v>6</v>
      </c>
      <c r="D1774" s="5" t="s">
        <v>2933</v>
      </c>
      <c r="E1774" s="5" t="s">
        <v>6549</v>
      </c>
      <c r="F1774" s="6" t="s">
        <v>6550</v>
      </c>
      <c r="G1774" s="2"/>
      <c r="H1774" s="4"/>
      <c r="I1774" s="5"/>
      <c r="J1774" s="5"/>
      <c r="K1774" s="5"/>
      <c r="L1774" s="6"/>
      <c r="M1774" s="2" t="s">
        <v>6551</v>
      </c>
      <c r="N1774" s="3">
        <v>42547</v>
      </c>
      <c r="O1774" s="3">
        <v>44896</v>
      </c>
      <c r="P1774" s="3">
        <v>47087</v>
      </c>
    </row>
    <row r="1775" spans="1:16" x14ac:dyDescent="0.15">
      <c r="A1775" s="2" t="s">
        <v>49</v>
      </c>
      <c r="B1775" s="2" t="s">
        <v>6552</v>
      </c>
      <c r="C1775" s="4" t="s">
        <v>6</v>
      </c>
      <c r="D1775" s="5" t="s">
        <v>6553</v>
      </c>
      <c r="E1775" s="5" t="s">
        <v>6554</v>
      </c>
      <c r="F1775" s="6" t="s">
        <v>5</v>
      </c>
      <c r="G1775" s="2"/>
      <c r="H1775" s="4"/>
      <c r="I1775" s="5"/>
      <c r="J1775" s="5"/>
      <c r="K1775" s="5"/>
      <c r="L1775" s="6"/>
      <c r="M1775" s="2" t="s">
        <v>6555</v>
      </c>
      <c r="N1775" s="3">
        <v>44846</v>
      </c>
      <c r="O1775" s="3">
        <v>44846</v>
      </c>
      <c r="P1775" s="3">
        <v>47208</v>
      </c>
    </row>
    <row r="1776" spans="1:16" x14ac:dyDescent="0.15">
      <c r="A1776" s="2" t="s">
        <v>49</v>
      </c>
      <c r="B1776" s="2" t="s">
        <v>10225</v>
      </c>
      <c r="C1776" s="4" t="s">
        <v>6</v>
      </c>
      <c r="D1776" s="5" t="s">
        <v>1000</v>
      </c>
      <c r="E1776" s="5" t="s">
        <v>5039</v>
      </c>
      <c r="F1776" s="6" t="s">
        <v>1609</v>
      </c>
      <c r="G1776" s="2" t="s">
        <v>10224</v>
      </c>
      <c r="H1776" s="4" t="s">
        <v>9</v>
      </c>
      <c r="I1776" s="5" t="s">
        <v>6</v>
      </c>
      <c r="J1776" s="5" t="s">
        <v>1000</v>
      </c>
      <c r="K1776" s="5" t="s">
        <v>5039</v>
      </c>
      <c r="L1776" s="6" t="s">
        <v>5</v>
      </c>
      <c r="M1776" s="2" t="s">
        <v>10226</v>
      </c>
      <c r="N1776" s="3">
        <v>45285</v>
      </c>
      <c r="O1776" s="3">
        <v>45285</v>
      </c>
      <c r="P1776" s="3">
        <v>47391</v>
      </c>
    </row>
    <row r="1777" spans="1:16" x14ac:dyDescent="0.15">
      <c r="A1777" s="2" t="s">
        <v>49</v>
      </c>
      <c r="B1777" s="2" t="s">
        <v>6563</v>
      </c>
      <c r="C1777" s="4" t="s">
        <v>6</v>
      </c>
      <c r="D1777" s="5" t="s">
        <v>5551</v>
      </c>
      <c r="E1777" s="5" t="s">
        <v>6564</v>
      </c>
      <c r="F1777" s="6" t="s">
        <v>5</v>
      </c>
      <c r="G1777" s="2"/>
      <c r="H1777" s="4"/>
      <c r="I1777" s="5"/>
      <c r="J1777" s="5"/>
      <c r="K1777" s="5"/>
      <c r="L1777" s="6"/>
      <c r="M1777" s="2" t="s">
        <v>6565</v>
      </c>
      <c r="N1777" s="3">
        <v>44841</v>
      </c>
      <c r="O1777" s="3">
        <v>44841</v>
      </c>
      <c r="P1777" s="3">
        <v>47299</v>
      </c>
    </row>
    <row r="1778" spans="1:16" x14ac:dyDescent="0.15">
      <c r="A1778" s="2" t="s">
        <v>49</v>
      </c>
      <c r="B1778" s="2" t="s">
        <v>6566</v>
      </c>
      <c r="C1778" s="4" t="s">
        <v>6</v>
      </c>
      <c r="D1778" s="5" t="s">
        <v>848</v>
      </c>
      <c r="E1778" s="5" t="s">
        <v>4682</v>
      </c>
      <c r="F1778" s="6" t="s">
        <v>6567</v>
      </c>
      <c r="G1778" s="2"/>
      <c r="H1778" s="4"/>
      <c r="I1778" s="5"/>
      <c r="J1778" s="5"/>
      <c r="K1778" s="5"/>
      <c r="L1778" s="6"/>
      <c r="M1778" s="2" t="s">
        <v>6568</v>
      </c>
      <c r="N1778" s="3">
        <v>44840</v>
      </c>
      <c r="O1778" s="3">
        <v>44840</v>
      </c>
      <c r="P1778" s="3">
        <v>47269</v>
      </c>
    </row>
    <row r="1779" spans="1:16" x14ac:dyDescent="0.15">
      <c r="A1779" s="2" t="s">
        <v>49</v>
      </c>
      <c r="B1779" s="2" t="s">
        <v>6571</v>
      </c>
      <c r="C1779" s="4" t="s">
        <v>6</v>
      </c>
      <c r="D1779" s="5" t="s">
        <v>2805</v>
      </c>
      <c r="E1779" s="5" t="s">
        <v>6570</v>
      </c>
      <c r="F1779" s="6" t="s">
        <v>5</v>
      </c>
      <c r="G1779" s="2" t="s">
        <v>6569</v>
      </c>
      <c r="H1779" s="4" t="s">
        <v>9</v>
      </c>
      <c r="I1779" s="5" t="s">
        <v>6</v>
      </c>
      <c r="J1779" s="5" t="s">
        <v>2805</v>
      </c>
      <c r="K1779" s="5" t="s">
        <v>6570</v>
      </c>
      <c r="L1779" s="6" t="s">
        <v>5</v>
      </c>
      <c r="M1779" s="2" t="s">
        <v>6572</v>
      </c>
      <c r="N1779" s="3">
        <v>36963</v>
      </c>
      <c r="O1779" s="3">
        <v>44866</v>
      </c>
      <c r="P1779" s="3">
        <v>47057</v>
      </c>
    </row>
    <row r="1780" spans="1:16" x14ac:dyDescent="0.15">
      <c r="A1780" s="2" t="s">
        <v>49</v>
      </c>
      <c r="B1780" s="2" t="s">
        <v>6573</v>
      </c>
      <c r="C1780" s="4" t="s">
        <v>6</v>
      </c>
      <c r="D1780" s="5" t="s">
        <v>2805</v>
      </c>
      <c r="E1780" s="5" t="s">
        <v>6570</v>
      </c>
      <c r="F1780" s="6" t="s">
        <v>5</v>
      </c>
      <c r="G1780" s="2" t="s">
        <v>6569</v>
      </c>
      <c r="H1780" s="4" t="s">
        <v>9</v>
      </c>
      <c r="I1780" s="5" t="s">
        <v>6</v>
      </c>
      <c r="J1780" s="5" t="s">
        <v>2805</v>
      </c>
      <c r="K1780" s="5" t="s">
        <v>6570</v>
      </c>
      <c r="L1780" s="6" t="s">
        <v>5</v>
      </c>
      <c r="M1780" s="2" t="s">
        <v>6574</v>
      </c>
      <c r="N1780" s="3">
        <v>30800</v>
      </c>
      <c r="O1780" s="3">
        <v>44866</v>
      </c>
      <c r="P1780" s="3">
        <v>47057</v>
      </c>
    </row>
    <row r="1781" spans="1:16" x14ac:dyDescent="0.15">
      <c r="A1781" s="2" t="s">
        <v>49</v>
      </c>
      <c r="B1781" s="2" t="s">
        <v>6575</v>
      </c>
      <c r="C1781" s="4" t="s">
        <v>6</v>
      </c>
      <c r="D1781" s="5" t="s">
        <v>6576</v>
      </c>
      <c r="E1781" s="5" t="s">
        <v>6577</v>
      </c>
      <c r="F1781" s="6" t="s">
        <v>5</v>
      </c>
      <c r="G1781" s="2"/>
      <c r="H1781" s="4"/>
      <c r="I1781" s="5"/>
      <c r="J1781" s="5"/>
      <c r="K1781" s="5"/>
      <c r="L1781" s="6"/>
      <c r="M1781" s="2" t="s">
        <v>6578</v>
      </c>
      <c r="N1781" s="3">
        <v>37530</v>
      </c>
      <c r="O1781" s="3">
        <v>44835</v>
      </c>
      <c r="P1781" s="3">
        <v>46660</v>
      </c>
    </row>
    <row r="1782" spans="1:16" x14ac:dyDescent="0.15">
      <c r="A1782" s="2" t="s">
        <v>16</v>
      </c>
      <c r="B1782" s="2" t="s">
        <v>6579</v>
      </c>
      <c r="C1782" s="4" t="s">
        <v>6</v>
      </c>
      <c r="D1782" s="5" t="s">
        <v>1037</v>
      </c>
      <c r="E1782" s="5" t="s">
        <v>6580</v>
      </c>
      <c r="F1782" s="6" t="s">
        <v>5</v>
      </c>
      <c r="G1782" s="2"/>
      <c r="H1782" s="4"/>
      <c r="I1782" s="5"/>
      <c r="J1782" s="5"/>
      <c r="K1782" s="5"/>
      <c r="L1782" s="6"/>
      <c r="M1782" s="2" t="s">
        <v>6581</v>
      </c>
      <c r="N1782" s="3">
        <v>44854</v>
      </c>
      <c r="O1782" s="3">
        <v>44854</v>
      </c>
      <c r="P1782" s="3">
        <v>46691</v>
      </c>
    </row>
    <row r="1783" spans="1:16" x14ac:dyDescent="0.15">
      <c r="A1783" s="2" t="s">
        <v>49</v>
      </c>
      <c r="B1783" s="2" t="s">
        <v>10233</v>
      </c>
      <c r="C1783" s="4" t="s">
        <v>6</v>
      </c>
      <c r="D1783" s="5" t="s">
        <v>2012</v>
      </c>
      <c r="E1783" s="5" t="s">
        <v>10232</v>
      </c>
      <c r="F1783" s="6" t="s">
        <v>5</v>
      </c>
      <c r="G1783" s="2" t="s">
        <v>10231</v>
      </c>
      <c r="H1783" s="4" t="s">
        <v>9</v>
      </c>
      <c r="I1783" s="5" t="s">
        <v>6</v>
      </c>
      <c r="J1783" s="5" t="s">
        <v>2012</v>
      </c>
      <c r="K1783" s="5" t="s">
        <v>10232</v>
      </c>
      <c r="L1783" s="6" t="s">
        <v>5</v>
      </c>
      <c r="M1783" s="2" t="s">
        <v>10234</v>
      </c>
      <c r="N1783" s="3">
        <v>45282</v>
      </c>
      <c r="O1783" s="3">
        <v>45282</v>
      </c>
      <c r="P1783" s="3">
        <v>47208</v>
      </c>
    </row>
    <row r="1784" spans="1:16" x14ac:dyDescent="0.15">
      <c r="A1784" s="2" t="s">
        <v>49</v>
      </c>
      <c r="B1784" s="2" t="s">
        <v>10247</v>
      </c>
      <c r="C1784" s="4" t="s">
        <v>6</v>
      </c>
      <c r="D1784" s="5" t="s">
        <v>45</v>
      </c>
      <c r="E1784" s="5" t="s">
        <v>8951</v>
      </c>
      <c r="F1784" s="6" t="s">
        <v>10248</v>
      </c>
      <c r="G1784" s="2" t="s">
        <v>10245</v>
      </c>
      <c r="H1784" s="4" t="s">
        <v>9</v>
      </c>
      <c r="I1784" s="5" t="s">
        <v>6</v>
      </c>
      <c r="J1784" s="5" t="s">
        <v>45</v>
      </c>
      <c r="K1784" s="5" t="s">
        <v>10246</v>
      </c>
      <c r="L1784" s="6" t="s">
        <v>5</v>
      </c>
      <c r="M1784" s="2" t="s">
        <v>10249</v>
      </c>
      <c r="N1784" s="3">
        <v>45288</v>
      </c>
      <c r="O1784" s="3">
        <v>45288</v>
      </c>
      <c r="P1784" s="3">
        <v>47452</v>
      </c>
    </row>
    <row r="1785" spans="1:16" x14ac:dyDescent="0.15">
      <c r="A1785" s="2" t="s">
        <v>49</v>
      </c>
      <c r="B1785" s="2" t="s">
        <v>10253</v>
      </c>
      <c r="C1785" s="4" t="s">
        <v>6</v>
      </c>
      <c r="D1785" s="5" t="s">
        <v>123</v>
      </c>
      <c r="E1785" s="5" t="s">
        <v>10254</v>
      </c>
      <c r="F1785" s="6" t="s">
        <v>5</v>
      </c>
      <c r="G1785" s="2" t="s">
        <v>10250</v>
      </c>
      <c r="H1785" s="4" t="s">
        <v>9</v>
      </c>
      <c r="I1785" s="5" t="s">
        <v>1280</v>
      </c>
      <c r="J1785" s="5" t="s">
        <v>10251</v>
      </c>
      <c r="K1785" s="5" t="s">
        <v>10252</v>
      </c>
      <c r="L1785" s="6" t="s">
        <v>5</v>
      </c>
      <c r="M1785" s="2" t="s">
        <v>10255</v>
      </c>
      <c r="N1785" s="3">
        <v>45314</v>
      </c>
      <c r="O1785" s="3">
        <v>45314</v>
      </c>
      <c r="P1785" s="3">
        <v>47573</v>
      </c>
    </row>
    <row r="1786" spans="1:16" x14ac:dyDescent="0.15">
      <c r="A1786" s="2" t="s">
        <v>49</v>
      </c>
      <c r="B1786" s="2" t="s">
        <v>6596</v>
      </c>
      <c r="C1786" s="4" t="s">
        <v>6</v>
      </c>
      <c r="D1786" s="5" t="s">
        <v>2328</v>
      </c>
      <c r="E1786" s="5" t="s">
        <v>2329</v>
      </c>
      <c r="F1786" s="6" t="s">
        <v>6597</v>
      </c>
      <c r="G1786" s="2" t="s">
        <v>6594</v>
      </c>
      <c r="H1786" s="4" t="s">
        <v>9</v>
      </c>
      <c r="I1786" s="5" t="s">
        <v>6</v>
      </c>
      <c r="J1786" s="5" t="s">
        <v>2328</v>
      </c>
      <c r="K1786" s="5" t="s">
        <v>6595</v>
      </c>
      <c r="L1786" s="6" t="s">
        <v>5</v>
      </c>
      <c r="M1786" s="2" t="s">
        <v>6598</v>
      </c>
      <c r="N1786" s="3">
        <v>42517</v>
      </c>
      <c r="O1786" s="3">
        <v>44866</v>
      </c>
      <c r="P1786" s="3">
        <v>47057</v>
      </c>
    </row>
    <row r="1787" spans="1:16" x14ac:dyDescent="0.15">
      <c r="A1787" s="2" t="s">
        <v>16</v>
      </c>
      <c r="B1787" s="2" t="s">
        <v>6599</v>
      </c>
      <c r="C1787" s="4" t="s">
        <v>6</v>
      </c>
      <c r="D1787" s="5" t="s">
        <v>2356</v>
      </c>
      <c r="E1787" s="5" t="s">
        <v>6600</v>
      </c>
      <c r="F1787" s="6" t="s">
        <v>5</v>
      </c>
      <c r="G1787" s="2"/>
      <c r="H1787" s="4"/>
      <c r="I1787" s="5"/>
      <c r="J1787" s="5"/>
      <c r="K1787" s="5"/>
      <c r="L1787" s="6"/>
      <c r="M1787" s="2" t="s">
        <v>6601</v>
      </c>
      <c r="N1787" s="3">
        <v>44849</v>
      </c>
      <c r="O1787" s="3">
        <v>44849</v>
      </c>
      <c r="P1787" s="3">
        <v>47208</v>
      </c>
    </row>
    <row r="1788" spans="1:16" x14ac:dyDescent="0.15">
      <c r="A1788" s="2" t="s">
        <v>49</v>
      </c>
      <c r="B1788" s="2" t="s">
        <v>10296</v>
      </c>
      <c r="C1788" s="4" t="s">
        <v>6</v>
      </c>
      <c r="D1788" s="5" t="s">
        <v>5563</v>
      </c>
      <c r="E1788" s="5" t="s">
        <v>10295</v>
      </c>
      <c r="F1788" s="6" t="s">
        <v>5</v>
      </c>
      <c r="G1788" s="2" t="s">
        <v>10294</v>
      </c>
      <c r="H1788" s="4" t="s">
        <v>9</v>
      </c>
      <c r="I1788" s="5" t="s">
        <v>6</v>
      </c>
      <c r="J1788" s="5" t="s">
        <v>5563</v>
      </c>
      <c r="K1788" s="5" t="s">
        <v>10295</v>
      </c>
      <c r="L1788" s="6" t="s">
        <v>5</v>
      </c>
      <c r="M1788" s="2" t="s">
        <v>10297</v>
      </c>
      <c r="N1788" s="3">
        <v>45310</v>
      </c>
      <c r="O1788" s="3">
        <v>45310</v>
      </c>
      <c r="P1788" s="3">
        <v>47299</v>
      </c>
    </row>
    <row r="1789" spans="1:16" x14ac:dyDescent="0.15">
      <c r="A1789" s="2" t="s">
        <v>49</v>
      </c>
      <c r="B1789" s="2" t="s">
        <v>10304</v>
      </c>
      <c r="C1789" s="4" t="s">
        <v>6</v>
      </c>
      <c r="D1789" s="5" t="s">
        <v>5930</v>
      </c>
      <c r="E1789" s="5" t="s">
        <v>403</v>
      </c>
      <c r="F1789" s="6" t="s">
        <v>5</v>
      </c>
      <c r="G1789" s="2" t="s">
        <v>10302</v>
      </c>
      <c r="H1789" s="4" t="s">
        <v>9</v>
      </c>
      <c r="I1789" s="5" t="s">
        <v>6</v>
      </c>
      <c r="J1789" s="5" t="s">
        <v>755</v>
      </c>
      <c r="K1789" s="5" t="s">
        <v>10303</v>
      </c>
      <c r="L1789" s="6" t="s">
        <v>5</v>
      </c>
      <c r="M1789" s="2" t="s">
        <v>10305</v>
      </c>
      <c r="N1789" s="3">
        <v>45351</v>
      </c>
      <c r="O1789" s="3">
        <v>45351</v>
      </c>
      <c r="P1789" s="3">
        <v>47756</v>
      </c>
    </row>
    <row r="1790" spans="1:16" x14ac:dyDescent="0.15">
      <c r="A1790" s="2" t="s">
        <v>49</v>
      </c>
      <c r="B1790" s="2" t="s">
        <v>6610</v>
      </c>
      <c r="C1790" s="4" t="s">
        <v>6</v>
      </c>
      <c r="D1790" s="5" t="s">
        <v>200</v>
      </c>
      <c r="E1790" s="5" t="s">
        <v>6611</v>
      </c>
      <c r="F1790" s="6" t="s">
        <v>5</v>
      </c>
      <c r="G1790" s="2" t="s">
        <v>6608</v>
      </c>
      <c r="H1790" s="4" t="s">
        <v>9</v>
      </c>
      <c r="I1790" s="5" t="s">
        <v>6</v>
      </c>
      <c r="J1790" s="5" t="s">
        <v>2651</v>
      </c>
      <c r="K1790" s="5" t="s">
        <v>6609</v>
      </c>
      <c r="L1790" s="6" t="s">
        <v>5</v>
      </c>
      <c r="M1790" s="2" t="s">
        <v>6612</v>
      </c>
      <c r="N1790" s="3">
        <v>43165</v>
      </c>
      <c r="O1790" s="3">
        <v>45383</v>
      </c>
      <c r="P1790" s="3">
        <v>47573</v>
      </c>
    </row>
    <row r="1791" spans="1:16" x14ac:dyDescent="0.15">
      <c r="A1791" s="2" t="s">
        <v>42</v>
      </c>
      <c r="B1791" s="2" t="s">
        <v>6610</v>
      </c>
      <c r="C1791" s="4" t="s">
        <v>6</v>
      </c>
      <c r="D1791" s="5" t="s">
        <v>200</v>
      </c>
      <c r="E1791" s="5" t="s">
        <v>6611</v>
      </c>
      <c r="F1791" s="6" t="s">
        <v>5</v>
      </c>
      <c r="G1791" s="2" t="s">
        <v>6608</v>
      </c>
      <c r="H1791" s="4" t="s">
        <v>9</v>
      </c>
      <c r="I1791" s="5" t="s">
        <v>6</v>
      </c>
      <c r="J1791" s="5" t="s">
        <v>2651</v>
      </c>
      <c r="K1791" s="5" t="s">
        <v>6609</v>
      </c>
      <c r="L1791" s="6" t="s">
        <v>5</v>
      </c>
      <c r="M1791" s="2" t="s">
        <v>6613</v>
      </c>
      <c r="N1791" s="3">
        <v>44832</v>
      </c>
      <c r="O1791" s="3">
        <v>44832</v>
      </c>
      <c r="P1791" s="3">
        <v>47208</v>
      </c>
    </row>
    <row r="1792" spans="1:16" x14ac:dyDescent="0.15">
      <c r="A1792" s="2" t="s">
        <v>42</v>
      </c>
      <c r="B1792" s="2" t="s">
        <v>6614</v>
      </c>
      <c r="C1792" s="4" t="s">
        <v>6</v>
      </c>
      <c r="D1792" s="5" t="s">
        <v>2651</v>
      </c>
      <c r="E1792" s="5" t="s">
        <v>6615</v>
      </c>
      <c r="F1792" s="6" t="s">
        <v>5</v>
      </c>
      <c r="G1792" s="2" t="s">
        <v>6608</v>
      </c>
      <c r="H1792" s="4" t="s">
        <v>9</v>
      </c>
      <c r="I1792" s="5" t="s">
        <v>6</v>
      </c>
      <c r="J1792" s="5" t="s">
        <v>2651</v>
      </c>
      <c r="K1792" s="5" t="s">
        <v>6609</v>
      </c>
      <c r="L1792" s="6" t="s">
        <v>5</v>
      </c>
      <c r="M1792" s="2" t="s">
        <v>6616</v>
      </c>
      <c r="N1792" s="3">
        <v>45003</v>
      </c>
      <c r="O1792" s="3">
        <v>45003</v>
      </c>
      <c r="P1792" s="3">
        <v>47422</v>
      </c>
    </row>
    <row r="1793" spans="1:16" x14ac:dyDescent="0.15">
      <c r="A1793" s="2" t="s">
        <v>49</v>
      </c>
      <c r="B1793" s="2" t="s">
        <v>10319</v>
      </c>
      <c r="C1793" s="4" t="s">
        <v>6</v>
      </c>
      <c r="D1793" s="5" t="s">
        <v>169</v>
      </c>
      <c r="E1793" s="5" t="s">
        <v>10320</v>
      </c>
      <c r="F1793" s="6" t="s">
        <v>5</v>
      </c>
      <c r="G1793" s="2" t="s">
        <v>10317</v>
      </c>
      <c r="H1793" s="4" t="s">
        <v>9</v>
      </c>
      <c r="I1793" s="5" t="s">
        <v>6</v>
      </c>
      <c r="J1793" s="5" t="s">
        <v>4502</v>
      </c>
      <c r="K1793" s="5" t="s">
        <v>10318</v>
      </c>
      <c r="L1793" s="6" t="s">
        <v>5</v>
      </c>
      <c r="M1793" s="2" t="s">
        <v>10321</v>
      </c>
      <c r="N1793" s="3">
        <v>43125</v>
      </c>
      <c r="O1793" s="3">
        <v>45383</v>
      </c>
      <c r="P1793" s="3">
        <v>47573</v>
      </c>
    </row>
    <row r="1794" spans="1:16" x14ac:dyDescent="0.15">
      <c r="A1794" s="2" t="s">
        <v>49</v>
      </c>
      <c r="B1794" s="2" t="s">
        <v>6621</v>
      </c>
      <c r="C1794" s="4" t="s">
        <v>6</v>
      </c>
      <c r="D1794" s="5" t="s">
        <v>45</v>
      </c>
      <c r="E1794" s="5" t="s">
        <v>6622</v>
      </c>
      <c r="F1794" s="6" t="s">
        <v>6623</v>
      </c>
      <c r="G1794" s="2"/>
      <c r="H1794" s="4"/>
      <c r="I1794" s="5"/>
      <c r="J1794" s="5"/>
      <c r="K1794" s="5"/>
      <c r="L1794" s="6"/>
      <c r="M1794" s="2" t="s">
        <v>6624</v>
      </c>
      <c r="N1794" s="3">
        <v>35353</v>
      </c>
      <c r="O1794" s="3">
        <v>44896</v>
      </c>
      <c r="P1794" s="3">
        <v>47087</v>
      </c>
    </row>
    <row r="1795" spans="1:16" x14ac:dyDescent="0.15">
      <c r="A1795" s="2" t="s">
        <v>49</v>
      </c>
      <c r="B1795" s="2" t="s">
        <v>6625</v>
      </c>
      <c r="C1795" s="4" t="s">
        <v>6</v>
      </c>
      <c r="D1795" s="5" t="s">
        <v>2089</v>
      </c>
      <c r="E1795" s="5" t="s">
        <v>397</v>
      </c>
      <c r="F1795" s="6" t="s">
        <v>5</v>
      </c>
      <c r="G1795" s="2"/>
      <c r="H1795" s="4"/>
      <c r="I1795" s="5"/>
      <c r="J1795" s="5"/>
      <c r="K1795" s="5"/>
      <c r="L1795" s="6"/>
      <c r="M1795" s="2" t="s">
        <v>6626</v>
      </c>
      <c r="N1795" s="3">
        <v>38385</v>
      </c>
      <c r="O1795" s="3">
        <v>44896</v>
      </c>
      <c r="P1795" s="3">
        <v>47087</v>
      </c>
    </row>
    <row r="1796" spans="1:16" x14ac:dyDescent="0.15">
      <c r="A1796" s="2" t="s">
        <v>49</v>
      </c>
      <c r="B1796" s="2" t="s">
        <v>6628</v>
      </c>
      <c r="C1796" s="4" t="s">
        <v>6</v>
      </c>
      <c r="D1796" s="5" t="s">
        <v>2439</v>
      </c>
      <c r="E1796" s="5" t="s">
        <v>6627</v>
      </c>
      <c r="F1796" s="6" t="s">
        <v>5</v>
      </c>
      <c r="G1796" s="2"/>
      <c r="H1796" s="4"/>
      <c r="I1796" s="5"/>
      <c r="J1796" s="5"/>
      <c r="K1796" s="5"/>
      <c r="L1796" s="6"/>
      <c r="M1796" s="2" t="s">
        <v>6629</v>
      </c>
      <c r="N1796" s="3">
        <v>40968</v>
      </c>
      <c r="O1796" s="3">
        <v>44835</v>
      </c>
      <c r="P1796" s="3">
        <v>46660</v>
      </c>
    </row>
    <row r="1797" spans="1:16" x14ac:dyDescent="0.15">
      <c r="A1797" s="2" t="s">
        <v>49</v>
      </c>
      <c r="B1797" s="2" t="s">
        <v>10324</v>
      </c>
      <c r="C1797" s="4" t="s">
        <v>6</v>
      </c>
      <c r="D1797" s="5" t="s">
        <v>3904</v>
      </c>
      <c r="E1797" s="5" t="s">
        <v>10323</v>
      </c>
      <c r="F1797" s="6" t="s">
        <v>5</v>
      </c>
      <c r="G1797" s="2" t="s">
        <v>10322</v>
      </c>
      <c r="H1797" s="4" t="s">
        <v>9</v>
      </c>
      <c r="I1797" s="5" t="s">
        <v>6</v>
      </c>
      <c r="J1797" s="5" t="s">
        <v>3904</v>
      </c>
      <c r="K1797" s="5" t="s">
        <v>10323</v>
      </c>
      <c r="L1797" s="6" t="s">
        <v>5</v>
      </c>
      <c r="M1797" s="2" t="s">
        <v>10325</v>
      </c>
      <c r="N1797" s="3">
        <v>36001</v>
      </c>
      <c r="O1797" s="3">
        <v>45383</v>
      </c>
      <c r="P1797" s="3">
        <v>47208</v>
      </c>
    </row>
    <row r="1798" spans="1:16" x14ac:dyDescent="0.15">
      <c r="A1798" s="2" t="s">
        <v>49</v>
      </c>
      <c r="B1798" s="2" t="s">
        <v>6636</v>
      </c>
      <c r="C1798" s="4" t="s">
        <v>6</v>
      </c>
      <c r="D1798" s="5" t="s">
        <v>608</v>
      </c>
      <c r="E1798" s="5" t="s">
        <v>6637</v>
      </c>
      <c r="F1798" s="6" t="s">
        <v>6638</v>
      </c>
      <c r="G1798" s="2"/>
      <c r="H1798" s="4"/>
      <c r="I1798" s="5"/>
      <c r="J1798" s="5"/>
      <c r="K1798" s="5"/>
      <c r="L1798" s="6"/>
      <c r="M1798" s="2" t="s">
        <v>6639</v>
      </c>
      <c r="N1798" s="3">
        <v>42557</v>
      </c>
      <c r="O1798" s="3">
        <v>44896</v>
      </c>
      <c r="P1798" s="3">
        <v>47087</v>
      </c>
    </row>
    <row r="1799" spans="1:16" x14ac:dyDescent="0.15">
      <c r="A1799" s="2" t="s">
        <v>49</v>
      </c>
      <c r="B1799" s="2" t="s">
        <v>6640</v>
      </c>
      <c r="C1799" s="4" t="s">
        <v>6</v>
      </c>
      <c r="D1799" s="5" t="s">
        <v>1152</v>
      </c>
      <c r="E1799" s="5" t="s">
        <v>1511</v>
      </c>
      <c r="F1799" s="6" t="s">
        <v>5</v>
      </c>
      <c r="G1799" s="2"/>
      <c r="H1799" s="4"/>
      <c r="I1799" s="5"/>
      <c r="J1799" s="5"/>
      <c r="K1799" s="5"/>
      <c r="L1799" s="6"/>
      <c r="M1799" s="2" t="s">
        <v>6641</v>
      </c>
      <c r="N1799" s="3">
        <v>38231</v>
      </c>
      <c r="O1799" s="3">
        <v>44896</v>
      </c>
      <c r="P1799" s="3">
        <v>47087</v>
      </c>
    </row>
    <row r="1800" spans="1:16" x14ac:dyDescent="0.15">
      <c r="A1800" s="2" t="s">
        <v>49</v>
      </c>
      <c r="B1800" s="2" t="s">
        <v>6644</v>
      </c>
      <c r="C1800" s="4" t="s">
        <v>6</v>
      </c>
      <c r="D1800" s="5" t="s">
        <v>1944</v>
      </c>
      <c r="E1800" s="5" t="s">
        <v>6643</v>
      </c>
      <c r="F1800" s="6" t="s">
        <v>5</v>
      </c>
      <c r="G1800" s="2" t="s">
        <v>6642</v>
      </c>
      <c r="H1800" s="4" t="s">
        <v>9</v>
      </c>
      <c r="I1800" s="5" t="s">
        <v>6</v>
      </c>
      <c r="J1800" s="5" t="s">
        <v>1944</v>
      </c>
      <c r="K1800" s="5" t="s">
        <v>6643</v>
      </c>
      <c r="L1800" s="6" t="s">
        <v>5</v>
      </c>
      <c r="M1800" s="2" t="s">
        <v>6645</v>
      </c>
      <c r="N1800" s="3">
        <v>42612</v>
      </c>
      <c r="O1800" s="3">
        <v>44866</v>
      </c>
      <c r="P1800" s="3">
        <v>47057</v>
      </c>
    </row>
    <row r="1801" spans="1:16" x14ac:dyDescent="0.15">
      <c r="A1801" s="2" t="s">
        <v>49</v>
      </c>
      <c r="B1801" s="2" t="s">
        <v>6646</v>
      </c>
      <c r="C1801" s="4" t="s">
        <v>6</v>
      </c>
      <c r="D1801" s="5" t="s">
        <v>1944</v>
      </c>
      <c r="E1801" s="5" t="s">
        <v>6647</v>
      </c>
      <c r="F1801" s="6" t="s">
        <v>5</v>
      </c>
      <c r="G1801" s="2" t="s">
        <v>6642</v>
      </c>
      <c r="H1801" s="4" t="s">
        <v>9</v>
      </c>
      <c r="I1801" s="5" t="s">
        <v>6</v>
      </c>
      <c r="J1801" s="5" t="s">
        <v>1944</v>
      </c>
      <c r="K1801" s="5" t="s">
        <v>6643</v>
      </c>
      <c r="L1801" s="6" t="s">
        <v>5</v>
      </c>
      <c r="M1801" s="2" t="s">
        <v>6648</v>
      </c>
      <c r="N1801" s="3">
        <v>43009</v>
      </c>
      <c r="O1801" s="3">
        <v>45231</v>
      </c>
      <c r="P1801" s="3">
        <v>47422</v>
      </c>
    </row>
    <row r="1802" spans="1:16" x14ac:dyDescent="0.15">
      <c r="A1802" s="2" t="s">
        <v>36</v>
      </c>
      <c r="B1802" s="2" t="s">
        <v>6651</v>
      </c>
      <c r="C1802" s="4" t="s">
        <v>6</v>
      </c>
      <c r="D1802" s="5" t="s">
        <v>2362</v>
      </c>
      <c r="E1802" s="5" t="s">
        <v>6652</v>
      </c>
      <c r="F1802" s="6" t="s">
        <v>5</v>
      </c>
      <c r="G1802" s="2" t="s">
        <v>6649</v>
      </c>
      <c r="H1802" s="4" t="s">
        <v>9</v>
      </c>
      <c r="I1802" s="5" t="s">
        <v>6</v>
      </c>
      <c r="J1802" s="5" t="s">
        <v>2362</v>
      </c>
      <c r="K1802" s="5" t="s">
        <v>6650</v>
      </c>
      <c r="L1802" s="6" t="s">
        <v>5</v>
      </c>
      <c r="M1802" s="2" t="s">
        <v>6653</v>
      </c>
      <c r="N1802" s="3">
        <v>40352</v>
      </c>
      <c r="O1802" s="3">
        <v>44866</v>
      </c>
      <c r="P1802" s="3">
        <v>47057</v>
      </c>
    </row>
    <row r="1803" spans="1:16" x14ac:dyDescent="0.15">
      <c r="A1803" s="2" t="s">
        <v>49</v>
      </c>
      <c r="B1803" s="2" t="s">
        <v>10352</v>
      </c>
      <c r="C1803" s="4" t="s">
        <v>6</v>
      </c>
      <c r="D1803" s="5" t="s">
        <v>627</v>
      </c>
      <c r="E1803" s="5" t="s">
        <v>10351</v>
      </c>
      <c r="F1803" s="6" t="s">
        <v>5</v>
      </c>
      <c r="G1803" s="2" t="s">
        <v>10350</v>
      </c>
      <c r="H1803" s="4" t="s">
        <v>9</v>
      </c>
      <c r="I1803" s="5" t="s">
        <v>6</v>
      </c>
      <c r="J1803" s="5" t="s">
        <v>627</v>
      </c>
      <c r="K1803" s="5" t="s">
        <v>10351</v>
      </c>
      <c r="L1803" s="6" t="s">
        <v>5</v>
      </c>
      <c r="M1803" s="2" t="s">
        <v>10353</v>
      </c>
      <c r="N1803" s="3">
        <v>43039</v>
      </c>
      <c r="O1803" s="3">
        <v>45383</v>
      </c>
      <c r="P1803" s="3">
        <v>47573</v>
      </c>
    </row>
    <row r="1804" spans="1:16" x14ac:dyDescent="0.15">
      <c r="A1804" s="2" t="s">
        <v>49</v>
      </c>
      <c r="B1804" s="2" t="s">
        <v>10358</v>
      </c>
      <c r="C1804" s="4" t="s">
        <v>6</v>
      </c>
      <c r="D1804" s="5" t="s">
        <v>200</v>
      </c>
      <c r="E1804" s="5" t="s">
        <v>4359</v>
      </c>
      <c r="F1804" s="6" t="s">
        <v>5</v>
      </c>
      <c r="G1804" s="2" t="s">
        <v>10354</v>
      </c>
      <c r="H1804" s="4" t="s">
        <v>184</v>
      </c>
      <c r="I1804" s="5" t="s">
        <v>10355</v>
      </c>
      <c r="J1804" s="5" t="s">
        <v>10356</v>
      </c>
      <c r="K1804" s="5" t="s">
        <v>10357</v>
      </c>
      <c r="L1804" s="6" t="s">
        <v>5</v>
      </c>
      <c r="M1804" s="2" t="s">
        <v>10359</v>
      </c>
      <c r="N1804" s="3">
        <v>45330</v>
      </c>
      <c r="O1804" s="3">
        <v>45330</v>
      </c>
      <c r="P1804" s="3">
        <v>47573</v>
      </c>
    </row>
    <row r="1805" spans="1:16" x14ac:dyDescent="0.15">
      <c r="A1805" s="2" t="s">
        <v>49</v>
      </c>
      <c r="B1805" s="2" t="s">
        <v>10362</v>
      </c>
      <c r="C1805" s="4" t="s">
        <v>6</v>
      </c>
      <c r="D1805" s="5" t="s">
        <v>627</v>
      </c>
      <c r="E1805" s="5" t="s">
        <v>10361</v>
      </c>
      <c r="F1805" s="6" t="s">
        <v>5</v>
      </c>
      <c r="G1805" s="2" t="s">
        <v>10360</v>
      </c>
      <c r="H1805" s="4" t="s">
        <v>9</v>
      </c>
      <c r="I1805" s="5" t="s">
        <v>6</v>
      </c>
      <c r="J1805" s="5" t="s">
        <v>627</v>
      </c>
      <c r="K1805" s="5" t="s">
        <v>10361</v>
      </c>
      <c r="L1805" s="6" t="s">
        <v>5</v>
      </c>
      <c r="M1805" s="2" t="s">
        <v>10363</v>
      </c>
      <c r="N1805" s="3">
        <v>41479</v>
      </c>
      <c r="O1805" s="3">
        <v>45383</v>
      </c>
      <c r="P1805" s="3">
        <v>47208</v>
      </c>
    </row>
    <row r="1806" spans="1:16" x14ac:dyDescent="0.15">
      <c r="A1806" s="2" t="s">
        <v>49</v>
      </c>
      <c r="B1806" s="2" t="s">
        <v>6665</v>
      </c>
      <c r="C1806" s="4" t="s">
        <v>6</v>
      </c>
      <c r="D1806" s="5" t="s">
        <v>1027</v>
      </c>
      <c r="E1806" s="5" t="s">
        <v>3352</v>
      </c>
      <c r="F1806" s="6" t="s">
        <v>6666</v>
      </c>
      <c r="G1806" s="2"/>
      <c r="H1806" s="4"/>
      <c r="I1806" s="5"/>
      <c r="J1806" s="5"/>
      <c r="K1806" s="5"/>
      <c r="L1806" s="6"/>
      <c r="M1806" s="2" t="s">
        <v>6667</v>
      </c>
      <c r="N1806" s="3">
        <v>42899</v>
      </c>
      <c r="O1806" s="3">
        <v>44896</v>
      </c>
      <c r="P1806" s="3">
        <v>46721</v>
      </c>
    </row>
    <row r="1807" spans="1:16" x14ac:dyDescent="0.15">
      <c r="A1807" s="2" t="s">
        <v>49</v>
      </c>
      <c r="B1807" s="2" t="s">
        <v>6668</v>
      </c>
      <c r="C1807" s="4" t="s">
        <v>6</v>
      </c>
      <c r="D1807" s="5" t="s">
        <v>1027</v>
      </c>
      <c r="E1807" s="5" t="s">
        <v>3352</v>
      </c>
      <c r="F1807" s="6" t="s">
        <v>6669</v>
      </c>
      <c r="G1807" s="2"/>
      <c r="H1807" s="4"/>
      <c r="I1807" s="5"/>
      <c r="J1807" s="5"/>
      <c r="K1807" s="5"/>
      <c r="L1807" s="6"/>
      <c r="M1807" s="2" t="s">
        <v>6670</v>
      </c>
      <c r="N1807" s="3">
        <v>45272</v>
      </c>
      <c r="O1807" s="3">
        <v>45272</v>
      </c>
      <c r="P1807" s="3">
        <v>47817</v>
      </c>
    </row>
    <row r="1808" spans="1:16" x14ac:dyDescent="0.15">
      <c r="A1808" s="2" t="s">
        <v>49</v>
      </c>
      <c r="B1808" s="2" t="s">
        <v>10366</v>
      </c>
      <c r="C1808" s="4" t="s">
        <v>6</v>
      </c>
      <c r="D1808" s="5" t="s">
        <v>2847</v>
      </c>
      <c r="E1808" s="5" t="s">
        <v>4778</v>
      </c>
      <c r="F1808" s="6" t="s">
        <v>5</v>
      </c>
      <c r="G1808" s="2" t="s">
        <v>10364</v>
      </c>
      <c r="H1808" s="4" t="s">
        <v>9</v>
      </c>
      <c r="I1808" s="5" t="s">
        <v>6</v>
      </c>
      <c r="J1808" s="5" t="s">
        <v>2847</v>
      </c>
      <c r="K1808" s="5" t="s">
        <v>10365</v>
      </c>
      <c r="L1808" s="6" t="s">
        <v>5</v>
      </c>
      <c r="M1808" s="2" t="s">
        <v>10367</v>
      </c>
      <c r="N1808" s="3">
        <v>40723</v>
      </c>
      <c r="O1808" s="3">
        <v>45383</v>
      </c>
      <c r="P1808" s="3">
        <v>47573</v>
      </c>
    </row>
    <row r="1809" spans="1:16" x14ac:dyDescent="0.15">
      <c r="A1809" s="2" t="s">
        <v>49</v>
      </c>
      <c r="B1809" s="2" t="s">
        <v>10374</v>
      </c>
      <c r="C1809" s="4" t="s">
        <v>6</v>
      </c>
      <c r="D1809" s="5" t="s">
        <v>10375</v>
      </c>
      <c r="E1809" s="5" t="s">
        <v>690</v>
      </c>
      <c r="F1809" s="6" t="s">
        <v>5</v>
      </c>
      <c r="G1809" s="2" t="s">
        <v>10370</v>
      </c>
      <c r="H1809" s="4" t="s">
        <v>384</v>
      </c>
      <c r="I1809" s="5" t="s">
        <v>10371</v>
      </c>
      <c r="J1809" s="5" t="s">
        <v>10372</v>
      </c>
      <c r="K1809" s="5" t="s">
        <v>10373</v>
      </c>
      <c r="L1809" s="6" t="s">
        <v>5</v>
      </c>
      <c r="M1809" s="2" t="s">
        <v>10376</v>
      </c>
      <c r="N1809" s="3">
        <v>40639</v>
      </c>
      <c r="O1809" s="3">
        <v>45383</v>
      </c>
      <c r="P1809" s="3">
        <v>47573</v>
      </c>
    </row>
    <row r="1810" spans="1:16" x14ac:dyDescent="0.15">
      <c r="A1810" s="2" t="s">
        <v>16</v>
      </c>
      <c r="B1810" s="2" t="s">
        <v>6679</v>
      </c>
      <c r="C1810" s="4" t="s">
        <v>6</v>
      </c>
      <c r="D1810" s="5" t="s">
        <v>6678</v>
      </c>
      <c r="E1810" s="5" t="s">
        <v>614</v>
      </c>
      <c r="F1810" s="6" t="s">
        <v>5</v>
      </c>
      <c r="G1810" s="2"/>
      <c r="H1810" s="4"/>
      <c r="I1810" s="5"/>
      <c r="J1810" s="5"/>
      <c r="K1810" s="5"/>
      <c r="L1810" s="6"/>
      <c r="M1810" s="2" t="s">
        <v>6680</v>
      </c>
      <c r="N1810" s="3">
        <v>34312</v>
      </c>
      <c r="O1810" s="3">
        <v>44866</v>
      </c>
      <c r="P1810" s="3">
        <v>46691</v>
      </c>
    </row>
    <row r="1811" spans="1:16" x14ac:dyDescent="0.15">
      <c r="A1811" s="2" t="s">
        <v>49</v>
      </c>
      <c r="B1811" s="2" t="s">
        <v>6681</v>
      </c>
      <c r="C1811" s="4" t="s">
        <v>6</v>
      </c>
      <c r="D1811" s="5" t="s">
        <v>2016</v>
      </c>
      <c r="E1811" s="5" t="s">
        <v>5596</v>
      </c>
      <c r="F1811" s="6" t="s">
        <v>5</v>
      </c>
      <c r="G1811" s="2"/>
      <c r="H1811" s="4"/>
      <c r="I1811" s="5"/>
      <c r="J1811" s="5"/>
      <c r="K1811" s="5"/>
      <c r="L1811" s="6"/>
      <c r="M1811" s="2" t="s">
        <v>6682</v>
      </c>
      <c r="N1811" s="3">
        <v>42676</v>
      </c>
      <c r="O1811" s="3">
        <v>44866</v>
      </c>
      <c r="P1811" s="3">
        <v>46691</v>
      </c>
    </row>
    <row r="1812" spans="1:16" x14ac:dyDescent="0.15">
      <c r="A1812" s="2" t="s">
        <v>49</v>
      </c>
      <c r="B1812" s="2" t="s">
        <v>10381</v>
      </c>
      <c r="C1812" s="4" t="s">
        <v>6</v>
      </c>
      <c r="D1812" s="5" t="s">
        <v>10382</v>
      </c>
      <c r="E1812" s="5" t="s">
        <v>10383</v>
      </c>
      <c r="F1812" s="6" t="s">
        <v>5</v>
      </c>
      <c r="G1812" s="2" t="s">
        <v>10377</v>
      </c>
      <c r="H1812" s="4" t="s">
        <v>1273</v>
      </c>
      <c r="I1812" s="5" t="s">
        <v>10378</v>
      </c>
      <c r="J1812" s="5" t="s">
        <v>10379</v>
      </c>
      <c r="K1812" s="5" t="s">
        <v>10380</v>
      </c>
      <c r="L1812" s="6" t="s">
        <v>5</v>
      </c>
      <c r="M1812" s="2" t="s">
        <v>10384</v>
      </c>
      <c r="N1812" s="3">
        <v>45383</v>
      </c>
      <c r="O1812" s="3">
        <v>45383</v>
      </c>
      <c r="P1812" s="3">
        <v>47756</v>
      </c>
    </row>
    <row r="1813" spans="1:16" x14ac:dyDescent="0.15">
      <c r="A1813" s="2" t="s">
        <v>49</v>
      </c>
      <c r="B1813" s="2" t="s">
        <v>6689</v>
      </c>
      <c r="C1813" s="4" t="s">
        <v>6</v>
      </c>
      <c r="D1813" s="5" t="s">
        <v>1027</v>
      </c>
      <c r="E1813" s="5" t="s">
        <v>6690</v>
      </c>
      <c r="F1813" s="6" t="s">
        <v>6691</v>
      </c>
      <c r="G1813" s="2"/>
      <c r="H1813" s="4"/>
      <c r="I1813" s="5"/>
      <c r="J1813" s="5"/>
      <c r="K1813" s="5"/>
      <c r="L1813" s="6"/>
      <c r="M1813" s="2" t="s">
        <v>6692</v>
      </c>
      <c r="N1813" s="3">
        <v>42780</v>
      </c>
      <c r="O1813" s="3">
        <v>44896</v>
      </c>
      <c r="P1813" s="3">
        <v>46721</v>
      </c>
    </row>
    <row r="1814" spans="1:16" x14ac:dyDescent="0.15">
      <c r="A1814" s="2" t="s">
        <v>49</v>
      </c>
      <c r="B1814" s="2" t="s">
        <v>10385</v>
      </c>
      <c r="C1814" s="4" t="s">
        <v>6</v>
      </c>
      <c r="D1814" s="5" t="s">
        <v>6553</v>
      </c>
      <c r="E1814" s="5" t="s">
        <v>10386</v>
      </c>
      <c r="F1814" s="6" t="s">
        <v>5</v>
      </c>
      <c r="G1814" s="2" t="s">
        <v>10377</v>
      </c>
      <c r="H1814" s="4" t="s">
        <v>1273</v>
      </c>
      <c r="I1814" s="5" t="s">
        <v>10378</v>
      </c>
      <c r="J1814" s="5" t="s">
        <v>10379</v>
      </c>
      <c r="K1814" s="5" t="s">
        <v>10380</v>
      </c>
      <c r="L1814" s="6" t="s">
        <v>5</v>
      </c>
      <c r="M1814" s="2" t="s">
        <v>10387</v>
      </c>
      <c r="N1814" s="3">
        <v>45383</v>
      </c>
      <c r="O1814" s="3">
        <v>45383</v>
      </c>
      <c r="P1814" s="3">
        <v>47573</v>
      </c>
    </row>
    <row r="1815" spans="1:16" x14ac:dyDescent="0.15">
      <c r="A1815" s="2" t="s">
        <v>49</v>
      </c>
      <c r="B1815" s="2" t="s">
        <v>6702</v>
      </c>
      <c r="C1815" s="4" t="s">
        <v>6</v>
      </c>
      <c r="D1815" s="5" t="s">
        <v>1037</v>
      </c>
      <c r="E1815" s="5" t="s">
        <v>6703</v>
      </c>
      <c r="F1815" s="6" t="s">
        <v>5</v>
      </c>
      <c r="G1815" s="2" t="s">
        <v>6700</v>
      </c>
      <c r="H1815" s="4" t="s">
        <v>9</v>
      </c>
      <c r="I1815" s="5" t="s">
        <v>6</v>
      </c>
      <c r="J1815" s="5" t="s">
        <v>1758</v>
      </c>
      <c r="K1815" s="5" t="s">
        <v>6701</v>
      </c>
      <c r="L1815" s="6" t="s">
        <v>5</v>
      </c>
      <c r="M1815" s="2" t="s">
        <v>6704</v>
      </c>
      <c r="N1815" s="3">
        <v>38177</v>
      </c>
      <c r="O1815" s="3">
        <v>44866</v>
      </c>
      <c r="P1815" s="3">
        <v>47057</v>
      </c>
    </row>
    <row r="1816" spans="1:16" x14ac:dyDescent="0.15">
      <c r="A1816" s="2" t="s">
        <v>42</v>
      </c>
      <c r="B1816" s="2" t="s">
        <v>6705</v>
      </c>
      <c r="C1816" s="4" t="s">
        <v>6</v>
      </c>
      <c r="D1816" s="5" t="s">
        <v>6101</v>
      </c>
      <c r="E1816" s="5" t="s">
        <v>6706</v>
      </c>
      <c r="F1816" s="6" t="s">
        <v>5</v>
      </c>
      <c r="G1816" s="2" t="s">
        <v>6700</v>
      </c>
      <c r="H1816" s="4" t="s">
        <v>9</v>
      </c>
      <c r="I1816" s="5" t="s">
        <v>6</v>
      </c>
      <c r="J1816" s="5" t="s">
        <v>1758</v>
      </c>
      <c r="K1816" s="5" t="s">
        <v>6701</v>
      </c>
      <c r="L1816" s="6" t="s">
        <v>5</v>
      </c>
      <c r="M1816" s="2" t="s">
        <v>6707</v>
      </c>
      <c r="N1816" s="3">
        <v>40765</v>
      </c>
      <c r="O1816" s="3">
        <v>45200</v>
      </c>
      <c r="P1816" s="3">
        <v>47391</v>
      </c>
    </row>
    <row r="1817" spans="1:16" x14ac:dyDescent="0.15">
      <c r="A1817" s="2" t="s">
        <v>16</v>
      </c>
      <c r="B1817" s="2" t="s">
        <v>6708</v>
      </c>
      <c r="C1817" s="4" t="s">
        <v>6</v>
      </c>
      <c r="D1817" s="5" t="s">
        <v>3722</v>
      </c>
      <c r="E1817" s="5" t="s">
        <v>6709</v>
      </c>
      <c r="F1817" s="6" t="s">
        <v>5</v>
      </c>
      <c r="G1817" s="2"/>
      <c r="H1817" s="4"/>
      <c r="I1817" s="5"/>
      <c r="J1817" s="5"/>
      <c r="K1817" s="5"/>
      <c r="L1817" s="6"/>
      <c r="M1817" s="2" t="s">
        <v>6710</v>
      </c>
      <c r="N1817" s="3">
        <v>44844</v>
      </c>
      <c r="O1817" s="3">
        <v>44844</v>
      </c>
      <c r="P1817" s="3">
        <v>47026</v>
      </c>
    </row>
    <row r="1818" spans="1:16" x14ac:dyDescent="0.15">
      <c r="A1818" s="2" t="s">
        <v>486</v>
      </c>
      <c r="B1818" s="2" t="s">
        <v>6708</v>
      </c>
      <c r="C1818" s="4" t="s">
        <v>6</v>
      </c>
      <c r="D1818" s="5" t="s">
        <v>3722</v>
      </c>
      <c r="E1818" s="5" t="s">
        <v>6709</v>
      </c>
      <c r="F1818" s="6" t="s">
        <v>5</v>
      </c>
      <c r="G1818" s="2"/>
      <c r="H1818" s="4"/>
      <c r="I1818" s="5"/>
      <c r="J1818" s="5"/>
      <c r="K1818" s="5"/>
      <c r="L1818" s="6"/>
      <c r="M1818" s="2" t="s">
        <v>6711</v>
      </c>
      <c r="N1818" s="3">
        <v>45031</v>
      </c>
      <c r="O1818" s="3">
        <v>45031</v>
      </c>
      <c r="P1818" s="3">
        <v>46873</v>
      </c>
    </row>
    <row r="1819" spans="1:16" x14ac:dyDescent="0.15">
      <c r="A1819" s="2" t="s">
        <v>49</v>
      </c>
      <c r="B1819" s="2" t="s">
        <v>10388</v>
      </c>
      <c r="C1819" s="4" t="s">
        <v>6</v>
      </c>
      <c r="D1819" s="5" t="s">
        <v>1140</v>
      </c>
      <c r="E1819" s="5" t="s">
        <v>10389</v>
      </c>
      <c r="F1819" s="6" t="s">
        <v>5</v>
      </c>
      <c r="G1819" s="2" t="s">
        <v>10377</v>
      </c>
      <c r="H1819" s="4" t="s">
        <v>1273</v>
      </c>
      <c r="I1819" s="5" t="s">
        <v>10378</v>
      </c>
      <c r="J1819" s="5" t="s">
        <v>10379</v>
      </c>
      <c r="K1819" s="5" t="s">
        <v>10380</v>
      </c>
      <c r="L1819" s="6" t="s">
        <v>5</v>
      </c>
      <c r="M1819" s="2" t="s">
        <v>10390</v>
      </c>
      <c r="N1819" s="3">
        <v>45383</v>
      </c>
      <c r="O1819" s="3">
        <v>45383</v>
      </c>
      <c r="P1819" s="3">
        <v>47664</v>
      </c>
    </row>
    <row r="1820" spans="1:16" x14ac:dyDescent="0.15">
      <c r="A1820" s="2" t="s">
        <v>49</v>
      </c>
      <c r="B1820" s="2" t="s">
        <v>10400</v>
      </c>
      <c r="C1820" s="4" t="s">
        <v>6</v>
      </c>
      <c r="D1820" s="5" t="s">
        <v>1360</v>
      </c>
      <c r="E1820" s="5" t="s">
        <v>10401</v>
      </c>
      <c r="F1820" s="6" t="s">
        <v>5</v>
      </c>
      <c r="G1820" s="2" t="s">
        <v>10398</v>
      </c>
      <c r="H1820" s="4" t="s">
        <v>9</v>
      </c>
      <c r="I1820" s="5" t="s">
        <v>663</v>
      </c>
      <c r="J1820" s="5" t="s">
        <v>7526</v>
      </c>
      <c r="K1820" s="5" t="s">
        <v>10399</v>
      </c>
      <c r="L1820" s="6" t="s">
        <v>5</v>
      </c>
      <c r="M1820" s="2" t="s">
        <v>10402</v>
      </c>
      <c r="N1820" s="3">
        <v>42895</v>
      </c>
      <c r="O1820" s="3">
        <v>45383</v>
      </c>
      <c r="P1820" s="3">
        <v>47573</v>
      </c>
    </row>
    <row r="1821" spans="1:16" x14ac:dyDescent="0.15">
      <c r="A1821" s="2" t="s">
        <v>49</v>
      </c>
      <c r="B1821" s="2" t="s">
        <v>6723</v>
      </c>
      <c r="C1821" s="4" t="s">
        <v>6</v>
      </c>
      <c r="D1821" s="5" t="s">
        <v>6721</v>
      </c>
      <c r="E1821" s="5" t="s">
        <v>6722</v>
      </c>
      <c r="F1821" s="6" t="s">
        <v>5</v>
      </c>
      <c r="G1821" s="2"/>
      <c r="H1821" s="4"/>
      <c r="I1821" s="5"/>
      <c r="J1821" s="5"/>
      <c r="K1821" s="5"/>
      <c r="L1821" s="6"/>
      <c r="M1821" s="2" t="s">
        <v>6724</v>
      </c>
      <c r="N1821" s="3">
        <v>28123</v>
      </c>
      <c r="O1821" s="3">
        <v>44866</v>
      </c>
      <c r="P1821" s="3">
        <v>47057</v>
      </c>
    </row>
    <row r="1822" spans="1:16" x14ac:dyDescent="0.15">
      <c r="A1822" s="2" t="s">
        <v>49</v>
      </c>
      <c r="B1822" s="2" t="s">
        <v>6726</v>
      </c>
      <c r="C1822" s="4" t="s">
        <v>6</v>
      </c>
      <c r="D1822" s="5" t="s">
        <v>2617</v>
      </c>
      <c r="E1822" s="5" t="s">
        <v>6725</v>
      </c>
      <c r="F1822" s="6" t="s">
        <v>5</v>
      </c>
      <c r="G1822" s="2"/>
      <c r="H1822" s="4"/>
      <c r="I1822" s="5"/>
      <c r="J1822" s="5"/>
      <c r="K1822" s="5"/>
      <c r="L1822" s="6"/>
      <c r="M1822" s="2" t="s">
        <v>6727</v>
      </c>
      <c r="N1822" s="3">
        <v>42796</v>
      </c>
      <c r="O1822" s="3">
        <v>44866</v>
      </c>
      <c r="P1822" s="3">
        <v>46691</v>
      </c>
    </row>
    <row r="1823" spans="1:16" x14ac:dyDescent="0.15">
      <c r="A1823" s="2" t="s">
        <v>49</v>
      </c>
      <c r="B1823" s="2" t="s">
        <v>10435</v>
      </c>
      <c r="C1823" s="4" t="s">
        <v>6</v>
      </c>
      <c r="D1823" s="5" t="s">
        <v>2610</v>
      </c>
      <c r="E1823" s="5" t="s">
        <v>10436</v>
      </c>
      <c r="F1823" s="6" t="s">
        <v>5</v>
      </c>
      <c r="G1823" s="2" t="s">
        <v>10432</v>
      </c>
      <c r="H1823" s="4" t="s">
        <v>9</v>
      </c>
      <c r="I1823" s="5" t="s">
        <v>1413</v>
      </c>
      <c r="J1823" s="5" t="s">
        <v>10433</v>
      </c>
      <c r="K1823" s="5" t="s">
        <v>10434</v>
      </c>
      <c r="L1823" s="6" t="s">
        <v>5</v>
      </c>
      <c r="M1823" s="2" t="s">
        <v>10437</v>
      </c>
      <c r="N1823" s="3">
        <v>43230</v>
      </c>
      <c r="O1823" s="3">
        <v>45474</v>
      </c>
      <c r="P1823" s="3">
        <v>47664</v>
      </c>
    </row>
    <row r="1824" spans="1:16" x14ac:dyDescent="0.15">
      <c r="A1824" s="2" t="s">
        <v>49</v>
      </c>
      <c r="B1824" s="2" t="s">
        <v>6733</v>
      </c>
      <c r="C1824" s="4" t="s">
        <v>6</v>
      </c>
      <c r="D1824" s="5" t="s">
        <v>5988</v>
      </c>
      <c r="E1824" s="5" t="s">
        <v>6734</v>
      </c>
      <c r="F1824" s="6" t="s">
        <v>5</v>
      </c>
      <c r="G1824" s="2"/>
      <c r="H1824" s="4"/>
      <c r="I1824" s="5"/>
      <c r="J1824" s="5"/>
      <c r="K1824" s="5"/>
      <c r="L1824" s="6"/>
      <c r="M1824" s="2" t="s">
        <v>6735</v>
      </c>
      <c r="N1824" s="3">
        <v>39023</v>
      </c>
      <c r="O1824" s="3">
        <v>44835</v>
      </c>
      <c r="P1824" s="3">
        <v>46660</v>
      </c>
    </row>
    <row r="1825" spans="1:16" x14ac:dyDescent="0.15">
      <c r="A1825" s="2" t="s">
        <v>49</v>
      </c>
      <c r="B1825" s="2" t="s">
        <v>6736</v>
      </c>
      <c r="C1825" s="4" t="s">
        <v>6</v>
      </c>
      <c r="D1825" s="5" t="s">
        <v>134</v>
      </c>
      <c r="E1825" s="5" t="s">
        <v>6737</v>
      </c>
      <c r="F1825" s="6" t="s">
        <v>5</v>
      </c>
      <c r="G1825" s="2"/>
      <c r="H1825" s="4"/>
      <c r="I1825" s="5"/>
      <c r="J1825" s="5"/>
      <c r="K1825" s="5"/>
      <c r="L1825" s="6"/>
      <c r="M1825" s="2" t="s">
        <v>6738</v>
      </c>
      <c r="N1825" s="3">
        <v>40897</v>
      </c>
      <c r="O1825" s="3">
        <v>44866</v>
      </c>
      <c r="P1825" s="3">
        <v>46691</v>
      </c>
    </row>
    <row r="1826" spans="1:16" x14ac:dyDescent="0.15">
      <c r="A1826" s="2" t="s">
        <v>49</v>
      </c>
      <c r="B1826" s="2" t="s">
        <v>10473</v>
      </c>
      <c r="C1826" s="4" t="s">
        <v>6</v>
      </c>
      <c r="D1826" s="5" t="s">
        <v>91</v>
      </c>
      <c r="E1826" s="5" t="s">
        <v>10474</v>
      </c>
      <c r="F1826" s="6" t="s">
        <v>5</v>
      </c>
      <c r="G1826" s="2" t="s">
        <v>10470</v>
      </c>
      <c r="H1826" s="4" t="s">
        <v>9</v>
      </c>
      <c r="I1826" s="5" t="s">
        <v>6</v>
      </c>
      <c r="J1826" s="5" t="s">
        <v>10471</v>
      </c>
      <c r="K1826" s="5" t="s">
        <v>10472</v>
      </c>
      <c r="L1826" s="6" t="s">
        <v>5</v>
      </c>
      <c r="M1826" s="2" t="s">
        <v>10475</v>
      </c>
      <c r="N1826" s="3">
        <v>43371</v>
      </c>
      <c r="O1826" s="3">
        <v>45383</v>
      </c>
      <c r="P1826" s="3">
        <v>47208</v>
      </c>
    </row>
    <row r="1827" spans="1:16" x14ac:dyDescent="0.15">
      <c r="A1827" s="2" t="s">
        <v>49</v>
      </c>
      <c r="B1827" s="2" t="s">
        <v>10487</v>
      </c>
      <c r="C1827" s="4" t="s">
        <v>6</v>
      </c>
      <c r="D1827" s="5" t="s">
        <v>1148</v>
      </c>
      <c r="E1827" s="5" t="s">
        <v>2165</v>
      </c>
      <c r="F1827" s="6" t="s">
        <v>5</v>
      </c>
      <c r="G1827" s="2" t="s">
        <v>10485</v>
      </c>
      <c r="H1827" s="4" t="s">
        <v>9</v>
      </c>
      <c r="I1827" s="5" t="s">
        <v>663</v>
      </c>
      <c r="J1827" s="5" t="s">
        <v>2066</v>
      </c>
      <c r="K1827" s="5" t="s">
        <v>10486</v>
      </c>
      <c r="L1827" s="6" t="s">
        <v>5</v>
      </c>
      <c r="M1827" s="2" t="s">
        <v>10488</v>
      </c>
      <c r="N1827" s="3">
        <v>45383</v>
      </c>
      <c r="O1827" s="3">
        <v>45383</v>
      </c>
      <c r="P1827" s="3">
        <v>47573</v>
      </c>
    </row>
    <row r="1828" spans="1:16" x14ac:dyDescent="0.15">
      <c r="A1828" s="2" t="s">
        <v>49</v>
      </c>
      <c r="B1828" s="2" t="s">
        <v>6746</v>
      </c>
      <c r="C1828" s="4" t="s">
        <v>6</v>
      </c>
      <c r="D1828" s="5" t="s">
        <v>967</v>
      </c>
      <c r="E1828" s="5" t="s">
        <v>5195</v>
      </c>
      <c r="F1828" s="6" t="s">
        <v>5</v>
      </c>
      <c r="G1828" s="2"/>
      <c r="H1828" s="4"/>
      <c r="I1828" s="5"/>
      <c r="J1828" s="5"/>
      <c r="K1828" s="5"/>
      <c r="L1828" s="6"/>
      <c r="M1828" s="2" t="s">
        <v>6747</v>
      </c>
      <c r="N1828" s="3">
        <v>44845</v>
      </c>
      <c r="O1828" s="3">
        <v>44845</v>
      </c>
      <c r="P1828" s="3">
        <v>47391</v>
      </c>
    </row>
    <row r="1829" spans="1:16" x14ac:dyDescent="0.15">
      <c r="A1829" s="2" t="s">
        <v>49</v>
      </c>
      <c r="B1829" s="2" t="s">
        <v>6748</v>
      </c>
      <c r="C1829" s="4" t="s">
        <v>6</v>
      </c>
      <c r="D1829" s="5" t="s">
        <v>1027</v>
      </c>
      <c r="E1829" s="5" t="s">
        <v>6749</v>
      </c>
      <c r="F1829" s="6" t="s">
        <v>6750</v>
      </c>
      <c r="G1829" s="2"/>
      <c r="H1829" s="4"/>
      <c r="I1829" s="5"/>
      <c r="J1829" s="5"/>
      <c r="K1829" s="5"/>
      <c r="L1829" s="6"/>
      <c r="M1829" s="2" t="s">
        <v>6751</v>
      </c>
      <c r="N1829" s="3">
        <v>37127</v>
      </c>
      <c r="O1829" s="3">
        <v>44896</v>
      </c>
      <c r="P1829" s="3">
        <v>47087</v>
      </c>
    </row>
    <row r="1830" spans="1:16" x14ac:dyDescent="0.15">
      <c r="A1830" s="2" t="s">
        <v>49</v>
      </c>
      <c r="B1830" s="2" t="s">
        <v>6753</v>
      </c>
      <c r="C1830" s="4" t="s">
        <v>6</v>
      </c>
      <c r="D1830" s="5" t="s">
        <v>3544</v>
      </c>
      <c r="E1830" s="5" t="s">
        <v>6752</v>
      </c>
      <c r="F1830" s="6" t="s">
        <v>5</v>
      </c>
      <c r="G1830" s="2"/>
      <c r="H1830" s="4"/>
      <c r="I1830" s="5"/>
      <c r="J1830" s="5"/>
      <c r="K1830" s="5"/>
      <c r="L1830" s="6"/>
      <c r="M1830" s="2" t="s">
        <v>6754</v>
      </c>
      <c r="N1830" s="3">
        <v>44841</v>
      </c>
      <c r="O1830" s="3">
        <v>44841</v>
      </c>
      <c r="P1830" s="3">
        <v>47208</v>
      </c>
    </row>
    <row r="1831" spans="1:16" x14ac:dyDescent="0.15">
      <c r="A1831" s="2" t="s">
        <v>49</v>
      </c>
      <c r="B1831" s="2" t="s">
        <v>10501</v>
      </c>
      <c r="C1831" s="4" t="s">
        <v>6</v>
      </c>
      <c r="D1831" s="5" t="s">
        <v>570</v>
      </c>
      <c r="E1831" s="5" t="s">
        <v>1895</v>
      </c>
      <c r="F1831" s="6" t="s">
        <v>5</v>
      </c>
      <c r="G1831" s="2" t="s">
        <v>10500</v>
      </c>
      <c r="H1831" s="4" t="s">
        <v>9</v>
      </c>
      <c r="I1831" s="5" t="s">
        <v>6</v>
      </c>
      <c r="J1831" s="5" t="s">
        <v>2933</v>
      </c>
      <c r="K1831" s="5" t="s">
        <v>2372</v>
      </c>
      <c r="L1831" s="6" t="s">
        <v>5</v>
      </c>
      <c r="M1831" s="2" t="s">
        <v>10502</v>
      </c>
      <c r="N1831" s="3">
        <v>45413</v>
      </c>
      <c r="O1831" s="3">
        <v>45413</v>
      </c>
      <c r="P1831" s="3">
        <v>47603</v>
      </c>
    </row>
    <row r="1832" spans="1:16" x14ac:dyDescent="0.15">
      <c r="A1832" s="2" t="s">
        <v>49</v>
      </c>
      <c r="B1832" s="2" t="s">
        <v>10507</v>
      </c>
      <c r="C1832" s="4" t="s">
        <v>6</v>
      </c>
      <c r="D1832" s="5" t="s">
        <v>1758</v>
      </c>
      <c r="E1832" s="5" t="s">
        <v>6842</v>
      </c>
      <c r="F1832" s="6" t="s">
        <v>5</v>
      </c>
      <c r="G1832" s="2" t="s">
        <v>10506</v>
      </c>
      <c r="H1832" s="4" t="s">
        <v>9</v>
      </c>
      <c r="I1832" s="5" t="s">
        <v>6</v>
      </c>
      <c r="J1832" s="5" t="s">
        <v>1758</v>
      </c>
      <c r="K1832" s="5" t="s">
        <v>6842</v>
      </c>
      <c r="L1832" s="6" t="s">
        <v>5</v>
      </c>
      <c r="M1832" s="2" t="s">
        <v>10508</v>
      </c>
      <c r="N1832" s="3">
        <v>45383</v>
      </c>
      <c r="O1832" s="3">
        <v>45383</v>
      </c>
      <c r="P1832" s="3">
        <v>47391</v>
      </c>
    </row>
    <row r="1833" spans="1:16" x14ac:dyDescent="0.15">
      <c r="A1833" s="2" t="s">
        <v>49</v>
      </c>
      <c r="B1833" s="2" t="s">
        <v>10514</v>
      </c>
      <c r="C1833" s="4" t="s">
        <v>6</v>
      </c>
      <c r="D1833" s="5" t="s">
        <v>10515</v>
      </c>
      <c r="E1833" s="5" t="s">
        <v>10516</v>
      </c>
      <c r="F1833" s="6" t="s">
        <v>5</v>
      </c>
      <c r="G1833" s="2" t="s">
        <v>10512</v>
      </c>
      <c r="H1833" s="4" t="s">
        <v>29</v>
      </c>
      <c r="I1833" s="5" t="s">
        <v>165</v>
      </c>
      <c r="J1833" s="5" t="s">
        <v>10513</v>
      </c>
      <c r="K1833" s="5" t="s">
        <v>1117</v>
      </c>
      <c r="L1833" s="6" t="s">
        <v>5</v>
      </c>
      <c r="M1833" s="2" t="s">
        <v>10517</v>
      </c>
      <c r="N1833" s="3">
        <v>42979</v>
      </c>
      <c r="O1833" s="3">
        <v>45413</v>
      </c>
      <c r="P1833" s="3">
        <v>47603</v>
      </c>
    </row>
    <row r="1834" spans="1:16" x14ac:dyDescent="0.15">
      <c r="A1834" s="2" t="s">
        <v>49</v>
      </c>
      <c r="B1834" s="2" t="s">
        <v>6767</v>
      </c>
      <c r="C1834" s="4" t="s">
        <v>6</v>
      </c>
      <c r="D1834" s="5" t="s">
        <v>111</v>
      </c>
      <c r="E1834" s="5" t="s">
        <v>6768</v>
      </c>
      <c r="F1834" s="6" t="s">
        <v>5</v>
      </c>
      <c r="G1834" s="2"/>
      <c r="H1834" s="4"/>
      <c r="I1834" s="5"/>
      <c r="J1834" s="5"/>
      <c r="K1834" s="5"/>
      <c r="L1834" s="6"/>
      <c r="M1834" s="2" t="s">
        <v>6769</v>
      </c>
      <c r="N1834" s="3">
        <v>42579</v>
      </c>
      <c r="O1834" s="3">
        <v>44866</v>
      </c>
      <c r="P1834" s="3">
        <v>47057</v>
      </c>
    </row>
    <row r="1835" spans="1:16" x14ac:dyDescent="0.15">
      <c r="A1835" s="2" t="s">
        <v>49</v>
      </c>
      <c r="B1835" s="2" t="s">
        <v>6770</v>
      </c>
      <c r="C1835" s="4" t="s">
        <v>6</v>
      </c>
      <c r="D1835" s="5" t="s">
        <v>608</v>
      </c>
      <c r="E1835" s="5" t="s">
        <v>6771</v>
      </c>
      <c r="F1835" s="6" t="s">
        <v>6772</v>
      </c>
      <c r="G1835" s="2"/>
      <c r="H1835" s="4"/>
      <c r="I1835" s="5"/>
      <c r="J1835" s="5"/>
      <c r="K1835" s="5"/>
      <c r="L1835" s="6"/>
      <c r="M1835" s="2" t="s">
        <v>6773</v>
      </c>
      <c r="N1835" s="3">
        <v>38608</v>
      </c>
      <c r="O1835" s="3">
        <v>44896</v>
      </c>
      <c r="P1835" s="3">
        <v>47087</v>
      </c>
    </row>
    <row r="1836" spans="1:16" x14ac:dyDescent="0.15">
      <c r="A1836" s="2" t="s">
        <v>49</v>
      </c>
      <c r="B1836" s="2" t="s">
        <v>10518</v>
      </c>
      <c r="C1836" s="4" t="s">
        <v>6</v>
      </c>
      <c r="D1836" s="5" t="s">
        <v>500</v>
      </c>
      <c r="E1836" s="5" t="s">
        <v>5083</v>
      </c>
      <c r="F1836" s="6" t="s">
        <v>10519</v>
      </c>
      <c r="G1836" s="2" t="s">
        <v>10512</v>
      </c>
      <c r="H1836" s="4" t="s">
        <v>29</v>
      </c>
      <c r="I1836" s="5" t="s">
        <v>165</v>
      </c>
      <c r="J1836" s="5" t="s">
        <v>10513</v>
      </c>
      <c r="K1836" s="5" t="s">
        <v>1117</v>
      </c>
      <c r="L1836" s="6" t="s">
        <v>5</v>
      </c>
      <c r="M1836" s="2" t="s">
        <v>10520</v>
      </c>
      <c r="N1836" s="3">
        <v>43216</v>
      </c>
      <c r="O1836" s="3">
        <v>45444</v>
      </c>
      <c r="P1836" s="3">
        <v>47634</v>
      </c>
    </row>
    <row r="1837" spans="1:16" x14ac:dyDescent="0.15">
      <c r="A1837" s="2" t="s">
        <v>49</v>
      </c>
      <c r="B1837" s="2" t="s">
        <v>6779</v>
      </c>
      <c r="C1837" s="4" t="s">
        <v>6</v>
      </c>
      <c r="D1837" s="5" t="s">
        <v>1027</v>
      </c>
      <c r="E1837" s="5" t="s">
        <v>4653</v>
      </c>
      <c r="F1837" s="6" t="s">
        <v>6780</v>
      </c>
      <c r="G1837" s="2"/>
      <c r="H1837" s="4"/>
      <c r="I1837" s="5"/>
      <c r="J1837" s="5"/>
      <c r="K1837" s="5"/>
      <c r="L1837" s="6"/>
      <c r="M1837" s="2" t="s">
        <v>6781</v>
      </c>
      <c r="N1837" s="3">
        <v>39006</v>
      </c>
      <c r="O1837" s="3">
        <v>44896</v>
      </c>
      <c r="P1837" s="3">
        <v>46721</v>
      </c>
    </row>
    <row r="1838" spans="1:16" x14ac:dyDescent="0.15">
      <c r="A1838" s="2" t="s">
        <v>16</v>
      </c>
      <c r="B1838" s="2" t="s">
        <v>6783</v>
      </c>
      <c r="C1838" s="4" t="s">
        <v>6</v>
      </c>
      <c r="D1838" s="5" t="s">
        <v>1939</v>
      </c>
      <c r="E1838" s="5" t="s">
        <v>6782</v>
      </c>
      <c r="F1838" s="6" t="s">
        <v>5</v>
      </c>
      <c r="G1838" s="2"/>
      <c r="H1838" s="4"/>
      <c r="I1838" s="5"/>
      <c r="J1838" s="5"/>
      <c r="K1838" s="5"/>
      <c r="L1838" s="6"/>
      <c r="M1838" s="2" t="s">
        <v>6784</v>
      </c>
      <c r="N1838" s="3">
        <v>41037</v>
      </c>
      <c r="O1838" s="3">
        <v>44866</v>
      </c>
      <c r="P1838" s="3">
        <v>46691</v>
      </c>
    </row>
    <row r="1839" spans="1:16" x14ac:dyDescent="0.15">
      <c r="A1839" s="2" t="s">
        <v>49</v>
      </c>
      <c r="B1839" s="2" t="s">
        <v>6785</v>
      </c>
      <c r="C1839" s="4" t="s">
        <v>6</v>
      </c>
      <c r="D1839" s="5" t="s">
        <v>45</v>
      </c>
      <c r="E1839" s="5" t="s">
        <v>6786</v>
      </c>
      <c r="F1839" s="6" t="s">
        <v>6787</v>
      </c>
      <c r="G1839" s="2"/>
      <c r="H1839" s="4"/>
      <c r="I1839" s="5"/>
      <c r="J1839" s="5"/>
      <c r="K1839" s="5"/>
      <c r="L1839" s="6"/>
      <c r="M1839" s="2" t="s">
        <v>6788</v>
      </c>
      <c r="N1839" s="3">
        <v>44840</v>
      </c>
      <c r="O1839" s="3">
        <v>44840</v>
      </c>
      <c r="P1839" s="3">
        <v>46721</v>
      </c>
    </row>
    <row r="1840" spans="1:16" x14ac:dyDescent="0.15">
      <c r="A1840" s="2" t="s">
        <v>49</v>
      </c>
      <c r="B1840" s="2" t="s">
        <v>6790</v>
      </c>
      <c r="C1840" s="4" t="s">
        <v>6</v>
      </c>
      <c r="D1840" s="5" t="s">
        <v>476</v>
      </c>
      <c r="E1840" s="5" t="s">
        <v>6789</v>
      </c>
      <c r="F1840" s="6" t="s">
        <v>5</v>
      </c>
      <c r="G1840" s="2"/>
      <c r="H1840" s="4"/>
      <c r="I1840" s="5"/>
      <c r="J1840" s="5"/>
      <c r="K1840" s="5"/>
      <c r="L1840" s="6"/>
      <c r="M1840" s="2" t="s">
        <v>6791</v>
      </c>
      <c r="N1840" s="3">
        <v>44845</v>
      </c>
      <c r="O1840" s="3">
        <v>44845</v>
      </c>
      <c r="P1840" s="3">
        <v>46691</v>
      </c>
    </row>
    <row r="1841" spans="1:16" x14ac:dyDescent="0.15">
      <c r="A1841" s="2" t="s">
        <v>16</v>
      </c>
      <c r="B1841" s="2" t="s">
        <v>6790</v>
      </c>
      <c r="C1841" s="4" t="s">
        <v>6</v>
      </c>
      <c r="D1841" s="5" t="s">
        <v>476</v>
      </c>
      <c r="E1841" s="5" t="s">
        <v>6789</v>
      </c>
      <c r="F1841" s="6" t="s">
        <v>5</v>
      </c>
      <c r="G1841" s="2"/>
      <c r="H1841" s="4"/>
      <c r="I1841" s="5"/>
      <c r="J1841" s="5"/>
      <c r="K1841" s="5"/>
      <c r="L1841" s="6"/>
      <c r="M1841" s="2" t="s">
        <v>6792</v>
      </c>
      <c r="N1841" s="3">
        <v>44845</v>
      </c>
      <c r="O1841" s="3">
        <v>44845</v>
      </c>
      <c r="P1841" s="3">
        <v>46691</v>
      </c>
    </row>
    <row r="1842" spans="1:16" x14ac:dyDescent="0.15">
      <c r="A1842" s="2" t="s">
        <v>486</v>
      </c>
      <c r="B1842" s="2" t="s">
        <v>6790</v>
      </c>
      <c r="C1842" s="4" t="s">
        <v>6</v>
      </c>
      <c r="D1842" s="5" t="s">
        <v>476</v>
      </c>
      <c r="E1842" s="5" t="s">
        <v>6789</v>
      </c>
      <c r="F1842" s="6" t="s">
        <v>5</v>
      </c>
      <c r="G1842" s="2"/>
      <c r="H1842" s="4"/>
      <c r="I1842" s="5"/>
      <c r="J1842" s="5"/>
      <c r="K1842" s="5"/>
      <c r="L1842" s="6"/>
      <c r="M1842" s="2" t="s">
        <v>6793</v>
      </c>
      <c r="N1842" s="3">
        <v>44845</v>
      </c>
      <c r="O1842" s="3">
        <v>44845</v>
      </c>
      <c r="P1842" s="3">
        <v>46691</v>
      </c>
    </row>
    <row r="1843" spans="1:16" x14ac:dyDescent="0.15">
      <c r="A1843" s="2" t="s">
        <v>49</v>
      </c>
      <c r="B1843" s="2" t="s">
        <v>6794</v>
      </c>
      <c r="C1843" s="4" t="s">
        <v>6</v>
      </c>
      <c r="D1843" s="5" t="s">
        <v>6215</v>
      </c>
      <c r="E1843" s="5" t="s">
        <v>6795</v>
      </c>
      <c r="F1843" s="6" t="s">
        <v>5</v>
      </c>
      <c r="G1843" s="2"/>
      <c r="H1843" s="4"/>
      <c r="I1843" s="5"/>
      <c r="J1843" s="5"/>
      <c r="K1843" s="5"/>
      <c r="L1843" s="6"/>
      <c r="M1843" s="2" t="s">
        <v>6796</v>
      </c>
      <c r="N1843" s="3">
        <v>41179</v>
      </c>
      <c r="O1843" s="3">
        <v>44866</v>
      </c>
      <c r="P1843" s="3">
        <v>46691</v>
      </c>
    </row>
    <row r="1844" spans="1:16" x14ac:dyDescent="0.15">
      <c r="A1844" s="2" t="s">
        <v>49</v>
      </c>
      <c r="B1844" s="2" t="s">
        <v>6797</v>
      </c>
      <c r="C1844" s="4" t="s">
        <v>6</v>
      </c>
      <c r="D1844" s="5" t="s">
        <v>2948</v>
      </c>
      <c r="E1844" s="5" t="s">
        <v>3513</v>
      </c>
      <c r="F1844" s="6" t="s">
        <v>6798</v>
      </c>
      <c r="G1844" s="2"/>
      <c r="H1844" s="4"/>
      <c r="I1844" s="5"/>
      <c r="J1844" s="5"/>
      <c r="K1844" s="5"/>
      <c r="L1844" s="6"/>
      <c r="M1844" s="2" t="s">
        <v>6799</v>
      </c>
      <c r="N1844" s="3">
        <v>44862</v>
      </c>
      <c r="O1844" s="3">
        <v>44862</v>
      </c>
      <c r="P1844" s="3">
        <v>47057</v>
      </c>
    </row>
    <row r="1845" spans="1:16" x14ac:dyDescent="0.15">
      <c r="A1845" s="2" t="s">
        <v>49</v>
      </c>
      <c r="B1845" s="2" t="s">
        <v>6800</v>
      </c>
      <c r="C1845" s="4" t="s">
        <v>6</v>
      </c>
      <c r="D1845" s="5" t="s">
        <v>1478</v>
      </c>
      <c r="E1845" s="5" t="s">
        <v>6801</v>
      </c>
      <c r="F1845" s="6" t="s">
        <v>6802</v>
      </c>
      <c r="G1845" s="2"/>
      <c r="H1845" s="4"/>
      <c r="I1845" s="5"/>
      <c r="J1845" s="5"/>
      <c r="K1845" s="5"/>
      <c r="L1845" s="6"/>
      <c r="M1845" s="2" t="s">
        <v>6803</v>
      </c>
      <c r="N1845" s="3">
        <v>44866</v>
      </c>
      <c r="O1845" s="3">
        <v>44866</v>
      </c>
      <c r="P1845" s="3">
        <v>47026</v>
      </c>
    </row>
    <row r="1846" spans="1:16" x14ac:dyDescent="0.15">
      <c r="A1846" s="2" t="s">
        <v>49</v>
      </c>
      <c r="B1846" s="2" t="s">
        <v>6805</v>
      </c>
      <c r="C1846" s="4" t="s">
        <v>6</v>
      </c>
      <c r="D1846" s="5" t="s">
        <v>1037</v>
      </c>
      <c r="E1846" s="5" t="s">
        <v>6804</v>
      </c>
      <c r="F1846" s="6" t="s">
        <v>5</v>
      </c>
      <c r="G1846" s="2"/>
      <c r="H1846" s="4"/>
      <c r="I1846" s="5"/>
      <c r="J1846" s="5"/>
      <c r="K1846" s="5"/>
      <c r="L1846" s="6"/>
      <c r="M1846" s="2" t="s">
        <v>6806</v>
      </c>
      <c r="N1846" s="3">
        <v>33823</v>
      </c>
      <c r="O1846" s="3">
        <v>44866</v>
      </c>
      <c r="P1846" s="3">
        <v>46691</v>
      </c>
    </row>
    <row r="1847" spans="1:16" x14ac:dyDescent="0.15">
      <c r="A1847" s="2" t="s">
        <v>49</v>
      </c>
      <c r="B1847" s="2" t="s">
        <v>6807</v>
      </c>
      <c r="C1847" s="4" t="s">
        <v>6</v>
      </c>
      <c r="D1847" s="5" t="s">
        <v>1351</v>
      </c>
      <c r="E1847" s="5" t="s">
        <v>6808</v>
      </c>
      <c r="F1847" s="6" t="s">
        <v>5</v>
      </c>
      <c r="G1847" s="2"/>
      <c r="H1847" s="4"/>
      <c r="I1847" s="5"/>
      <c r="J1847" s="5"/>
      <c r="K1847" s="5"/>
      <c r="L1847" s="6"/>
      <c r="M1847" s="2" t="s">
        <v>6809</v>
      </c>
      <c r="N1847" s="3">
        <v>38261</v>
      </c>
      <c r="O1847" s="3">
        <v>44866</v>
      </c>
      <c r="P1847" s="3">
        <v>47057</v>
      </c>
    </row>
    <row r="1848" spans="1:16" x14ac:dyDescent="0.15">
      <c r="A1848" s="2" t="s">
        <v>49</v>
      </c>
      <c r="B1848" s="2" t="s">
        <v>6812</v>
      </c>
      <c r="C1848" s="4" t="s">
        <v>6</v>
      </c>
      <c r="D1848" s="5" t="s">
        <v>6810</v>
      </c>
      <c r="E1848" s="5" t="s">
        <v>6811</v>
      </c>
      <c r="F1848" s="6" t="s">
        <v>5</v>
      </c>
      <c r="G1848" s="2"/>
      <c r="H1848" s="4"/>
      <c r="I1848" s="5"/>
      <c r="J1848" s="5"/>
      <c r="K1848" s="5"/>
      <c r="L1848" s="6"/>
      <c r="M1848" s="2" t="s">
        <v>6813</v>
      </c>
      <c r="N1848" s="3">
        <v>39324</v>
      </c>
      <c r="O1848" s="3">
        <v>44866</v>
      </c>
      <c r="P1848" s="3">
        <v>46691</v>
      </c>
    </row>
    <row r="1849" spans="1:16" x14ac:dyDescent="0.15">
      <c r="A1849" s="2" t="s">
        <v>49</v>
      </c>
      <c r="B1849" s="2" t="s">
        <v>6814</v>
      </c>
      <c r="C1849" s="4" t="s">
        <v>6</v>
      </c>
      <c r="D1849" s="5" t="s">
        <v>1027</v>
      </c>
      <c r="E1849" s="5" t="s">
        <v>2818</v>
      </c>
      <c r="F1849" s="6" t="s">
        <v>6815</v>
      </c>
      <c r="G1849" s="2"/>
      <c r="H1849" s="4"/>
      <c r="I1849" s="5"/>
      <c r="J1849" s="5"/>
      <c r="K1849" s="5"/>
      <c r="L1849" s="6"/>
      <c r="M1849" s="2" t="s">
        <v>6816</v>
      </c>
      <c r="N1849" s="3">
        <v>42644</v>
      </c>
      <c r="O1849" s="3">
        <v>44896</v>
      </c>
      <c r="P1849" s="3">
        <v>47087</v>
      </c>
    </row>
    <row r="1850" spans="1:16" x14ac:dyDescent="0.15">
      <c r="A1850" s="2" t="s">
        <v>49</v>
      </c>
      <c r="B1850" s="2" t="s">
        <v>10521</v>
      </c>
      <c r="C1850" s="4" t="s">
        <v>6</v>
      </c>
      <c r="D1850" s="5" t="s">
        <v>500</v>
      </c>
      <c r="E1850" s="5" t="s">
        <v>5083</v>
      </c>
      <c r="F1850" s="6" t="s">
        <v>10519</v>
      </c>
      <c r="G1850" s="2" t="s">
        <v>10512</v>
      </c>
      <c r="H1850" s="4" t="s">
        <v>29</v>
      </c>
      <c r="I1850" s="5" t="s">
        <v>165</v>
      </c>
      <c r="J1850" s="5" t="s">
        <v>10513</v>
      </c>
      <c r="K1850" s="5" t="s">
        <v>1117</v>
      </c>
      <c r="L1850" s="6" t="s">
        <v>5</v>
      </c>
      <c r="M1850" s="2" t="s">
        <v>10522</v>
      </c>
      <c r="N1850" s="3">
        <v>43216</v>
      </c>
      <c r="O1850" s="3">
        <v>45444</v>
      </c>
      <c r="P1850" s="3">
        <v>47634</v>
      </c>
    </row>
    <row r="1851" spans="1:16" x14ac:dyDescent="0.15">
      <c r="A1851" s="2" t="s">
        <v>49</v>
      </c>
      <c r="B1851" s="2" t="s">
        <v>6824</v>
      </c>
      <c r="C1851" s="4" t="s">
        <v>6</v>
      </c>
      <c r="D1851" s="5" t="s">
        <v>6822</v>
      </c>
      <c r="E1851" s="5" t="s">
        <v>6823</v>
      </c>
      <c r="F1851" s="6" t="s">
        <v>5</v>
      </c>
      <c r="G1851" s="2"/>
      <c r="H1851" s="4"/>
      <c r="I1851" s="5"/>
      <c r="J1851" s="5"/>
      <c r="K1851" s="5"/>
      <c r="L1851" s="6"/>
      <c r="M1851" s="2" t="s">
        <v>6825</v>
      </c>
      <c r="N1851" s="3">
        <v>39564</v>
      </c>
      <c r="O1851" s="3">
        <v>44866</v>
      </c>
      <c r="P1851" s="3">
        <v>46691</v>
      </c>
    </row>
    <row r="1852" spans="1:16" x14ac:dyDescent="0.15">
      <c r="A1852" s="2" t="s">
        <v>16</v>
      </c>
      <c r="B1852" s="2" t="s">
        <v>6824</v>
      </c>
      <c r="C1852" s="4" t="s">
        <v>6</v>
      </c>
      <c r="D1852" s="5" t="s">
        <v>6822</v>
      </c>
      <c r="E1852" s="5" t="s">
        <v>6823</v>
      </c>
      <c r="F1852" s="6" t="s">
        <v>5</v>
      </c>
      <c r="G1852" s="2"/>
      <c r="H1852" s="4"/>
      <c r="I1852" s="5"/>
      <c r="J1852" s="5"/>
      <c r="K1852" s="5"/>
      <c r="L1852" s="6"/>
      <c r="M1852" s="2" t="s">
        <v>6826</v>
      </c>
      <c r="N1852" s="3">
        <v>43025</v>
      </c>
      <c r="O1852" s="3">
        <v>44866</v>
      </c>
      <c r="P1852" s="3">
        <v>46691</v>
      </c>
    </row>
    <row r="1853" spans="1:16" x14ac:dyDescent="0.15">
      <c r="A1853" s="2" t="s">
        <v>49</v>
      </c>
      <c r="B1853" s="2" t="s">
        <v>6827</v>
      </c>
      <c r="C1853" s="4" t="s">
        <v>6</v>
      </c>
      <c r="D1853" s="5" t="s">
        <v>6828</v>
      </c>
      <c r="E1853" s="5" t="s">
        <v>6829</v>
      </c>
      <c r="F1853" s="6" t="s">
        <v>5</v>
      </c>
      <c r="G1853" s="2"/>
      <c r="H1853" s="4"/>
      <c r="I1853" s="5"/>
      <c r="J1853" s="5"/>
      <c r="K1853" s="5"/>
      <c r="L1853" s="6"/>
      <c r="M1853" s="2" t="s">
        <v>6830</v>
      </c>
      <c r="N1853" s="3">
        <v>44852</v>
      </c>
      <c r="O1853" s="3">
        <v>44852</v>
      </c>
      <c r="P1853" s="3">
        <v>47391</v>
      </c>
    </row>
    <row r="1854" spans="1:16" x14ac:dyDescent="0.15">
      <c r="A1854" s="2" t="s">
        <v>49</v>
      </c>
      <c r="B1854" s="2" t="s">
        <v>6831</v>
      </c>
      <c r="C1854" s="4" t="s">
        <v>6</v>
      </c>
      <c r="D1854" s="5" t="s">
        <v>45</v>
      </c>
      <c r="E1854" s="5" t="s">
        <v>6832</v>
      </c>
      <c r="F1854" s="6" t="s">
        <v>6833</v>
      </c>
      <c r="G1854" s="2"/>
      <c r="H1854" s="4"/>
      <c r="I1854" s="5"/>
      <c r="J1854" s="5"/>
      <c r="K1854" s="5"/>
      <c r="L1854" s="6"/>
      <c r="M1854" s="2" t="s">
        <v>6834</v>
      </c>
      <c r="N1854" s="3">
        <v>44846</v>
      </c>
      <c r="O1854" s="3">
        <v>44846</v>
      </c>
      <c r="P1854" s="3">
        <v>46721</v>
      </c>
    </row>
    <row r="1855" spans="1:16" x14ac:dyDescent="0.15">
      <c r="A1855" s="2" t="s">
        <v>49</v>
      </c>
      <c r="B1855" s="2" t="s">
        <v>6835</v>
      </c>
      <c r="C1855" s="4" t="s">
        <v>6</v>
      </c>
      <c r="D1855" s="5" t="s">
        <v>1037</v>
      </c>
      <c r="E1855" s="5" t="s">
        <v>6836</v>
      </c>
      <c r="F1855" s="6" t="s">
        <v>5</v>
      </c>
      <c r="G1855" s="2"/>
      <c r="H1855" s="4"/>
      <c r="I1855" s="5"/>
      <c r="J1855" s="5"/>
      <c r="K1855" s="5"/>
      <c r="L1855" s="6"/>
      <c r="M1855" s="2" t="s">
        <v>6837</v>
      </c>
      <c r="N1855" s="3">
        <v>33930</v>
      </c>
      <c r="O1855" s="3">
        <v>44866</v>
      </c>
      <c r="P1855" s="3">
        <v>46691</v>
      </c>
    </row>
    <row r="1856" spans="1:16" x14ac:dyDescent="0.15">
      <c r="A1856" s="2" t="s">
        <v>49</v>
      </c>
      <c r="B1856" s="2" t="s">
        <v>10539</v>
      </c>
      <c r="C1856" s="4" t="s">
        <v>6</v>
      </c>
      <c r="D1856" s="5" t="s">
        <v>85</v>
      </c>
      <c r="E1856" s="5" t="s">
        <v>86</v>
      </c>
      <c r="F1856" s="6" t="s">
        <v>10540</v>
      </c>
      <c r="G1856" s="2" t="s">
        <v>10537</v>
      </c>
      <c r="H1856" s="4" t="s">
        <v>9</v>
      </c>
      <c r="I1856" s="5" t="s">
        <v>6</v>
      </c>
      <c r="J1856" s="5" t="s">
        <v>7201</v>
      </c>
      <c r="K1856" s="5" t="s">
        <v>10538</v>
      </c>
      <c r="L1856" s="6" t="s">
        <v>5</v>
      </c>
      <c r="M1856" s="2" t="s">
        <v>10541</v>
      </c>
      <c r="N1856" s="3">
        <v>40855</v>
      </c>
      <c r="O1856" s="3">
        <v>45413</v>
      </c>
      <c r="P1856" s="3">
        <v>47603</v>
      </c>
    </row>
    <row r="1857" spans="1:16" x14ac:dyDescent="0.15">
      <c r="A1857" s="2" t="s">
        <v>49</v>
      </c>
      <c r="B1857" s="2" t="s">
        <v>6844</v>
      </c>
      <c r="C1857" s="4" t="s">
        <v>6</v>
      </c>
      <c r="D1857" s="5" t="s">
        <v>1027</v>
      </c>
      <c r="E1857" s="5" t="s">
        <v>2818</v>
      </c>
      <c r="F1857" s="6" t="s">
        <v>6845</v>
      </c>
      <c r="G1857" s="2"/>
      <c r="H1857" s="4"/>
      <c r="I1857" s="5"/>
      <c r="J1857" s="5"/>
      <c r="K1857" s="5"/>
      <c r="L1857" s="6"/>
      <c r="M1857" s="2" t="s">
        <v>6846</v>
      </c>
      <c r="N1857" s="3">
        <v>42798</v>
      </c>
      <c r="O1857" s="3">
        <v>44896</v>
      </c>
      <c r="P1857" s="3">
        <v>46721</v>
      </c>
    </row>
    <row r="1858" spans="1:16" x14ac:dyDescent="0.15">
      <c r="A1858" s="2" t="s">
        <v>49</v>
      </c>
      <c r="B1858" s="2" t="s">
        <v>10543</v>
      </c>
      <c r="C1858" s="4" t="s">
        <v>6</v>
      </c>
      <c r="D1858" s="5" t="s">
        <v>1069</v>
      </c>
      <c r="E1858" s="5" t="s">
        <v>10544</v>
      </c>
      <c r="F1858" s="6" t="s">
        <v>5</v>
      </c>
      <c r="G1858" s="2" t="s">
        <v>10542</v>
      </c>
      <c r="H1858" s="4" t="s">
        <v>9</v>
      </c>
      <c r="I1858" s="5" t="s">
        <v>6</v>
      </c>
      <c r="J1858" s="5" t="s">
        <v>3019</v>
      </c>
      <c r="K1858" s="5" t="s">
        <v>8575</v>
      </c>
      <c r="L1858" s="6" t="s">
        <v>5</v>
      </c>
      <c r="M1858" s="2" t="s">
        <v>10545</v>
      </c>
      <c r="N1858" s="3">
        <v>42859</v>
      </c>
      <c r="O1858" s="3">
        <v>45413</v>
      </c>
      <c r="P1858" s="3">
        <v>47603</v>
      </c>
    </row>
    <row r="1859" spans="1:16" x14ac:dyDescent="0.15">
      <c r="A1859" s="2" t="s">
        <v>49</v>
      </c>
      <c r="B1859" s="2" t="s">
        <v>10546</v>
      </c>
      <c r="C1859" s="4" t="s">
        <v>6</v>
      </c>
      <c r="D1859" s="5" t="s">
        <v>3019</v>
      </c>
      <c r="E1859" s="5" t="s">
        <v>8575</v>
      </c>
      <c r="F1859" s="6" t="s">
        <v>5</v>
      </c>
      <c r="G1859" s="2" t="s">
        <v>10542</v>
      </c>
      <c r="H1859" s="4" t="s">
        <v>9</v>
      </c>
      <c r="I1859" s="5" t="s">
        <v>6</v>
      </c>
      <c r="J1859" s="5" t="s">
        <v>3019</v>
      </c>
      <c r="K1859" s="5" t="s">
        <v>8575</v>
      </c>
      <c r="L1859" s="6" t="s">
        <v>5</v>
      </c>
      <c r="M1859" s="2" t="s">
        <v>10547</v>
      </c>
      <c r="N1859" s="3">
        <v>41058</v>
      </c>
      <c r="O1859" s="3">
        <v>43586</v>
      </c>
      <c r="P1859" s="3">
        <v>45777</v>
      </c>
    </row>
    <row r="1860" spans="1:16" x14ac:dyDescent="0.15">
      <c r="A1860" s="2" t="s">
        <v>49</v>
      </c>
      <c r="B1860" s="2" t="s">
        <v>6855</v>
      </c>
      <c r="C1860" s="4" t="s">
        <v>6</v>
      </c>
      <c r="D1860" s="5" t="s">
        <v>3133</v>
      </c>
      <c r="E1860" s="5" t="s">
        <v>3612</v>
      </c>
      <c r="F1860" s="6" t="s">
        <v>6856</v>
      </c>
      <c r="G1860" s="2"/>
      <c r="H1860" s="4"/>
      <c r="I1860" s="5"/>
      <c r="J1860" s="5"/>
      <c r="K1860" s="5"/>
      <c r="L1860" s="6"/>
      <c r="M1860" s="2" t="s">
        <v>6857</v>
      </c>
      <c r="N1860" s="3">
        <v>44849</v>
      </c>
      <c r="O1860" s="3">
        <v>44849</v>
      </c>
      <c r="P1860" s="3">
        <v>47238</v>
      </c>
    </row>
    <row r="1861" spans="1:16" x14ac:dyDescent="0.15">
      <c r="A1861" s="2" t="s">
        <v>16</v>
      </c>
      <c r="B1861" s="2" t="s">
        <v>6855</v>
      </c>
      <c r="C1861" s="4" t="s">
        <v>6</v>
      </c>
      <c r="D1861" s="5" t="s">
        <v>3133</v>
      </c>
      <c r="E1861" s="5" t="s">
        <v>3612</v>
      </c>
      <c r="F1861" s="6" t="s">
        <v>6856</v>
      </c>
      <c r="G1861" s="2"/>
      <c r="H1861" s="4"/>
      <c r="I1861" s="5"/>
      <c r="J1861" s="5"/>
      <c r="K1861" s="5"/>
      <c r="L1861" s="6"/>
      <c r="M1861" s="2" t="s">
        <v>6858</v>
      </c>
      <c r="N1861" s="3">
        <v>45200</v>
      </c>
      <c r="O1861" s="3">
        <v>45200</v>
      </c>
      <c r="P1861" s="3">
        <v>47603</v>
      </c>
    </row>
    <row r="1862" spans="1:16" x14ac:dyDescent="0.15">
      <c r="A1862" s="2" t="s">
        <v>49</v>
      </c>
      <c r="B1862" s="2" t="s">
        <v>10550</v>
      </c>
      <c r="C1862" s="4" t="s">
        <v>6</v>
      </c>
      <c r="D1862" s="5" t="s">
        <v>79</v>
      </c>
      <c r="E1862" s="5" t="s">
        <v>10549</v>
      </c>
      <c r="F1862" s="6" t="s">
        <v>5</v>
      </c>
      <c r="G1862" s="2" t="s">
        <v>10548</v>
      </c>
      <c r="H1862" s="4" t="s">
        <v>9</v>
      </c>
      <c r="I1862" s="5" t="s">
        <v>6</v>
      </c>
      <c r="J1862" s="5" t="s">
        <v>79</v>
      </c>
      <c r="K1862" s="5" t="s">
        <v>10549</v>
      </c>
      <c r="L1862" s="6" t="s">
        <v>5</v>
      </c>
      <c r="M1862" s="2" t="s">
        <v>10551</v>
      </c>
      <c r="N1862" s="3">
        <v>45409</v>
      </c>
      <c r="O1862" s="3">
        <v>45409</v>
      </c>
      <c r="P1862" s="3">
        <v>47422</v>
      </c>
    </row>
    <row r="1863" spans="1:16" x14ac:dyDescent="0.15">
      <c r="A1863" s="2" t="s">
        <v>49</v>
      </c>
      <c r="B1863" s="2" t="s">
        <v>6864</v>
      </c>
      <c r="C1863" s="4" t="s">
        <v>6</v>
      </c>
      <c r="D1863" s="5" t="s">
        <v>4927</v>
      </c>
      <c r="E1863" s="5" t="s">
        <v>5830</v>
      </c>
      <c r="F1863" s="6" t="s">
        <v>5</v>
      </c>
      <c r="G1863" s="2"/>
      <c r="H1863" s="4"/>
      <c r="I1863" s="5"/>
      <c r="J1863" s="5"/>
      <c r="K1863" s="5"/>
      <c r="L1863" s="6"/>
      <c r="M1863" s="2" t="s">
        <v>6865</v>
      </c>
      <c r="N1863" s="3">
        <v>38345</v>
      </c>
      <c r="O1863" s="3">
        <v>44866</v>
      </c>
      <c r="P1863" s="3">
        <v>47057</v>
      </c>
    </row>
    <row r="1864" spans="1:16" x14ac:dyDescent="0.15">
      <c r="A1864" s="2" t="s">
        <v>49</v>
      </c>
      <c r="B1864" s="2" t="s">
        <v>6868</v>
      </c>
      <c r="C1864" s="4" t="s">
        <v>6</v>
      </c>
      <c r="D1864" s="5" t="s">
        <v>6866</v>
      </c>
      <c r="E1864" s="5" t="s">
        <v>6867</v>
      </c>
      <c r="F1864" s="6" t="s">
        <v>5</v>
      </c>
      <c r="G1864" s="2"/>
      <c r="H1864" s="4"/>
      <c r="I1864" s="5"/>
      <c r="J1864" s="5"/>
      <c r="K1864" s="5"/>
      <c r="L1864" s="6"/>
      <c r="M1864" s="2" t="s">
        <v>6869</v>
      </c>
      <c r="N1864" s="3">
        <v>34152</v>
      </c>
      <c r="O1864" s="3">
        <v>44866</v>
      </c>
      <c r="P1864" s="3">
        <v>47057</v>
      </c>
    </row>
    <row r="1865" spans="1:16" x14ac:dyDescent="0.15">
      <c r="A1865" s="2" t="s">
        <v>49</v>
      </c>
      <c r="B1865" s="2" t="s">
        <v>6870</v>
      </c>
      <c r="C1865" s="4" t="s">
        <v>6</v>
      </c>
      <c r="D1865" s="5" t="s">
        <v>4284</v>
      </c>
      <c r="E1865" s="5" t="s">
        <v>6871</v>
      </c>
      <c r="F1865" s="6" t="s">
        <v>5</v>
      </c>
      <c r="G1865" s="2"/>
      <c r="H1865" s="4"/>
      <c r="I1865" s="5"/>
      <c r="J1865" s="5"/>
      <c r="K1865" s="5"/>
      <c r="L1865" s="6"/>
      <c r="M1865" s="2" t="s">
        <v>6872</v>
      </c>
      <c r="N1865" s="3">
        <v>44856</v>
      </c>
      <c r="O1865" s="3">
        <v>44856</v>
      </c>
      <c r="P1865" s="3">
        <v>47208</v>
      </c>
    </row>
    <row r="1866" spans="1:16" x14ac:dyDescent="0.15">
      <c r="A1866" s="2" t="s">
        <v>49</v>
      </c>
      <c r="B1866" s="2" t="s">
        <v>6874</v>
      </c>
      <c r="C1866" s="4" t="s">
        <v>6</v>
      </c>
      <c r="D1866" s="5" t="s">
        <v>5666</v>
      </c>
      <c r="E1866" s="5" t="s">
        <v>6873</v>
      </c>
      <c r="F1866" s="6" t="s">
        <v>5</v>
      </c>
      <c r="G1866" s="2"/>
      <c r="H1866" s="4"/>
      <c r="I1866" s="5"/>
      <c r="J1866" s="5"/>
      <c r="K1866" s="5"/>
      <c r="L1866" s="6"/>
      <c r="M1866" s="2" t="s">
        <v>6875</v>
      </c>
      <c r="N1866" s="3">
        <v>43019</v>
      </c>
      <c r="O1866" s="3">
        <v>44866</v>
      </c>
      <c r="P1866" s="3">
        <v>46691</v>
      </c>
    </row>
    <row r="1867" spans="1:16" x14ac:dyDescent="0.15">
      <c r="A1867" s="2" t="s">
        <v>16</v>
      </c>
      <c r="B1867" s="2" t="s">
        <v>6874</v>
      </c>
      <c r="C1867" s="4" t="s">
        <v>6</v>
      </c>
      <c r="D1867" s="5" t="s">
        <v>5666</v>
      </c>
      <c r="E1867" s="5" t="s">
        <v>6873</v>
      </c>
      <c r="F1867" s="6" t="s">
        <v>5</v>
      </c>
      <c r="G1867" s="2"/>
      <c r="H1867" s="4"/>
      <c r="I1867" s="5"/>
      <c r="J1867" s="5"/>
      <c r="K1867" s="5"/>
      <c r="L1867" s="6"/>
      <c r="M1867" s="2" t="s">
        <v>6876</v>
      </c>
      <c r="N1867" s="3">
        <v>43019</v>
      </c>
      <c r="O1867" s="3">
        <v>44866</v>
      </c>
      <c r="P1867" s="3">
        <v>46691</v>
      </c>
    </row>
    <row r="1868" spans="1:16" x14ac:dyDescent="0.15">
      <c r="A1868" s="2" t="s">
        <v>49</v>
      </c>
      <c r="B1868" s="2" t="s">
        <v>10573</v>
      </c>
      <c r="C1868" s="4" t="s">
        <v>6</v>
      </c>
      <c r="D1868" s="5" t="s">
        <v>169</v>
      </c>
      <c r="E1868" s="5" t="s">
        <v>10574</v>
      </c>
      <c r="F1868" s="6" t="s">
        <v>5</v>
      </c>
      <c r="G1868" s="2" t="s">
        <v>10570</v>
      </c>
      <c r="H1868" s="4" t="s">
        <v>29</v>
      </c>
      <c r="I1868" s="5" t="s">
        <v>165</v>
      </c>
      <c r="J1868" s="5" t="s">
        <v>10571</v>
      </c>
      <c r="K1868" s="5" t="s">
        <v>10572</v>
      </c>
      <c r="L1868" s="6" t="s">
        <v>5</v>
      </c>
      <c r="M1868" s="2" t="s">
        <v>10575</v>
      </c>
      <c r="N1868" s="3">
        <v>40848</v>
      </c>
      <c r="O1868" s="3">
        <v>45383</v>
      </c>
      <c r="P1868" s="3">
        <v>47573</v>
      </c>
    </row>
    <row r="1869" spans="1:16" x14ac:dyDescent="0.15">
      <c r="A1869" s="2" t="s">
        <v>49</v>
      </c>
      <c r="B1869" s="2" t="s">
        <v>6883</v>
      </c>
      <c r="C1869" s="4" t="s">
        <v>6</v>
      </c>
      <c r="D1869" s="5" t="s">
        <v>1027</v>
      </c>
      <c r="E1869" s="5" t="s">
        <v>6884</v>
      </c>
      <c r="F1869" s="6" t="s">
        <v>6885</v>
      </c>
      <c r="G1869" s="2"/>
      <c r="H1869" s="4"/>
      <c r="I1869" s="5"/>
      <c r="J1869" s="5"/>
      <c r="K1869" s="5"/>
      <c r="L1869" s="6"/>
      <c r="M1869" s="2" t="s">
        <v>6886</v>
      </c>
      <c r="N1869" s="3">
        <v>42936</v>
      </c>
      <c r="O1869" s="3">
        <v>44896</v>
      </c>
      <c r="P1869" s="3">
        <v>46721</v>
      </c>
    </row>
    <row r="1870" spans="1:16" x14ac:dyDescent="0.15">
      <c r="A1870" s="2" t="s">
        <v>49</v>
      </c>
      <c r="B1870" s="2" t="s">
        <v>6887</v>
      </c>
      <c r="C1870" s="4" t="s">
        <v>6</v>
      </c>
      <c r="D1870" s="5" t="s">
        <v>6888</v>
      </c>
      <c r="E1870" s="5" t="s">
        <v>6889</v>
      </c>
      <c r="F1870" s="6" t="s">
        <v>6890</v>
      </c>
      <c r="G1870" s="2"/>
      <c r="H1870" s="4"/>
      <c r="I1870" s="5"/>
      <c r="J1870" s="5"/>
      <c r="K1870" s="5"/>
      <c r="L1870" s="6"/>
      <c r="M1870" s="2" t="s">
        <v>6891</v>
      </c>
      <c r="N1870" s="3">
        <v>44855</v>
      </c>
      <c r="O1870" s="3">
        <v>44855</v>
      </c>
      <c r="P1870" s="3">
        <v>47026</v>
      </c>
    </row>
    <row r="1871" spans="1:16" x14ac:dyDescent="0.15">
      <c r="A1871" s="2" t="s">
        <v>49</v>
      </c>
      <c r="B1871" s="2" t="s">
        <v>6892</v>
      </c>
      <c r="C1871" s="4" t="s">
        <v>6</v>
      </c>
      <c r="D1871" s="5" t="s">
        <v>1152</v>
      </c>
      <c r="E1871" s="5" t="s">
        <v>2919</v>
      </c>
      <c r="F1871" s="6" t="s">
        <v>5</v>
      </c>
      <c r="G1871" s="2"/>
      <c r="H1871" s="4"/>
      <c r="I1871" s="5"/>
      <c r="J1871" s="5"/>
      <c r="K1871" s="5"/>
      <c r="L1871" s="6"/>
      <c r="M1871" s="2" t="s">
        <v>6893</v>
      </c>
      <c r="N1871" s="3">
        <v>42930</v>
      </c>
      <c r="O1871" s="3">
        <v>44896</v>
      </c>
      <c r="P1871" s="3">
        <v>46721</v>
      </c>
    </row>
    <row r="1872" spans="1:16" x14ac:dyDescent="0.15">
      <c r="A1872" s="2" t="s">
        <v>49</v>
      </c>
      <c r="B1872" s="2" t="s">
        <v>6894</v>
      </c>
      <c r="C1872" s="4" t="s">
        <v>6</v>
      </c>
      <c r="D1872" s="5" t="s">
        <v>1027</v>
      </c>
      <c r="E1872" s="5" t="s">
        <v>6895</v>
      </c>
      <c r="F1872" s="6" t="s">
        <v>6896</v>
      </c>
      <c r="G1872" s="2"/>
      <c r="H1872" s="4"/>
      <c r="I1872" s="5"/>
      <c r="J1872" s="5"/>
      <c r="K1872" s="5"/>
      <c r="L1872" s="6"/>
      <c r="M1872" s="2" t="s">
        <v>6897</v>
      </c>
      <c r="N1872" s="3">
        <v>38623</v>
      </c>
      <c r="O1872" s="3">
        <v>44896</v>
      </c>
      <c r="P1872" s="3">
        <v>47087</v>
      </c>
    </row>
    <row r="1873" spans="1:16" x14ac:dyDescent="0.15">
      <c r="A1873" s="2" t="s">
        <v>49</v>
      </c>
      <c r="B1873" s="2" t="s">
        <v>6898</v>
      </c>
      <c r="C1873" s="4" t="s">
        <v>6</v>
      </c>
      <c r="D1873" s="5" t="s">
        <v>1027</v>
      </c>
      <c r="E1873" s="5" t="s">
        <v>1120</v>
      </c>
      <c r="F1873" s="6" t="s">
        <v>6899</v>
      </c>
      <c r="G1873" s="2"/>
      <c r="H1873" s="4"/>
      <c r="I1873" s="5"/>
      <c r="J1873" s="5"/>
      <c r="K1873" s="5"/>
      <c r="L1873" s="6"/>
      <c r="M1873" s="2" t="s">
        <v>6900</v>
      </c>
      <c r="N1873" s="3">
        <v>42699</v>
      </c>
      <c r="O1873" s="3">
        <v>44896</v>
      </c>
      <c r="P1873" s="3">
        <v>47087</v>
      </c>
    </row>
    <row r="1874" spans="1:16" x14ac:dyDescent="0.15">
      <c r="A1874" s="2" t="s">
        <v>49</v>
      </c>
      <c r="B1874" s="2" t="s">
        <v>10583</v>
      </c>
      <c r="C1874" s="4" t="s">
        <v>6</v>
      </c>
      <c r="D1874" s="5" t="s">
        <v>616</v>
      </c>
      <c r="E1874" s="5" t="s">
        <v>8239</v>
      </c>
      <c r="F1874" s="6" t="s">
        <v>10584</v>
      </c>
      <c r="G1874" s="2" t="s">
        <v>10580</v>
      </c>
      <c r="H1874" s="4" t="s">
        <v>9</v>
      </c>
      <c r="I1874" s="5" t="s">
        <v>6</v>
      </c>
      <c r="J1874" s="5" t="s">
        <v>10581</v>
      </c>
      <c r="K1874" s="5" t="s">
        <v>10582</v>
      </c>
      <c r="L1874" s="6" t="s">
        <v>5</v>
      </c>
      <c r="M1874" s="2" t="s">
        <v>10585</v>
      </c>
      <c r="N1874" s="3">
        <v>45352</v>
      </c>
      <c r="O1874" s="3">
        <v>45352</v>
      </c>
      <c r="P1874" s="3">
        <v>47817</v>
      </c>
    </row>
    <row r="1875" spans="1:16" x14ac:dyDescent="0.15">
      <c r="A1875" s="2" t="s">
        <v>49</v>
      </c>
      <c r="B1875" s="2" t="s">
        <v>10596</v>
      </c>
      <c r="C1875" s="4" t="s">
        <v>6</v>
      </c>
      <c r="D1875" s="5" t="s">
        <v>301</v>
      </c>
      <c r="E1875" s="5" t="s">
        <v>10597</v>
      </c>
      <c r="F1875" s="6" t="s">
        <v>5</v>
      </c>
      <c r="G1875" s="2" t="s">
        <v>10593</v>
      </c>
      <c r="H1875" s="4" t="s">
        <v>29</v>
      </c>
      <c r="I1875" s="5" t="s">
        <v>504</v>
      </c>
      <c r="J1875" s="5" t="s">
        <v>10594</v>
      </c>
      <c r="K1875" s="5" t="s">
        <v>10595</v>
      </c>
      <c r="L1875" s="6" t="s">
        <v>5</v>
      </c>
      <c r="M1875" s="2" t="s">
        <v>10598</v>
      </c>
      <c r="N1875" s="3">
        <v>41000</v>
      </c>
      <c r="O1875" s="3">
        <v>45383</v>
      </c>
      <c r="P1875" s="3">
        <v>47573</v>
      </c>
    </row>
    <row r="1876" spans="1:16" x14ac:dyDescent="0.15">
      <c r="A1876" s="2" t="s">
        <v>49</v>
      </c>
      <c r="B1876" s="2" t="s">
        <v>10600</v>
      </c>
      <c r="C1876" s="4" t="s">
        <v>6</v>
      </c>
      <c r="D1876" s="5" t="s">
        <v>842</v>
      </c>
      <c r="E1876" s="5" t="s">
        <v>927</v>
      </c>
      <c r="F1876" s="6" t="s">
        <v>5</v>
      </c>
      <c r="G1876" s="2" t="s">
        <v>10599</v>
      </c>
      <c r="H1876" s="4" t="s">
        <v>9</v>
      </c>
      <c r="I1876" s="5" t="s">
        <v>6</v>
      </c>
      <c r="J1876" s="5" t="s">
        <v>842</v>
      </c>
      <c r="K1876" s="5" t="s">
        <v>927</v>
      </c>
      <c r="L1876" s="6" t="s">
        <v>5</v>
      </c>
      <c r="M1876" s="2" t="s">
        <v>10601</v>
      </c>
      <c r="N1876" s="3">
        <v>39749</v>
      </c>
      <c r="O1876" s="3">
        <v>45383</v>
      </c>
      <c r="P1876" s="3">
        <v>47208</v>
      </c>
    </row>
    <row r="1877" spans="1:16" x14ac:dyDescent="0.15">
      <c r="A1877" s="2" t="s">
        <v>49</v>
      </c>
      <c r="B1877" s="2" t="s">
        <v>10604</v>
      </c>
      <c r="C1877" s="4" t="s">
        <v>6</v>
      </c>
      <c r="D1877" s="5" t="s">
        <v>4187</v>
      </c>
      <c r="E1877" s="5" t="s">
        <v>10605</v>
      </c>
      <c r="F1877" s="6" t="s">
        <v>5</v>
      </c>
      <c r="G1877" s="2" t="s">
        <v>10602</v>
      </c>
      <c r="H1877" s="4" t="s">
        <v>9</v>
      </c>
      <c r="I1877" s="5" t="s">
        <v>6</v>
      </c>
      <c r="J1877" s="5" t="s">
        <v>10603</v>
      </c>
      <c r="K1877" s="5" t="s">
        <v>2730</v>
      </c>
      <c r="L1877" s="6" t="s">
        <v>5</v>
      </c>
      <c r="M1877" s="2" t="s">
        <v>10606</v>
      </c>
      <c r="N1877" s="3">
        <v>42951</v>
      </c>
      <c r="O1877" s="3">
        <v>45474</v>
      </c>
      <c r="P1877" s="3">
        <v>47664</v>
      </c>
    </row>
    <row r="1878" spans="1:16" x14ac:dyDescent="0.15">
      <c r="A1878" s="2" t="s">
        <v>49</v>
      </c>
      <c r="B1878" s="2" t="s">
        <v>6918</v>
      </c>
      <c r="C1878" s="4" t="s">
        <v>6</v>
      </c>
      <c r="D1878" s="5" t="s">
        <v>500</v>
      </c>
      <c r="E1878" s="5" t="s">
        <v>6919</v>
      </c>
      <c r="F1878" s="6" t="s">
        <v>6920</v>
      </c>
      <c r="G1878" s="2"/>
      <c r="H1878" s="4"/>
      <c r="I1878" s="5"/>
      <c r="J1878" s="5"/>
      <c r="K1878" s="5"/>
      <c r="L1878" s="6"/>
      <c r="M1878" s="2" t="s">
        <v>6921</v>
      </c>
      <c r="N1878" s="3">
        <v>44903</v>
      </c>
      <c r="O1878" s="3">
        <v>44903</v>
      </c>
      <c r="P1878" s="3">
        <v>47269</v>
      </c>
    </row>
    <row r="1879" spans="1:16" x14ac:dyDescent="0.15">
      <c r="A1879" s="2" t="s">
        <v>49</v>
      </c>
      <c r="B1879" s="2" t="s">
        <v>6922</v>
      </c>
      <c r="C1879" s="4" t="s">
        <v>6</v>
      </c>
      <c r="D1879" s="5" t="s">
        <v>247</v>
      </c>
      <c r="E1879" s="5" t="s">
        <v>2479</v>
      </c>
      <c r="F1879" s="6" t="s">
        <v>6923</v>
      </c>
      <c r="G1879" s="2"/>
      <c r="H1879" s="4"/>
      <c r="I1879" s="5"/>
      <c r="J1879" s="5"/>
      <c r="K1879" s="5"/>
      <c r="L1879" s="6"/>
      <c r="M1879" s="2" t="s">
        <v>6924</v>
      </c>
      <c r="N1879" s="3">
        <v>45409</v>
      </c>
      <c r="O1879" s="3">
        <v>45409</v>
      </c>
      <c r="P1879" s="3">
        <v>47634</v>
      </c>
    </row>
    <row r="1880" spans="1:16" x14ac:dyDescent="0.15">
      <c r="A1880" s="2" t="s">
        <v>49</v>
      </c>
      <c r="B1880" s="2" t="s">
        <v>6925</v>
      </c>
      <c r="C1880" s="4" t="s">
        <v>6</v>
      </c>
      <c r="D1880" s="5" t="s">
        <v>45</v>
      </c>
      <c r="E1880" s="5" t="s">
        <v>6926</v>
      </c>
      <c r="F1880" s="6" t="s">
        <v>6927</v>
      </c>
      <c r="G1880" s="2"/>
      <c r="H1880" s="4"/>
      <c r="I1880" s="5"/>
      <c r="J1880" s="5"/>
      <c r="K1880" s="5"/>
      <c r="L1880" s="6"/>
      <c r="M1880" s="2" t="s">
        <v>6928</v>
      </c>
      <c r="N1880" s="3">
        <v>42794</v>
      </c>
      <c r="O1880" s="3">
        <v>44896</v>
      </c>
      <c r="P1880" s="3">
        <v>46721</v>
      </c>
    </row>
    <row r="1881" spans="1:16" x14ac:dyDescent="0.15">
      <c r="A1881" s="2" t="s">
        <v>49</v>
      </c>
      <c r="B1881" s="2" t="s">
        <v>6929</v>
      </c>
      <c r="C1881" s="4" t="s">
        <v>6</v>
      </c>
      <c r="D1881" s="5" t="s">
        <v>1027</v>
      </c>
      <c r="E1881" s="5" t="s">
        <v>3252</v>
      </c>
      <c r="F1881" s="6" t="s">
        <v>6930</v>
      </c>
      <c r="G1881" s="2"/>
      <c r="H1881" s="4"/>
      <c r="I1881" s="5"/>
      <c r="J1881" s="5"/>
      <c r="K1881" s="5"/>
      <c r="L1881" s="6"/>
      <c r="M1881" s="2" t="s">
        <v>6931</v>
      </c>
      <c r="N1881" s="3">
        <v>40416</v>
      </c>
      <c r="O1881" s="3">
        <v>44896</v>
      </c>
      <c r="P1881" s="3">
        <v>47087</v>
      </c>
    </row>
    <row r="1882" spans="1:16" x14ac:dyDescent="0.15">
      <c r="A1882" s="2" t="s">
        <v>49</v>
      </c>
      <c r="B1882" s="2" t="s">
        <v>6932</v>
      </c>
      <c r="C1882" s="4" t="s">
        <v>6</v>
      </c>
      <c r="D1882" s="5" t="s">
        <v>2089</v>
      </c>
      <c r="E1882" s="5" t="s">
        <v>2666</v>
      </c>
      <c r="F1882" s="6" t="s">
        <v>6933</v>
      </c>
      <c r="G1882" s="2"/>
      <c r="H1882" s="4"/>
      <c r="I1882" s="5"/>
      <c r="J1882" s="5"/>
      <c r="K1882" s="5"/>
      <c r="L1882" s="6"/>
      <c r="M1882" s="2" t="s">
        <v>6934</v>
      </c>
      <c r="N1882" s="3">
        <v>39234</v>
      </c>
      <c r="O1882" s="3">
        <v>44896</v>
      </c>
      <c r="P1882" s="3">
        <v>46721</v>
      </c>
    </row>
    <row r="1883" spans="1:16" x14ac:dyDescent="0.15">
      <c r="A1883" s="2" t="s">
        <v>49</v>
      </c>
      <c r="B1883" s="2" t="s">
        <v>10614</v>
      </c>
      <c r="C1883" s="4" t="s">
        <v>6</v>
      </c>
      <c r="D1883" s="5" t="s">
        <v>2167</v>
      </c>
      <c r="E1883" s="5" t="s">
        <v>10613</v>
      </c>
      <c r="F1883" s="6" t="s">
        <v>5</v>
      </c>
      <c r="G1883" s="2" t="s">
        <v>10612</v>
      </c>
      <c r="H1883" s="4" t="s">
        <v>9</v>
      </c>
      <c r="I1883" s="5" t="s">
        <v>6</v>
      </c>
      <c r="J1883" s="5" t="s">
        <v>2167</v>
      </c>
      <c r="K1883" s="5" t="s">
        <v>10613</v>
      </c>
      <c r="L1883" s="6" t="s">
        <v>5</v>
      </c>
      <c r="M1883" s="2" t="s">
        <v>10615</v>
      </c>
      <c r="N1883" s="3">
        <v>39703</v>
      </c>
      <c r="O1883" s="3">
        <v>45383</v>
      </c>
      <c r="P1883" s="3">
        <v>47208</v>
      </c>
    </row>
    <row r="1884" spans="1:16" x14ac:dyDescent="0.15">
      <c r="A1884" s="2" t="s">
        <v>49</v>
      </c>
      <c r="B1884" s="2" t="s">
        <v>6940</v>
      </c>
      <c r="C1884" s="4" t="s">
        <v>6</v>
      </c>
      <c r="D1884" s="5" t="s">
        <v>1027</v>
      </c>
      <c r="E1884" s="5" t="s">
        <v>2882</v>
      </c>
      <c r="F1884" s="6" t="s">
        <v>6941</v>
      </c>
      <c r="G1884" s="2"/>
      <c r="H1884" s="4"/>
      <c r="I1884" s="5"/>
      <c r="J1884" s="5"/>
      <c r="K1884" s="5"/>
      <c r="L1884" s="6"/>
      <c r="M1884" s="2" t="s">
        <v>6942</v>
      </c>
      <c r="N1884" s="3">
        <v>44869</v>
      </c>
      <c r="O1884" s="3">
        <v>44869</v>
      </c>
      <c r="P1884" s="3">
        <v>46721</v>
      </c>
    </row>
    <row r="1885" spans="1:16" x14ac:dyDescent="0.15">
      <c r="A1885" s="2" t="s">
        <v>49</v>
      </c>
      <c r="B1885" s="2" t="s">
        <v>6944</v>
      </c>
      <c r="C1885" s="4" t="s">
        <v>6</v>
      </c>
      <c r="D1885" s="5" t="s">
        <v>2933</v>
      </c>
      <c r="E1885" s="5" t="s">
        <v>6943</v>
      </c>
      <c r="F1885" s="6" t="s">
        <v>5</v>
      </c>
      <c r="G1885" s="2"/>
      <c r="H1885" s="4"/>
      <c r="I1885" s="5"/>
      <c r="J1885" s="5"/>
      <c r="K1885" s="5"/>
      <c r="L1885" s="6"/>
      <c r="M1885" s="2" t="s">
        <v>6945</v>
      </c>
      <c r="N1885" s="3">
        <v>41016</v>
      </c>
      <c r="O1885" s="3">
        <v>44896</v>
      </c>
      <c r="P1885" s="3">
        <v>46721</v>
      </c>
    </row>
    <row r="1886" spans="1:16" x14ac:dyDescent="0.15">
      <c r="A1886" s="2" t="s">
        <v>49</v>
      </c>
      <c r="B1886" s="2" t="s">
        <v>6946</v>
      </c>
      <c r="C1886" s="4" t="s">
        <v>6</v>
      </c>
      <c r="D1886" s="5" t="s">
        <v>2956</v>
      </c>
      <c r="E1886" s="5" t="s">
        <v>4397</v>
      </c>
      <c r="F1886" s="6" t="s">
        <v>6947</v>
      </c>
      <c r="G1886" s="2"/>
      <c r="H1886" s="4"/>
      <c r="I1886" s="5"/>
      <c r="J1886" s="5"/>
      <c r="K1886" s="5"/>
      <c r="L1886" s="6"/>
      <c r="M1886" s="2" t="s">
        <v>6948</v>
      </c>
      <c r="N1886" s="3">
        <v>44866</v>
      </c>
      <c r="O1886" s="3">
        <v>44866</v>
      </c>
      <c r="P1886" s="3">
        <v>47087</v>
      </c>
    </row>
    <row r="1887" spans="1:16" x14ac:dyDescent="0.15">
      <c r="A1887" s="2" t="s">
        <v>49</v>
      </c>
      <c r="B1887" s="2" t="s">
        <v>10631</v>
      </c>
      <c r="C1887" s="4" t="s">
        <v>6</v>
      </c>
      <c r="D1887" s="5" t="s">
        <v>10630</v>
      </c>
      <c r="E1887" s="5" t="s">
        <v>2479</v>
      </c>
      <c r="F1887" s="6" t="s">
        <v>5</v>
      </c>
      <c r="G1887" s="2" t="s">
        <v>10629</v>
      </c>
      <c r="H1887" s="4" t="s">
        <v>9</v>
      </c>
      <c r="I1887" s="5" t="s">
        <v>6</v>
      </c>
      <c r="J1887" s="5" t="s">
        <v>10630</v>
      </c>
      <c r="K1887" s="5" t="s">
        <v>2479</v>
      </c>
      <c r="L1887" s="6" t="s">
        <v>5</v>
      </c>
      <c r="M1887" s="2" t="s">
        <v>10632</v>
      </c>
      <c r="N1887" s="3">
        <v>45383</v>
      </c>
      <c r="O1887" s="3">
        <v>45383</v>
      </c>
      <c r="P1887" s="3">
        <v>47573</v>
      </c>
    </row>
    <row r="1888" spans="1:16" x14ac:dyDescent="0.15">
      <c r="A1888" s="2" t="s">
        <v>49</v>
      </c>
      <c r="B1888" s="2" t="s">
        <v>10665</v>
      </c>
      <c r="C1888" s="4" t="s">
        <v>6</v>
      </c>
      <c r="D1888" s="5" t="s">
        <v>2371</v>
      </c>
      <c r="E1888" s="5" t="s">
        <v>10666</v>
      </c>
      <c r="F1888" s="6" t="s">
        <v>5</v>
      </c>
      <c r="G1888" s="2" t="s">
        <v>2913</v>
      </c>
      <c r="H1888" s="4" t="s">
        <v>9</v>
      </c>
      <c r="I1888" s="5" t="s">
        <v>6</v>
      </c>
      <c r="J1888" s="5" t="s">
        <v>290</v>
      </c>
      <c r="K1888" s="5" t="s">
        <v>3920</v>
      </c>
      <c r="L1888" s="6" t="s">
        <v>5</v>
      </c>
      <c r="M1888" s="2" t="s">
        <v>10667</v>
      </c>
      <c r="N1888" s="3">
        <v>45380</v>
      </c>
      <c r="O1888" s="3">
        <v>45380</v>
      </c>
      <c r="P1888" s="3">
        <v>47938</v>
      </c>
    </row>
    <row r="1889" spans="1:16" x14ac:dyDescent="0.15">
      <c r="A1889" s="2" t="s">
        <v>49</v>
      </c>
      <c r="B1889" s="2" t="s">
        <v>6955</v>
      </c>
      <c r="C1889" s="4" t="s">
        <v>6</v>
      </c>
      <c r="D1889" s="5" t="s">
        <v>6956</v>
      </c>
      <c r="E1889" s="5" t="s">
        <v>6957</v>
      </c>
      <c r="F1889" s="6" t="s">
        <v>5</v>
      </c>
      <c r="G1889" s="2"/>
      <c r="H1889" s="4"/>
      <c r="I1889" s="5"/>
      <c r="J1889" s="5"/>
      <c r="K1889" s="5"/>
      <c r="L1889" s="6"/>
      <c r="M1889" s="2" t="s">
        <v>6958</v>
      </c>
      <c r="N1889" s="3">
        <v>42586</v>
      </c>
      <c r="O1889" s="3">
        <v>44866</v>
      </c>
      <c r="P1889" s="3">
        <v>47057</v>
      </c>
    </row>
    <row r="1890" spans="1:16" x14ac:dyDescent="0.15">
      <c r="A1890" s="2" t="s">
        <v>49</v>
      </c>
      <c r="B1890" s="2" t="s">
        <v>6959</v>
      </c>
      <c r="C1890" s="4" t="s">
        <v>6</v>
      </c>
      <c r="D1890" s="5" t="s">
        <v>959</v>
      </c>
      <c r="E1890" s="5" t="s">
        <v>4046</v>
      </c>
      <c r="F1890" s="6" t="s">
        <v>6960</v>
      </c>
      <c r="G1890" s="2"/>
      <c r="H1890" s="4"/>
      <c r="I1890" s="5"/>
      <c r="J1890" s="5"/>
      <c r="K1890" s="5"/>
      <c r="L1890" s="6"/>
      <c r="M1890" s="2" t="s">
        <v>6961</v>
      </c>
      <c r="N1890" s="3">
        <v>44920</v>
      </c>
      <c r="O1890" s="3">
        <v>44920</v>
      </c>
      <c r="P1890" s="3">
        <v>47452</v>
      </c>
    </row>
    <row r="1891" spans="1:16" x14ac:dyDescent="0.15">
      <c r="A1891" s="2" t="s">
        <v>49</v>
      </c>
      <c r="B1891" s="2" t="s">
        <v>10686</v>
      </c>
      <c r="C1891" s="4" t="s">
        <v>6</v>
      </c>
      <c r="D1891" s="5" t="s">
        <v>8041</v>
      </c>
      <c r="E1891" s="5" t="s">
        <v>2864</v>
      </c>
      <c r="F1891" s="6" t="s">
        <v>5</v>
      </c>
      <c r="G1891" s="2" t="s">
        <v>10685</v>
      </c>
      <c r="H1891" s="4" t="s">
        <v>9</v>
      </c>
      <c r="I1891" s="5" t="s">
        <v>6</v>
      </c>
      <c r="J1891" s="5" t="s">
        <v>8041</v>
      </c>
      <c r="K1891" s="5" t="s">
        <v>2864</v>
      </c>
      <c r="L1891" s="6" t="s">
        <v>5</v>
      </c>
      <c r="M1891" s="2" t="s">
        <v>10687</v>
      </c>
      <c r="N1891" s="3">
        <v>33063</v>
      </c>
      <c r="O1891" s="3">
        <v>45383</v>
      </c>
      <c r="P1891" s="3">
        <v>47208</v>
      </c>
    </row>
    <row r="1892" spans="1:16" x14ac:dyDescent="0.15">
      <c r="A1892" s="2" t="s">
        <v>49</v>
      </c>
      <c r="B1892" s="2" t="s">
        <v>10692</v>
      </c>
      <c r="C1892" s="4" t="s">
        <v>6</v>
      </c>
      <c r="D1892" s="5" t="s">
        <v>3498</v>
      </c>
      <c r="E1892" s="5" t="s">
        <v>10693</v>
      </c>
      <c r="F1892" s="6" t="s">
        <v>5</v>
      </c>
      <c r="G1892" s="2" t="s">
        <v>10691</v>
      </c>
      <c r="H1892" s="4" t="s">
        <v>9</v>
      </c>
      <c r="I1892" s="5" t="s">
        <v>6</v>
      </c>
      <c r="J1892" s="5" t="s">
        <v>1999</v>
      </c>
      <c r="K1892" s="5" t="s">
        <v>1453</v>
      </c>
      <c r="L1892" s="6" t="s">
        <v>5</v>
      </c>
      <c r="M1892" s="2" t="s">
        <v>10694</v>
      </c>
      <c r="N1892" s="3">
        <v>43042</v>
      </c>
      <c r="O1892" s="3">
        <v>45413</v>
      </c>
      <c r="P1892" s="3">
        <v>47603</v>
      </c>
    </row>
    <row r="1893" spans="1:16" x14ac:dyDescent="0.15">
      <c r="A1893" s="2" t="s">
        <v>49</v>
      </c>
      <c r="B1893" s="2" t="s">
        <v>10703</v>
      </c>
      <c r="C1893" s="4" t="s">
        <v>6</v>
      </c>
      <c r="D1893" s="5" t="s">
        <v>3505</v>
      </c>
      <c r="E1893" s="5" t="s">
        <v>2818</v>
      </c>
      <c r="F1893" s="6" t="s">
        <v>5</v>
      </c>
      <c r="G1893" s="2" t="s">
        <v>10702</v>
      </c>
      <c r="H1893" s="4" t="s">
        <v>9</v>
      </c>
      <c r="I1893" s="5" t="s">
        <v>6</v>
      </c>
      <c r="J1893" s="5" t="s">
        <v>3505</v>
      </c>
      <c r="K1893" s="5" t="s">
        <v>2818</v>
      </c>
      <c r="L1893" s="6" t="s">
        <v>5</v>
      </c>
      <c r="M1893" s="2" t="s">
        <v>10704</v>
      </c>
      <c r="N1893" s="3">
        <v>45366</v>
      </c>
      <c r="O1893" s="3">
        <v>45366</v>
      </c>
      <c r="P1893" s="3">
        <v>47208</v>
      </c>
    </row>
    <row r="1894" spans="1:16" x14ac:dyDescent="0.15">
      <c r="A1894" s="2" t="s">
        <v>49</v>
      </c>
      <c r="B1894" s="2" t="s">
        <v>10710</v>
      </c>
      <c r="C1894" s="4" t="s">
        <v>6</v>
      </c>
      <c r="D1894" s="5" t="s">
        <v>583</v>
      </c>
      <c r="E1894" s="5" t="s">
        <v>4203</v>
      </c>
      <c r="F1894" s="6" t="s">
        <v>5</v>
      </c>
      <c r="G1894" s="2" t="s">
        <v>10708</v>
      </c>
      <c r="H1894" s="4" t="s">
        <v>9</v>
      </c>
      <c r="I1894" s="5" t="s">
        <v>6</v>
      </c>
      <c r="J1894" s="5" t="s">
        <v>583</v>
      </c>
      <c r="K1894" s="5" t="s">
        <v>10709</v>
      </c>
      <c r="L1894" s="6" t="s">
        <v>5</v>
      </c>
      <c r="M1894" s="2" t="s">
        <v>10711</v>
      </c>
      <c r="N1894" s="3">
        <v>45377</v>
      </c>
      <c r="O1894" s="3">
        <v>45377</v>
      </c>
      <c r="P1894" s="3">
        <v>47664</v>
      </c>
    </row>
    <row r="1895" spans="1:16" x14ac:dyDescent="0.15">
      <c r="A1895" s="2" t="s">
        <v>49</v>
      </c>
      <c r="B1895" s="2" t="s">
        <v>10719</v>
      </c>
      <c r="C1895" s="4" t="s">
        <v>6</v>
      </c>
      <c r="D1895" s="5" t="s">
        <v>10717</v>
      </c>
      <c r="E1895" s="5" t="s">
        <v>10720</v>
      </c>
      <c r="F1895" s="6" t="s">
        <v>5</v>
      </c>
      <c r="G1895" s="2" t="s">
        <v>10716</v>
      </c>
      <c r="H1895" s="4" t="s">
        <v>9</v>
      </c>
      <c r="I1895" s="5" t="s">
        <v>6</v>
      </c>
      <c r="J1895" s="5" t="s">
        <v>10717</v>
      </c>
      <c r="K1895" s="5" t="s">
        <v>10718</v>
      </c>
      <c r="L1895" s="6" t="s">
        <v>5</v>
      </c>
      <c r="M1895" s="2" t="s">
        <v>10721</v>
      </c>
      <c r="N1895" s="3">
        <v>43532</v>
      </c>
      <c r="O1895" s="3">
        <v>45383</v>
      </c>
      <c r="P1895" s="3">
        <v>47208</v>
      </c>
    </row>
    <row r="1896" spans="1:16" x14ac:dyDescent="0.15">
      <c r="A1896" s="2" t="s">
        <v>49</v>
      </c>
      <c r="B1896" s="2" t="s">
        <v>10724</v>
      </c>
      <c r="C1896" s="4" t="s">
        <v>6</v>
      </c>
      <c r="D1896" s="5" t="s">
        <v>4628</v>
      </c>
      <c r="E1896" s="5" t="s">
        <v>10723</v>
      </c>
      <c r="F1896" s="6" t="s">
        <v>5</v>
      </c>
      <c r="G1896" s="2" t="s">
        <v>10722</v>
      </c>
      <c r="H1896" s="4" t="s">
        <v>9</v>
      </c>
      <c r="I1896" s="5" t="s">
        <v>6</v>
      </c>
      <c r="J1896" s="5" t="s">
        <v>4628</v>
      </c>
      <c r="K1896" s="5" t="s">
        <v>10723</v>
      </c>
      <c r="L1896" s="6" t="s">
        <v>5</v>
      </c>
      <c r="M1896" s="2" t="s">
        <v>10725</v>
      </c>
      <c r="N1896" s="3">
        <v>45388</v>
      </c>
      <c r="O1896" s="3">
        <v>45388</v>
      </c>
      <c r="P1896" s="3">
        <v>47238</v>
      </c>
    </row>
    <row r="1897" spans="1:16" x14ac:dyDescent="0.15">
      <c r="A1897" s="2" t="s">
        <v>49</v>
      </c>
      <c r="B1897" s="2" t="s">
        <v>10736</v>
      </c>
      <c r="C1897" s="4" t="s">
        <v>6</v>
      </c>
      <c r="D1897" s="5" t="s">
        <v>1389</v>
      </c>
      <c r="E1897" s="5" t="s">
        <v>3316</v>
      </c>
      <c r="F1897" s="6" t="s">
        <v>5</v>
      </c>
      <c r="G1897" s="2" t="s">
        <v>10732</v>
      </c>
      <c r="H1897" s="4" t="s">
        <v>195</v>
      </c>
      <c r="I1897" s="5" t="s">
        <v>10733</v>
      </c>
      <c r="J1897" s="5" t="s">
        <v>10734</v>
      </c>
      <c r="K1897" s="5" t="s">
        <v>10735</v>
      </c>
      <c r="L1897" s="6" t="s">
        <v>5</v>
      </c>
      <c r="M1897" s="2" t="s">
        <v>10737</v>
      </c>
      <c r="N1897" s="3">
        <v>40877</v>
      </c>
      <c r="O1897" s="3">
        <v>45413</v>
      </c>
      <c r="P1897" s="3">
        <v>47603</v>
      </c>
    </row>
    <row r="1898" spans="1:16" x14ac:dyDescent="0.15">
      <c r="A1898" s="2" t="s">
        <v>49</v>
      </c>
      <c r="B1898" s="2" t="s">
        <v>10759</v>
      </c>
      <c r="C1898" s="4" t="s">
        <v>6</v>
      </c>
      <c r="D1898" s="5" t="s">
        <v>1977</v>
      </c>
      <c r="E1898" s="5" t="s">
        <v>10758</v>
      </c>
      <c r="F1898" s="6" t="s">
        <v>5</v>
      </c>
      <c r="G1898" s="2" t="s">
        <v>10757</v>
      </c>
      <c r="H1898" s="4" t="s">
        <v>9</v>
      </c>
      <c r="I1898" s="5" t="s">
        <v>6</v>
      </c>
      <c r="J1898" s="5" t="s">
        <v>1977</v>
      </c>
      <c r="K1898" s="5" t="s">
        <v>10758</v>
      </c>
      <c r="L1898" s="6" t="s">
        <v>5</v>
      </c>
      <c r="M1898" s="2" t="s">
        <v>10760</v>
      </c>
      <c r="N1898" s="3">
        <v>36227</v>
      </c>
      <c r="O1898" s="3">
        <v>45383</v>
      </c>
      <c r="P1898" s="3">
        <v>47208</v>
      </c>
    </row>
    <row r="1899" spans="1:16" x14ac:dyDescent="0.15">
      <c r="A1899" s="2" t="s">
        <v>49</v>
      </c>
      <c r="B1899" s="2" t="s">
        <v>10766</v>
      </c>
      <c r="C1899" s="4" t="s">
        <v>6</v>
      </c>
      <c r="D1899" s="5" t="s">
        <v>570</v>
      </c>
      <c r="E1899" s="5" t="s">
        <v>1685</v>
      </c>
      <c r="F1899" s="6" t="s">
        <v>5</v>
      </c>
      <c r="G1899" s="2" t="s">
        <v>10765</v>
      </c>
      <c r="H1899" s="4" t="s">
        <v>9</v>
      </c>
      <c r="I1899" s="5" t="s">
        <v>6</v>
      </c>
      <c r="J1899" s="5" t="s">
        <v>689</v>
      </c>
      <c r="K1899" s="5" t="s">
        <v>10395</v>
      </c>
      <c r="L1899" s="6" t="s">
        <v>5</v>
      </c>
      <c r="M1899" s="2" t="s">
        <v>10767</v>
      </c>
      <c r="N1899" s="3">
        <v>39178</v>
      </c>
      <c r="O1899" s="3">
        <v>45413</v>
      </c>
      <c r="P1899" s="3">
        <v>47603</v>
      </c>
    </row>
    <row r="1900" spans="1:16" x14ac:dyDescent="0.15">
      <c r="A1900" s="2" t="s">
        <v>49</v>
      </c>
      <c r="B1900" s="2" t="s">
        <v>10784</v>
      </c>
      <c r="C1900" s="4" t="s">
        <v>6</v>
      </c>
      <c r="D1900" s="5" t="s">
        <v>2012</v>
      </c>
      <c r="E1900" s="5" t="s">
        <v>10122</v>
      </c>
      <c r="F1900" s="6" t="s">
        <v>5</v>
      </c>
      <c r="G1900" s="2" t="s">
        <v>10781</v>
      </c>
      <c r="H1900" s="4" t="s">
        <v>9</v>
      </c>
      <c r="I1900" s="5" t="s">
        <v>2449</v>
      </c>
      <c r="J1900" s="5" t="s">
        <v>10782</v>
      </c>
      <c r="K1900" s="5" t="s">
        <v>10783</v>
      </c>
      <c r="L1900" s="6" t="s">
        <v>5</v>
      </c>
      <c r="M1900" s="2" t="s">
        <v>10785</v>
      </c>
      <c r="N1900" s="3">
        <v>41569</v>
      </c>
      <c r="O1900" s="3">
        <v>45383</v>
      </c>
      <c r="P1900" s="3">
        <v>47208</v>
      </c>
    </row>
    <row r="1901" spans="1:16" x14ac:dyDescent="0.15">
      <c r="A1901" s="2" t="s">
        <v>49</v>
      </c>
      <c r="B1901" s="2" t="s">
        <v>6989</v>
      </c>
      <c r="C1901" s="4" t="s">
        <v>6</v>
      </c>
      <c r="D1901" s="5" t="s">
        <v>1027</v>
      </c>
      <c r="E1901" s="5" t="s">
        <v>3081</v>
      </c>
      <c r="F1901" s="6" t="s">
        <v>6990</v>
      </c>
      <c r="G1901" s="2"/>
      <c r="H1901" s="4"/>
      <c r="I1901" s="5"/>
      <c r="J1901" s="5"/>
      <c r="K1901" s="5"/>
      <c r="L1901" s="6"/>
      <c r="M1901" s="2" t="s">
        <v>6991</v>
      </c>
      <c r="N1901" s="3">
        <v>42583</v>
      </c>
      <c r="O1901" s="3">
        <v>44896</v>
      </c>
      <c r="P1901" s="3">
        <v>47087</v>
      </c>
    </row>
    <row r="1902" spans="1:16" x14ac:dyDescent="0.15">
      <c r="A1902" s="2" t="s">
        <v>49</v>
      </c>
      <c r="B1902" s="2" t="s">
        <v>6992</v>
      </c>
      <c r="C1902" s="4" t="s">
        <v>6</v>
      </c>
      <c r="D1902" s="5" t="s">
        <v>959</v>
      </c>
      <c r="E1902" s="5" t="s">
        <v>5976</v>
      </c>
      <c r="F1902" s="6" t="s">
        <v>6993</v>
      </c>
      <c r="G1902" s="2"/>
      <c r="H1902" s="4"/>
      <c r="I1902" s="5"/>
      <c r="J1902" s="5"/>
      <c r="K1902" s="5"/>
      <c r="L1902" s="6"/>
      <c r="M1902" s="2" t="s">
        <v>6994</v>
      </c>
      <c r="N1902" s="3">
        <v>39237</v>
      </c>
      <c r="O1902" s="3">
        <v>44896</v>
      </c>
      <c r="P1902" s="3">
        <v>45991</v>
      </c>
    </row>
    <row r="1903" spans="1:16" x14ac:dyDescent="0.15">
      <c r="A1903" s="2" t="s">
        <v>16</v>
      </c>
      <c r="B1903" s="2" t="s">
        <v>6992</v>
      </c>
      <c r="C1903" s="4" t="s">
        <v>6</v>
      </c>
      <c r="D1903" s="5" t="s">
        <v>959</v>
      </c>
      <c r="E1903" s="5" t="s">
        <v>5976</v>
      </c>
      <c r="F1903" s="6" t="s">
        <v>6993</v>
      </c>
      <c r="G1903" s="2"/>
      <c r="H1903" s="4"/>
      <c r="I1903" s="5"/>
      <c r="J1903" s="5"/>
      <c r="K1903" s="5"/>
      <c r="L1903" s="6"/>
      <c r="M1903" s="2" t="s">
        <v>6995</v>
      </c>
      <c r="N1903" s="3">
        <v>44028</v>
      </c>
      <c r="O1903" s="3">
        <v>44028</v>
      </c>
      <c r="P1903" s="3">
        <v>45991</v>
      </c>
    </row>
    <row r="1904" spans="1:16" x14ac:dyDescent="0.15">
      <c r="A1904" s="2" t="s">
        <v>858</v>
      </c>
      <c r="B1904" s="2" t="s">
        <v>6996</v>
      </c>
      <c r="C1904" s="4" t="s">
        <v>6</v>
      </c>
      <c r="D1904" s="5" t="s">
        <v>2548</v>
      </c>
      <c r="E1904" s="5" t="s">
        <v>1453</v>
      </c>
      <c r="F1904" s="6" t="s">
        <v>5</v>
      </c>
      <c r="G1904" s="2"/>
      <c r="H1904" s="4"/>
      <c r="I1904" s="5"/>
      <c r="J1904" s="5"/>
      <c r="K1904" s="5"/>
      <c r="L1904" s="6"/>
      <c r="M1904" s="2" t="s">
        <v>6997</v>
      </c>
      <c r="N1904" s="3">
        <v>38512</v>
      </c>
      <c r="O1904" s="3">
        <v>44896</v>
      </c>
      <c r="P1904" s="3">
        <v>47087</v>
      </c>
    </row>
    <row r="1905" spans="1:16" x14ac:dyDescent="0.15">
      <c r="A1905" s="2" t="s">
        <v>66</v>
      </c>
      <c r="B1905" s="2" t="s">
        <v>6999</v>
      </c>
      <c r="C1905" s="4" t="s">
        <v>6</v>
      </c>
      <c r="D1905" s="5" t="s">
        <v>111</v>
      </c>
      <c r="E1905" s="5" t="s">
        <v>6998</v>
      </c>
      <c r="F1905" s="6" t="s">
        <v>5</v>
      </c>
      <c r="G1905" s="2"/>
      <c r="H1905" s="4"/>
      <c r="I1905" s="5"/>
      <c r="J1905" s="5"/>
      <c r="K1905" s="5"/>
      <c r="L1905" s="6"/>
      <c r="M1905" s="2" t="s">
        <v>7000</v>
      </c>
      <c r="N1905" s="3">
        <v>38511</v>
      </c>
      <c r="O1905" s="3">
        <v>44866</v>
      </c>
      <c r="P1905" s="3">
        <v>47057</v>
      </c>
    </row>
    <row r="1906" spans="1:16" x14ac:dyDescent="0.15">
      <c r="A1906" s="2" t="s">
        <v>49</v>
      </c>
      <c r="B1906" s="2" t="s">
        <v>7001</v>
      </c>
      <c r="C1906" s="4" t="s">
        <v>6</v>
      </c>
      <c r="D1906" s="5" t="s">
        <v>456</v>
      </c>
      <c r="E1906" s="5" t="s">
        <v>520</v>
      </c>
      <c r="F1906" s="6" t="s">
        <v>5</v>
      </c>
      <c r="G1906" s="2"/>
      <c r="H1906" s="4"/>
      <c r="I1906" s="5"/>
      <c r="J1906" s="5"/>
      <c r="K1906" s="5"/>
      <c r="L1906" s="6"/>
      <c r="M1906" s="2" t="s">
        <v>7002</v>
      </c>
      <c r="N1906" s="3">
        <v>44854</v>
      </c>
      <c r="O1906" s="3">
        <v>44854</v>
      </c>
      <c r="P1906" s="3">
        <v>46904</v>
      </c>
    </row>
    <row r="1907" spans="1:16" x14ac:dyDescent="0.15">
      <c r="A1907" s="2" t="s">
        <v>49</v>
      </c>
      <c r="B1907" s="2" t="s">
        <v>10805</v>
      </c>
      <c r="C1907" s="4" t="s">
        <v>6</v>
      </c>
      <c r="D1907" s="5" t="s">
        <v>627</v>
      </c>
      <c r="E1907" s="5" t="s">
        <v>10806</v>
      </c>
      <c r="F1907" s="6" t="s">
        <v>10807</v>
      </c>
      <c r="G1907" s="2" t="s">
        <v>10801</v>
      </c>
      <c r="H1907" s="4" t="s">
        <v>184</v>
      </c>
      <c r="I1907" s="5" t="s">
        <v>10802</v>
      </c>
      <c r="J1907" s="5" t="s">
        <v>10803</v>
      </c>
      <c r="K1907" s="5" t="s">
        <v>10804</v>
      </c>
      <c r="L1907" s="6" t="s">
        <v>5</v>
      </c>
      <c r="M1907" s="2" t="s">
        <v>10808</v>
      </c>
      <c r="N1907" s="3">
        <v>41687</v>
      </c>
      <c r="O1907" s="3">
        <v>45383</v>
      </c>
      <c r="P1907" s="3">
        <v>47208</v>
      </c>
    </row>
    <row r="1908" spans="1:16" x14ac:dyDescent="0.15">
      <c r="A1908" s="2" t="s">
        <v>49</v>
      </c>
      <c r="B1908" s="2" t="s">
        <v>7008</v>
      </c>
      <c r="C1908" s="4" t="s">
        <v>6</v>
      </c>
      <c r="D1908" s="5" t="s">
        <v>1027</v>
      </c>
      <c r="E1908" s="5" t="s">
        <v>4607</v>
      </c>
      <c r="F1908" s="6" t="s">
        <v>7009</v>
      </c>
      <c r="G1908" s="2"/>
      <c r="H1908" s="4"/>
      <c r="I1908" s="5"/>
      <c r="J1908" s="5"/>
      <c r="K1908" s="5"/>
      <c r="L1908" s="6"/>
      <c r="M1908" s="2" t="s">
        <v>7010</v>
      </c>
      <c r="N1908" s="3">
        <v>40758</v>
      </c>
      <c r="O1908" s="3">
        <v>44896</v>
      </c>
      <c r="P1908" s="3">
        <v>47087</v>
      </c>
    </row>
    <row r="1909" spans="1:16" x14ac:dyDescent="0.15">
      <c r="A1909" s="2" t="s">
        <v>49</v>
      </c>
      <c r="B1909" s="2" t="s">
        <v>7011</v>
      </c>
      <c r="C1909" s="4" t="s">
        <v>6</v>
      </c>
      <c r="D1909" s="5" t="s">
        <v>500</v>
      </c>
      <c r="E1909" s="5" t="s">
        <v>7012</v>
      </c>
      <c r="F1909" s="6" t="s">
        <v>5</v>
      </c>
      <c r="G1909" s="2"/>
      <c r="H1909" s="4"/>
      <c r="I1909" s="5"/>
      <c r="J1909" s="5"/>
      <c r="K1909" s="5"/>
      <c r="L1909" s="6"/>
      <c r="M1909" s="2" t="s">
        <v>7013</v>
      </c>
      <c r="N1909" s="3">
        <v>44907</v>
      </c>
      <c r="O1909" s="3">
        <v>44907</v>
      </c>
      <c r="P1909" s="3">
        <v>47269</v>
      </c>
    </row>
    <row r="1910" spans="1:16" x14ac:dyDescent="0.15">
      <c r="A1910" s="2" t="s">
        <v>49</v>
      </c>
      <c r="B1910" s="2" t="s">
        <v>7014</v>
      </c>
      <c r="C1910" s="4" t="s">
        <v>6</v>
      </c>
      <c r="D1910" s="5" t="s">
        <v>1027</v>
      </c>
      <c r="E1910" s="5" t="s">
        <v>6884</v>
      </c>
      <c r="F1910" s="6" t="s">
        <v>7015</v>
      </c>
      <c r="G1910" s="2"/>
      <c r="H1910" s="4"/>
      <c r="I1910" s="5"/>
      <c r="J1910" s="5"/>
      <c r="K1910" s="5"/>
      <c r="L1910" s="6"/>
      <c r="M1910" s="2" t="s">
        <v>7016</v>
      </c>
      <c r="N1910" s="3">
        <v>42460</v>
      </c>
      <c r="O1910" s="3">
        <v>44896</v>
      </c>
      <c r="P1910" s="3">
        <v>47087</v>
      </c>
    </row>
    <row r="1911" spans="1:16" x14ac:dyDescent="0.15">
      <c r="A1911" s="2" t="s">
        <v>49</v>
      </c>
      <c r="B1911" s="2" t="s">
        <v>10812</v>
      </c>
      <c r="C1911" s="4" t="s">
        <v>6</v>
      </c>
      <c r="D1911" s="5" t="s">
        <v>301</v>
      </c>
      <c r="E1911" s="5" t="s">
        <v>10813</v>
      </c>
      <c r="F1911" s="6" t="s">
        <v>5</v>
      </c>
      <c r="G1911" s="2" t="s">
        <v>10809</v>
      </c>
      <c r="H1911" s="4" t="s">
        <v>685</v>
      </c>
      <c r="I1911" s="5" t="s">
        <v>686</v>
      </c>
      <c r="J1911" s="5" t="s">
        <v>10810</v>
      </c>
      <c r="K1911" s="5" t="s">
        <v>10811</v>
      </c>
      <c r="L1911" s="6" t="s">
        <v>5</v>
      </c>
      <c r="M1911" s="2" t="s">
        <v>10814</v>
      </c>
      <c r="N1911" s="3">
        <v>45419</v>
      </c>
      <c r="O1911" s="3">
        <v>45419</v>
      </c>
      <c r="P1911" s="3">
        <v>47938</v>
      </c>
    </row>
    <row r="1912" spans="1:16" x14ac:dyDescent="0.15">
      <c r="A1912" s="2" t="s">
        <v>49</v>
      </c>
      <c r="B1912" s="2" t="s">
        <v>10818</v>
      </c>
      <c r="C1912" s="4" t="s">
        <v>6</v>
      </c>
      <c r="D1912" s="5" t="s">
        <v>3019</v>
      </c>
      <c r="E1912" s="5" t="s">
        <v>2919</v>
      </c>
      <c r="F1912" s="6" t="s">
        <v>10819</v>
      </c>
      <c r="G1912" s="2" t="s">
        <v>10815</v>
      </c>
      <c r="H1912" s="4" t="s">
        <v>9</v>
      </c>
      <c r="I1912" s="5" t="s">
        <v>6</v>
      </c>
      <c r="J1912" s="5" t="s">
        <v>10816</v>
      </c>
      <c r="K1912" s="5" t="s">
        <v>10817</v>
      </c>
      <c r="L1912" s="6" t="s">
        <v>5</v>
      </c>
      <c r="M1912" s="2" t="s">
        <v>10820</v>
      </c>
      <c r="N1912" s="3">
        <v>45376</v>
      </c>
      <c r="O1912" s="3">
        <v>45376</v>
      </c>
      <c r="P1912" s="3">
        <v>47603</v>
      </c>
    </row>
    <row r="1913" spans="1:16" x14ac:dyDescent="0.15">
      <c r="A1913" s="2" t="s">
        <v>49</v>
      </c>
      <c r="B1913" s="2" t="s">
        <v>10824</v>
      </c>
      <c r="C1913" s="4" t="s">
        <v>6</v>
      </c>
      <c r="D1913" s="5" t="s">
        <v>3137</v>
      </c>
      <c r="E1913" s="5" t="s">
        <v>10825</v>
      </c>
      <c r="F1913" s="6" t="s">
        <v>5</v>
      </c>
      <c r="G1913" s="2" t="s">
        <v>10821</v>
      </c>
      <c r="H1913" s="4" t="s">
        <v>9</v>
      </c>
      <c r="I1913" s="5" t="s">
        <v>58</v>
      </c>
      <c r="J1913" s="5" t="s">
        <v>10822</v>
      </c>
      <c r="K1913" s="5" t="s">
        <v>10823</v>
      </c>
      <c r="L1913" s="6" t="s">
        <v>5</v>
      </c>
      <c r="M1913" s="2" t="s">
        <v>10826</v>
      </c>
      <c r="N1913" s="3">
        <v>37223</v>
      </c>
      <c r="O1913" s="3">
        <v>45383</v>
      </c>
      <c r="P1913" s="3">
        <v>47573</v>
      </c>
    </row>
    <row r="1914" spans="1:16" x14ac:dyDescent="0.15">
      <c r="A1914" s="2" t="s">
        <v>49</v>
      </c>
      <c r="B1914" s="2" t="s">
        <v>7027</v>
      </c>
      <c r="C1914" s="4" t="s">
        <v>6</v>
      </c>
      <c r="D1914" s="5" t="s">
        <v>654</v>
      </c>
      <c r="E1914" s="5" t="s">
        <v>450</v>
      </c>
      <c r="F1914" s="6" t="s">
        <v>5</v>
      </c>
      <c r="G1914" s="2"/>
      <c r="H1914" s="4"/>
      <c r="I1914" s="5"/>
      <c r="J1914" s="5"/>
      <c r="K1914" s="5"/>
      <c r="L1914" s="6"/>
      <c r="M1914" s="2" t="s">
        <v>7028</v>
      </c>
      <c r="N1914" s="3">
        <v>44866</v>
      </c>
      <c r="O1914" s="3">
        <v>44866</v>
      </c>
      <c r="P1914" s="3">
        <v>47087</v>
      </c>
    </row>
    <row r="1915" spans="1:16" x14ac:dyDescent="0.15">
      <c r="A1915" s="2" t="s">
        <v>49</v>
      </c>
      <c r="B1915" s="2" t="s">
        <v>10841</v>
      </c>
      <c r="C1915" s="4" t="s">
        <v>6</v>
      </c>
      <c r="D1915" s="5" t="s">
        <v>45</v>
      </c>
      <c r="E1915" s="5" t="s">
        <v>4310</v>
      </c>
      <c r="F1915" s="6" t="s">
        <v>10842</v>
      </c>
      <c r="G1915" s="2" t="s">
        <v>10840</v>
      </c>
      <c r="H1915" s="4" t="s">
        <v>9</v>
      </c>
      <c r="I1915" s="5" t="s">
        <v>6</v>
      </c>
      <c r="J1915" s="5" t="s">
        <v>911</v>
      </c>
      <c r="K1915" s="5" t="s">
        <v>1721</v>
      </c>
      <c r="L1915" s="6" t="s">
        <v>5</v>
      </c>
      <c r="M1915" s="2" t="s">
        <v>10843</v>
      </c>
      <c r="N1915" s="3">
        <v>40659</v>
      </c>
      <c r="O1915" s="3">
        <v>45261</v>
      </c>
      <c r="P1915" s="3">
        <v>47452</v>
      </c>
    </row>
    <row r="1916" spans="1:16" x14ac:dyDescent="0.15">
      <c r="A1916" s="2" t="s">
        <v>49</v>
      </c>
      <c r="B1916" s="2" t="s">
        <v>10887</v>
      </c>
      <c r="C1916" s="4" t="s">
        <v>6</v>
      </c>
      <c r="D1916" s="5" t="s">
        <v>2929</v>
      </c>
      <c r="E1916" s="5" t="s">
        <v>2054</v>
      </c>
      <c r="F1916" s="6" t="s">
        <v>5</v>
      </c>
      <c r="G1916" s="2" t="s">
        <v>10885</v>
      </c>
      <c r="H1916" s="4" t="s">
        <v>29</v>
      </c>
      <c r="I1916" s="5" t="s">
        <v>30</v>
      </c>
      <c r="J1916" s="5" t="s">
        <v>3482</v>
      </c>
      <c r="K1916" s="5" t="s">
        <v>10886</v>
      </c>
      <c r="L1916" s="6" t="s">
        <v>5</v>
      </c>
      <c r="M1916" s="2" t="s">
        <v>10888</v>
      </c>
      <c r="N1916" s="3">
        <v>33521</v>
      </c>
      <c r="O1916" s="3">
        <v>45413</v>
      </c>
      <c r="P1916" s="3">
        <v>47603</v>
      </c>
    </row>
    <row r="1917" spans="1:16" x14ac:dyDescent="0.15">
      <c r="A1917" s="2" t="s">
        <v>49</v>
      </c>
      <c r="B1917" s="2" t="s">
        <v>10918</v>
      </c>
      <c r="C1917" s="4" t="s">
        <v>6</v>
      </c>
      <c r="D1917" s="5" t="s">
        <v>2170</v>
      </c>
      <c r="E1917" s="5" t="s">
        <v>7417</v>
      </c>
      <c r="F1917" s="6" t="s">
        <v>5</v>
      </c>
      <c r="G1917" s="2" t="s">
        <v>7416</v>
      </c>
      <c r="H1917" s="4" t="s">
        <v>9</v>
      </c>
      <c r="I1917" s="5" t="s">
        <v>6</v>
      </c>
      <c r="J1917" s="5" t="s">
        <v>2170</v>
      </c>
      <c r="K1917" s="5" t="s">
        <v>7417</v>
      </c>
      <c r="L1917" s="6" t="s">
        <v>5</v>
      </c>
      <c r="M1917" s="2" t="s">
        <v>10919</v>
      </c>
      <c r="N1917" s="3">
        <v>42907</v>
      </c>
      <c r="O1917" s="3">
        <v>45413</v>
      </c>
      <c r="P1917" s="3">
        <v>47603</v>
      </c>
    </row>
    <row r="1918" spans="1:16" x14ac:dyDescent="0.15">
      <c r="A1918" s="2" t="s">
        <v>49</v>
      </c>
      <c r="B1918" s="2" t="s">
        <v>10931</v>
      </c>
      <c r="C1918" s="4" t="s">
        <v>6</v>
      </c>
      <c r="D1918" s="5" t="s">
        <v>33</v>
      </c>
      <c r="E1918" s="5" t="s">
        <v>10930</v>
      </c>
      <c r="F1918" s="6" t="s">
        <v>5</v>
      </c>
      <c r="G1918" s="2" t="s">
        <v>10929</v>
      </c>
      <c r="H1918" s="4" t="s">
        <v>9</v>
      </c>
      <c r="I1918" s="5" t="s">
        <v>6</v>
      </c>
      <c r="J1918" s="5" t="s">
        <v>33</v>
      </c>
      <c r="K1918" s="5" t="s">
        <v>10930</v>
      </c>
      <c r="L1918" s="6" t="s">
        <v>5</v>
      </c>
      <c r="M1918" s="2" t="s">
        <v>10932</v>
      </c>
      <c r="N1918" s="3">
        <v>43201</v>
      </c>
      <c r="O1918" s="3">
        <v>45413</v>
      </c>
      <c r="P1918" s="3">
        <v>47603</v>
      </c>
    </row>
    <row r="1919" spans="1:16" x14ac:dyDescent="0.15">
      <c r="A1919" s="2" t="s">
        <v>49</v>
      </c>
      <c r="B1919" s="2" t="s">
        <v>10954</v>
      </c>
      <c r="C1919" s="4" t="s">
        <v>6</v>
      </c>
      <c r="D1919" s="5" t="s">
        <v>1027</v>
      </c>
      <c r="E1919" s="5" t="s">
        <v>1120</v>
      </c>
      <c r="F1919" s="6" t="s">
        <v>10955</v>
      </c>
      <c r="G1919" s="2" t="s">
        <v>10952</v>
      </c>
      <c r="H1919" s="4" t="s">
        <v>9</v>
      </c>
      <c r="I1919" s="5" t="s">
        <v>6</v>
      </c>
      <c r="J1919" s="5" t="s">
        <v>894</v>
      </c>
      <c r="K1919" s="5" t="s">
        <v>10953</v>
      </c>
      <c r="L1919" s="6" t="s">
        <v>5</v>
      </c>
      <c r="M1919" s="2" t="s">
        <v>10956</v>
      </c>
      <c r="N1919" s="3">
        <v>44911</v>
      </c>
      <c r="O1919" s="3">
        <v>44911</v>
      </c>
      <c r="P1919" s="3">
        <v>47452</v>
      </c>
    </row>
    <row r="1920" spans="1:16" x14ac:dyDescent="0.15">
      <c r="A1920" s="2" t="s">
        <v>49</v>
      </c>
      <c r="B1920" s="2" t="s">
        <v>10958</v>
      </c>
      <c r="C1920" s="4" t="s">
        <v>6</v>
      </c>
      <c r="D1920" s="5" t="s">
        <v>500</v>
      </c>
      <c r="E1920" s="5" t="s">
        <v>10959</v>
      </c>
      <c r="F1920" s="6" t="s">
        <v>5</v>
      </c>
      <c r="G1920" s="2" t="s">
        <v>10957</v>
      </c>
      <c r="H1920" s="4" t="s">
        <v>9</v>
      </c>
      <c r="I1920" s="5" t="s">
        <v>6</v>
      </c>
      <c r="J1920" s="5" t="s">
        <v>33</v>
      </c>
      <c r="K1920" s="5" t="s">
        <v>5864</v>
      </c>
      <c r="L1920" s="6" t="s">
        <v>5</v>
      </c>
      <c r="M1920" s="2" t="s">
        <v>10960</v>
      </c>
      <c r="N1920" s="3">
        <v>43040</v>
      </c>
      <c r="O1920" s="3">
        <v>45444</v>
      </c>
      <c r="P1920" s="3">
        <v>47634</v>
      </c>
    </row>
    <row r="1921" spans="1:16" x14ac:dyDescent="0.15">
      <c r="A1921" s="2" t="s">
        <v>49</v>
      </c>
      <c r="B1921" s="2" t="s">
        <v>10966</v>
      </c>
      <c r="C1921" s="4" t="s">
        <v>6</v>
      </c>
      <c r="D1921" s="5" t="s">
        <v>91</v>
      </c>
      <c r="E1921" s="5" t="s">
        <v>92</v>
      </c>
      <c r="F1921" s="6" t="s">
        <v>5</v>
      </c>
      <c r="G1921" s="2" t="s">
        <v>10964</v>
      </c>
      <c r="H1921" s="4" t="s">
        <v>542</v>
      </c>
      <c r="I1921" s="5" t="s">
        <v>6583</v>
      </c>
      <c r="J1921" s="5" t="s">
        <v>6584</v>
      </c>
      <c r="K1921" s="5" t="s">
        <v>10965</v>
      </c>
      <c r="L1921" s="6" t="s">
        <v>5</v>
      </c>
      <c r="M1921" s="2" t="s">
        <v>10967</v>
      </c>
      <c r="N1921" s="3">
        <v>43040</v>
      </c>
      <c r="O1921" s="3">
        <v>45383</v>
      </c>
      <c r="P1921" s="3">
        <v>47573</v>
      </c>
    </row>
    <row r="1922" spans="1:16" x14ac:dyDescent="0.15">
      <c r="A1922" s="2" t="s">
        <v>49</v>
      </c>
      <c r="B1922" s="2" t="s">
        <v>10968</v>
      </c>
      <c r="C1922" s="4" t="s">
        <v>6</v>
      </c>
      <c r="D1922" s="5" t="s">
        <v>7722</v>
      </c>
      <c r="E1922" s="5" t="s">
        <v>10969</v>
      </c>
      <c r="F1922" s="6" t="s">
        <v>5</v>
      </c>
      <c r="G1922" s="2" t="s">
        <v>10964</v>
      </c>
      <c r="H1922" s="4" t="s">
        <v>542</v>
      </c>
      <c r="I1922" s="5" t="s">
        <v>6583</v>
      </c>
      <c r="J1922" s="5" t="s">
        <v>6584</v>
      </c>
      <c r="K1922" s="5" t="s">
        <v>10965</v>
      </c>
      <c r="L1922" s="6" t="s">
        <v>5</v>
      </c>
      <c r="M1922" s="2" t="s">
        <v>10970</v>
      </c>
      <c r="N1922" s="3">
        <v>45415</v>
      </c>
      <c r="O1922" s="3">
        <v>45415</v>
      </c>
      <c r="P1922" s="3">
        <v>47968</v>
      </c>
    </row>
    <row r="1923" spans="1:16" x14ac:dyDescent="0.15">
      <c r="A1923" s="2" t="s">
        <v>49</v>
      </c>
      <c r="B1923" s="2" t="s">
        <v>10977</v>
      </c>
      <c r="C1923" s="4" t="s">
        <v>6</v>
      </c>
      <c r="D1923" s="5" t="s">
        <v>608</v>
      </c>
      <c r="E1923" s="5" t="s">
        <v>1368</v>
      </c>
      <c r="F1923" s="6" t="s">
        <v>10978</v>
      </c>
      <c r="G1923" s="2" t="s">
        <v>10976</v>
      </c>
      <c r="H1923" s="4" t="s">
        <v>9</v>
      </c>
      <c r="I1923" s="5" t="s">
        <v>6</v>
      </c>
      <c r="J1923" s="5" t="s">
        <v>894</v>
      </c>
      <c r="K1923" s="5" t="s">
        <v>10953</v>
      </c>
      <c r="L1923" s="6" t="s">
        <v>5</v>
      </c>
      <c r="M1923" s="2" t="s">
        <v>10979</v>
      </c>
      <c r="N1923" s="3">
        <v>44774</v>
      </c>
      <c r="O1923" s="3">
        <v>44774</v>
      </c>
      <c r="P1923" s="3">
        <v>47087</v>
      </c>
    </row>
    <row r="1924" spans="1:16" x14ac:dyDescent="0.15">
      <c r="A1924" s="2" t="s">
        <v>49</v>
      </c>
      <c r="B1924" s="2" t="s">
        <v>10991</v>
      </c>
      <c r="C1924" s="4" t="s">
        <v>6</v>
      </c>
      <c r="D1924" s="5" t="s">
        <v>3498</v>
      </c>
      <c r="E1924" s="5" t="s">
        <v>10992</v>
      </c>
      <c r="F1924" s="6" t="s">
        <v>5</v>
      </c>
      <c r="G1924" s="2" t="s">
        <v>10990</v>
      </c>
      <c r="H1924" s="4" t="s">
        <v>195</v>
      </c>
      <c r="I1924" s="5" t="s">
        <v>196</v>
      </c>
      <c r="J1924" s="5" t="s">
        <v>4201</v>
      </c>
      <c r="K1924" s="5" t="s">
        <v>933</v>
      </c>
      <c r="L1924" s="6" t="s">
        <v>5</v>
      </c>
      <c r="M1924" s="2" t="s">
        <v>10993</v>
      </c>
      <c r="N1924" s="3">
        <v>40855</v>
      </c>
      <c r="O1924" s="3">
        <v>45413</v>
      </c>
      <c r="P1924" s="3">
        <v>47603</v>
      </c>
    </row>
    <row r="1925" spans="1:16" x14ac:dyDescent="0.15">
      <c r="A1925" s="2" t="s">
        <v>49</v>
      </c>
      <c r="B1925" s="2" t="s">
        <v>11005</v>
      </c>
      <c r="C1925" s="4" t="s">
        <v>6</v>
      </c>
      <c r="D1925" s="5" t="s">
        <v>1037</v>
      </c>
      <c r="E1925" s="5" t="s">
        <v>11006</v>
      </c>
      <c r="F1925" s="6" t="s">
        <v>5</v>
      </c>
      <c r="G1925" s="2" t="s">
        <v>11002</v>
      </c>
      <c r="H1925" s="4" t="s">
        <v>384</v>
      </c>
      <c r="I1925" s="5" t="s">
        <v>8100</v>
      </c>
      <c r="J1925" s="5" t="s">
        <v>11003</v>
      </c>
      <c r="K1925" s="5" t="s">
        <v>11004</v>
      </c>
      <c r="L1925" s="6" t="s">
        <v>5</v>
      </c>
      <c r="M1925" s="2" t="s">
        <v>11007</v>
      </c>
      <c r="N1925" s="3">
        <v>45413</v>
      </c>
      <c r="O1925" s="3">
        <v>45413</v>
      </c>
      <c r="P1925" s="3">
        <v>47787</v>
      </c>
    </row>
    <row r="1926" spans="1:16" x14ac:dyDescent="0.15">
      <c r="A1926" s="2" t="s">
        <v>49</v>
      </c>
      <c r="B1926" s="2" t="s">
        <v>11010</v>
      </c>
      <c r="C1926" s="4" t="s">
        <v>6</v>
      </c>
      <c r="D1926" s="5" t="s">
        <v>378</v>
      </c>
      <c r="E1926" s="5" t="s">
        <v>11009</v>
      </c>
      <c r="F1926" s="6" t="s">
        <v>5</v>
      </c>
      <c r="G1926" s="2" t="s">
        <v>11008</v>
      </c>
      <c r="H1926" s="4" t="s">
        <v>9</v>
      </c>
      <c r="I1926" s="5" t="s">
        <v>6</v>
      </c>
      <c r="J1926" s="5" t="s">
        <v>378</v>
      </c>
      <c r="K1926" s="5" t="s">
        <v>11009</v>
      </c>
      <c r="L1926" s="6" t="s">
        <v>5</v>
      </c>
      <c r="M1926" s="2" t="s">
        <v>11011</v>
      </c>
      <c r="N1926" s="3">
        <v>43558</v>
      </c>
      <c r="O1926" s="3">
        <v>45444</v>
      </c>
      <c r="P1926" s="3">
        <v>47269</v>
      </c>
    </row>
    <row r="1927" spans="1:16" x14ac:dyDescent="0.15">
      <c r="A1927" s="2" t="s">
        <v>49</v>
      </c>
      <c r="B1927" s="2" t="s">
        <v>7068</v>
      </c>
      <c r="C1927" s="4" t="s">
        <v>6</v>
      </c>
      <c r="D1927" s="5" t="s">
        <v>1478</v>
      </c>
      <c r="E1927" s="5" t="s">
        <v>5195</v>
      </c>
      <c r="F1927" s="6" t="s">
        <v>7069</v>
      </c>
      <c r="G1927" s="2"/>
      <c r="H1927" s="4"/>
      <c r="I1927" s="5"/>
      <c r="J1927" s="5"/>
      <c r="K1927" s="5"/>
      <c r="L1927" s="6"/>
      <c r="M1927" s="2" t="s">
        <v>7070</v>
      </c>
      <c r="N1927" s="3">
        <v>44866</v>
      </c>
      <c r="O1927" s="3">
        <v>44866</v>
      </c>
      <c r="P1927" s="3">
        <v>47391</v>
      </c>
    </row>
    <row r="1928" spans="1:16" x14ac:dyDescent="0.15">
      <c r="A1928" s="2" t="s">
        <v>49</v>
      </c>
      <c r="B1928" s="2" t="s">
        <v>11037</v>
      </c>
      <c r="C1928" s="4" t="s">
        <v>6</v>
      </c>
      <c r="D1928" s="5" t="s">
        <v>307</v>
      </c>
      <c r="E1928" s="5" t="s">
        <v>4790</v>
      </c>
      <c r="F1928" s="6" t="s">
        <v>5</v>
      </c>
      <c r="G1928" s="2" t="s">
        <v>11033</v>
      </c>
      <c r="H1928" s="4" t="s">
        <v>1694</v>
      </c>
      <c r="I1928" s="5" t="s">
        <v>11034</v>
      </c>
      <c r="J1928" s="5" t="s">
        <v>11035</v>
      </c>
      <c r="K1928" s="5" t="s">
        <v>11036</v>
      </c>
      <c r="L1928" s="6" t="s">
        <v>5</v>
      </c>
      <c r="M1928" s="2" t="s">
        <v>11038</v>
      </c>
      <c r="N1928" s="3">
        <v>45412</v>
      </c>
      <c r="O1928" s="3">
        <v>45412</v>
      </c>
      <c r="P1928" s="3">
        <v>47603</v>
      </c>
    </row>
    <row r="1929" spans="1:16" x14ac:dyDescent="0.15">
      <c r="A1929" s="2" t="s">
        <v>49</v>
      </c>
      <c r="B1929" s="2" t="s">
        <v>7075</v>
      </c>
      <c r="C1929" s="4" t="s">
        <v>6</v>
      </c>
      <c r="D1929" s="5" t="s">
        <v>2548</v>
      </c>
      <c r="E1929" s="5" t="s">
        <v>5340</v>
      </c>
      <c r="F1929" s="6" t="s">
        <v>5</v>
      </c>
      <c r="G1929" s="2"/>
      <c r="H1929" s="4"/>
      <c r="I1929" s="5"/>
      <c r="J1929" s="5"/>
      <c r="K1929" s="5"/>
      <c r="L1929" s="6"/>
      <c r="M1929" s="2" t="s">
        <v>7076</v>
      </c>
      <c r="N1929" s="3">
        <v>39337</v>
      </c>
      <c r="O1929" s="3">
        <v>44896</v>
      </c>
      <c r="P1929" s="3">
        <v>46721</v>
      </c>
    </row>
    <row r="1930" spans="1:16" x14ac:dyDescent="0.15">
      <c r="A1930" s="2" t="s">
        <v>49</v>
      </c>
      <c r="B1930" s="2" t="s">
        <v>7077</v>
      </c>
      <c r="C1930" s="4" t="s">
        <v>6</v>
      </c>
      <c r="D1930" s="5" t="s">
        <v>608</v>
      </c>
      <c r="E1930" s="5" t="s">
        <v>2576</v>
      </c>
      <c r="F1930" s="6" t="s">
        <v>7078</v>
      </c>
      <c r="G1930" s="2"/>
      <c r="H1930" s="4"/>
      <c r="I1930" s="5"/>
      <c r="J1930" s="5"/>
      <c r="K1930" s="5"/>
      <c r="L1930" s="6"/>
      <c r="M1930" s="2" t="s">
        <v>7079</v>
      </c>
      <c r="N1930" s="3">
        <v>44868</v>
      </c>
      <c r="O1930" s="3">
        <v>44868</v>
      </c>
      <c r="P1930" s="3">
        <v>46721</v>
      </c>
    </row>
    <row r="1931" spans="1:16" x14ac:dyDescent="0.15">
      <c r="A1931" s="2" t="s">
        <v>49</v>
      </c>
      <c r="B1931" s="2" t="s">
        <v>7081</v>
      </c>
      <c r="C1931" s="4" t="s">
        <v>6</v>
      </c>
      <c r="D1931" s="5" t="s">
        <v>3288</v>
      </c>
      <c r="E1931" s="5" t="s">
        <v>7082</v>
      </c>
      <c r="F1931" s="6" t="s">
        <v>5</v>
      </c>
      <c r="G1931" s="2"/>
      <c r="H1931" s="4"/>
      <c r="I1931" s="5"/>
      <c r="J1931" s="5"/>
      <c r="K1931" s="5"/>
      <c r="L1931" s="6"/>
      <c r="M1931" s="2" t="s">
        <v>7083</v>
      </c>
      <c r="N1931" s="3">
        <v>42644</v>
      </c>
      <c r="O1931" s="3">
        <v>44896</v>
      </c>
      <c r="P1931" s="3">
        <v>47087</v>
      </c>
    </row>
    <row r="1932" spans="1:16" x14ac:dyDescent="0.15">
      <c r="A1932" s="2" t="s">
        <v>49</v>
      </c>
      <c r="B1932" s="2" t="s">
        <v>7084</v>
      </c>
      <c r="C1932" s="4" t="s">
        <v>6</v>
      </c>
      <c r="D1932" s="5" t="s">
        <v>959</v>
      </c>
      <c r="E1932" s="5" t="s">
        <v>7085</v>
      </c>
      <c r="F1932" s="6" t="s">
        <v>5</v>
      </c>
      <c r="G1932" s="2"/>
      <c r="H1932" s="4"/>
      <c r="I1932" s="5"/>
      <c r="J1932" s="5"/>
      <c r="K1932" s="5"/>
      <c r="L1932" s="6"/>
      <c r="M1932" s="2" t="s">
        <v>7086</v>
      </c>
      <c r="N1932" s="3">
        <v>39331</v>
      </c>
      <c r="O1932" s="3">
        <v>44896</v>
      </c>
      <c r="P1932" s="3">
        <v>46721</v>
      </c>
    </row>
    <row r="1933" spans="1:16" x14ac:dyDescent="0.15">
      <c r="A1933" s="2" t="s">
        <v>49</v>
      </c>
      <c r="B1933" s="2" t="s">
        <v>7087</v>
      </c>
      <c r="C1933" s="4" t="s">
        <v>6</v>
      </c>
      <c r="D1933" s="5" t="s">
        <v>1027</v>
      </c>
      <c r="E1933" s="5" t="s">
        <v>7088</v>
      </c>
      <c r="F1933" s="6" t="s">
        <v>7089</v>
      </c>
      <c r="G1933" s="2"/>
      <c r="H1933" s="4"/>
      <c r="I1933" s="5"/>
      <c r="J1933" s="5"/>
      <c r="K1933" s="5"/>
      <c r="L1933" s="6"/>
      <c r="M1933" s="2" t="s">
        <v>7090</v>
      </c>
      <c r="N1933" s="3">
        <v>44866</v>
      </c>
      <c r="O1933" s="3">
        <v>44866</v>
      </c>
      <c r="P1933" s="3">
        <v>47087</v>
      </c>
    </row>
    <row r="1934" spans="1:16" x14ac:dyDescent="0.15">
      <c r="A1934" s="2" t="s">
        <v>49</v>
      </c>
      <c r="B1934" s="2" t="s">
        <v>7092</v>
      </c>
      <c r="C1934" s="4" t="s">
        <v>6</v>
      </c>
      <c r="D1934" s="5" t="s">
        <v>1027</v>
      </c>
      <c r="E1934" s="5" t="s">
        <v>5295</v>
      </c>
      <c r="F1934" s="6" t="s">
        <v>7093</v>
      </c>
      <c r="G1934" s="2"/>
      <c r="H1934" s="4"/>
      <c r="I1934" s="5"/>
      <c r="J1934" s="5"/>
      <c r="K1934" s="5"/>
      <c r="L1934" s="6"/>
      <c r="M1934" s="2" t="s">
        <v>7094</v>
      </c>
      <c r="N1934" s="3">
        <v>37501</v>
      </c>
      <c r="O1934" s="3">
        <v>44896</v>
      </c>
      <c r="P1934" s="3">
        <v>46721</v>
      </c>
    </row>
    <row r="1935" spans="1:16" x14ac:dyDescent="0.15">
      <c r="A1935" s="2" t="s">
        <v>49</v>
      </c>
      <c r="B1935" s="2" t="s">
        <v>7095</v>
      </c>
      <c r="C1935" s="4" t="s">
        <v>6</v>
      </c>
      <c r="D1935" s="5" t="s">
        <v>6721</v>
      </c>
      <c r="E1935" s="5" t="s">
        <v>7096</v>
      </c>
      <c r="F1935" s="6" t="s">
        <v>5</v>
      </c>
      <c r="G1935" s="2"/>
      <c r="H1935" s="4"/>
      <c r="I1935" s="5"/>
      <c r="J1935" s="5"/>
      <c r="K1935" s="5"/>
      <c r="L1935" s="6"/>
      <c r="M1935" s="2" t="s">
        <v>7097</v>
      </c>
      <c r="N1935" s="3">
        <v>44875</v>
      </c>
      <c r="O1935" s="3">
        <v>44875</v>
      </c>
      <c r="P1935" s="3">
        <v>47057</v>
      </c>
    </row>
    <row r="1936" spans="1:16" x14ac:dyDescent="0.15">
      <c r="A1936" s="2" t="s">
        <v>49</v>
      </c>
      <c r="B1936" s="2" t="s">
        <v>7098</v>
      </c>
      <c r="C1936" s="4" t="s">
        <v>6</v>
      </c>
      <c r="D1936" s="5" t="s">
        <v>1037</v>
      </c>
      <c r="E1936" s="5" t="s">
        <v>7099</v>
      </c>
      <c r="F1936" s="6" t="s">
        <v>5</v>
      </c>
      <c r="G1936" s="2"/>
      <c r="H1936" s="4"/>
      <c r="I1936" s="5"/>
      <c r="J1936" s="5"/>
      <c r="K1936" s="5"/>
      <c r="L1936" s="6"/>
      <c r="M1936" s="2" t="s">
        <v>7100</v>
      </c>
      <c r="N1936" s="3">
        <v>40678</v>
      </c>
      <c r="O1936" s="3">
        <v>44866</v>
      </c>
      <c r="P1936" s="3">
        <v>47057</v>
      </c>
    </row>
    <row r="1937" spans="1:16" x14ac:dyDescent="0.15">
      <c r="A1937" s="2" t="s">
        <v>660</v>
      </c>
      <c r="B1937" s="2" t="s">
        <v>7098</v>
      </c>
      <c r="C1937" s="4" t="s">
        <v>6</v>
      </c>
      <c r="D1937" s="5" t="s">
        <v>1037</v>
      </c>
      <c r="E1937" s="5" t="s">
        <v>7099</v>
      </c>
      <c r="F1937" s="6" t="s">
        <v>5</v>
      </c>
      <c r="G1937" s="2"/>
      <c r="H1937" s="4"/>
      <c r="I1937" s="5"/>
      <c r="J1937" s="5"/>
      <c r="K1937" s="5"/>
      <c r="L1937" s="6"/>
      <c r="M1937" s="2" t="s">
        <v>7101</v>
      </c>
      <c r="N1937" s="3">
        <v>40694</v>
      </c>
      <c r="O1937" s="3">
        <v>44866</v>
      </c>
      <c r="P1937" s="3">
        <v>47057</v>
      </c>
    </row>
    <row r="1938" spans="1:16" x14ac:dyDescent="0.15">
      <c r="A1938" s="2" t="s">
        <v>49</v>
      </c>
      <c r="B1938" s="2" t="s">
        <v>11046</v>
      </c>
      <c r="C1938" s="4" t="s">
        <v>6</v>
      </c>
      <c r="D1938" s="5" t="s">
        <v>601</v>
      </c>
      <c r="E1938" s="5" t="s">
        <v>11045</v>
      </c>
      <c r="F1938" s="6" t="s">
        <v>5</v>
      </c>
      <c r="G1938" s="2" t="s">
        <v>11044</v>
      </c>
      <c r="H1938" s="4" t="s">
        <v>9</v>
      </c>
      <c r="I1938" s="5" t="s">
        <v>6</v>
      </c>
      <c r="J1938" s="5" t="s">
        <v>601</v>
      </c>
      <c r="K1938" s="5" t="s">
        <v>11045</v>
      </c>
      <c r="L1938" s="6" t="s">
        <v>5</v>
      </c>
      <c r="M1938" s="2" t="s">
        <v>11047</v>
      </c>
      <c r="N1938" s="3">
        <v>43117</v>
      </c>
      <c r="O1938" s="3">
        <v>45413</v>
      </c>
      <c r="P1938" s="3">
        <v>47603</v>
      </c>
    </row>
    <row r="1939" spans="1:16" x14ac:dyDescent="0.15">
      <c r="A1939" s="2" t="s">
        <v>49</v>
      </c>
      <c r="B1939" s="2" t="s">
        <v>7106</v>
      </c>
      <c r="C1939" s="4" t="s">
        <v>6</v>
      </c>
      <c r="D1939" s="5" t="s">
        <v>608</v>
      </c>
      <c r="E1939" s="5" t="s">
        <v>4264</v>
      </c>
      <c r="F1939" s="6" t="s">
        <v>7107</v>
      </c>
      <c r="G1939" s="2"/>
      <c r="H1939" s="4"/>
      <c r="I1939" s="5"/>
      <c r="J1939" s="5"/>
      <c r="K1939" s="5"/>
      <c r="L1939" s="6"/>
      <c r="M1939" s="2" t="s">
        <v>7108</v>
      </c>
      <c r="N1939" s="3">
        <v>41038</v>
      </c>
      <c r="O1939" s="3">
        <v>44896</v>
      </c>
      <c r="P1939" s="3">
        <v>46721</v>
      </c>
    </row>
    <row r="1940" spans="1:16" x14ac:dyDescent="0.15">
      <c r="A1940" s="2" t="s">
        <v>49</v>
      </c>
      <c r="B1940" s="2" t="s">
        <v>7109</v>
      </c>
      <c r="C1940" s="4" t="s">
        <v>6</v>
      </c>
      <c r="D1940" s="5" t="s">
        <v>1027</v>
      </c>
      <c r="E1940" s="5" t="s">
        <v>5077</v>
      </c>
      <c r="F1940" s="6" t="s">
        <v>7110</v>
      </c>
      <c r="G1940" s="2"/>
      <c r="H1940" s="4"/>
      <c r="I1940" s="5"/>
      <c r="J1940" s="5"/>
      <c r="K1940" s="5"/>
      <c r="L1940" s="6"/>
      <c r="M1940" s="2" t="s">
        <v>7111</v>
      </c>
      <c r="N1940" s="3">
        <v>44873</v>
      </c>
      <c r="O1940" s="3">
        <v>44873</v>
      </c>
      <c r="P1940" s="3">
        <v>46721</v>
      </c>
    </row>
    <row r="1941" spans="1:16" x14ac:dyDescent="0.15">
      <c r="A1941" s="2" t="s">
        <v>49</v>
      </c>
      <c r="B1941" s="2" t="s">
        <v>7112</v>
      </c>
      <c r="C1941" s="4" t="s">
        <v>6</v>
      </c>
      <c r="D1941" s="5" t="s">
        <v>1037</v>
      </c>
      <c r="E1941" s="5" t="s">
        <v>7113</v>
      </c>
      <c r="F1941" s="6" t="s">
        <v>5</v>
      </c>
      <c r="G1941" s="2"/>
      <c r="H1941" s="4"/>
      <c r="I1941" s="5"/>
      <c r="J1941" s="5"/>
      <c r="K1941" s="5"/>
      <c r="L1941" s="6"/>
      <c r="M1941" s="2" t="s">
        <v>7114</v>
      </c>
      <c r="N1941" s="3">
        <v>44907</v>
      </c>
      <c r="O1941" s="3">
        <v>44907</v>
      </c>
      <c r="P1941" s="3">
        <v>47057</v>
      </c>
    </row>
    <row r="1942" spans="1:16" x14ac:dyDescent="0.15">
      <c r="A1942" s="2" t="s">
        <v>49</v>
      </c>
      <c r="B1942" s="2" t="s">
        <v>7115</v>
      </c>
      <c r="C1942" s="4" t="s">
        <v>6</v>
      </c>
      <c r="D1942" s="5" t="s">
        <v>1027</v>
      </c>
      <c r="E1942" s="5" t="s">
        <v>7116</v>
      </c>
      <c r="F1942" s="6" t="s">
        <v>1416</v>
      </c>
      <c r="G1942" s="2"/>
      <c r="H1942" s="4"/>
      <c r="I1942" s="5"/>
      <c r="J1942" s="5"/>
      <c r="K1942" s="5"/>
      <c r="L1942" s="6"/>
      <c r="M1942" s="2" t="s">
        <v>7117</v>
      </c>
      <c r="N1942" s="3">
        <v>40988</v>
      </c>
      <c r="O1942" s="3">
        <v>44896</v>
      </c>
      <c r="P1942" s="3">
        <v>46721</v>
      </c>
    </row>
    <row r="1943" spans="1:16" x14ac:dyDescent="0.15">
      <c r="A1943" s="2" t="s">
        <v>49</v>
      </c>
      <c r="B1943" s="2" t="s">
        <v>7118</v>
      </c>
      <c r="C1943" s="4" t="s">
        <v>6</v>
      </c>
      <c r="D1943" s="5" t="s">
        <v>2188</v>
      </c>
      <c r="E1943" s="5" t="s">
        <v>7119</v>
      </c>
      <c r="F1943" s="6" t="s">
        <v>5</v>
      </c>
      <c r="G1943" s="2"/>
      <c r="H1943" s="4"/>
      <c r="I1943" s="5"/>
      <c r="J1943" s="5"/>
      <c r="K1943" s="5"/>
      <c r="L1943" s="6"/>
      <c r="M1943" s="2" t="s">
        <v>7120</v>
      </c>
      <c r="N1943" s="3">
        <v>44873</v>
      </c>
      <c r="O1943" s="3">
        <v>44873</v>
      </c>
      <c r="P1943" s="3">
        <v>47238</v>
      </c>
    </row>
    <row r="1944" spans="1:16" x14ac:dyDescent="0.15">
      <c r="A1944" s="2" t="s">
        <v>49</v>
      </c>
      <c r="B1944" s="2" t="s">
        <v>7121</v>
      </c>
      <c r="C1944" s="4" t="s">
        <v>6</v>
      </c>
      <c r="D1944" s="5" t="s">
        <v>4435</v>
      </c>
      <c r="E1944" s="5" t="s">
        <v>4523</v>
      </c>
      <c r="F1944" s="6" t="s">
        <v>5</v>
      </c>
      <c r="G1944" s="2"/>
      <c r="H1944" s="4"/>
      <c r="I1944" s="5"/>
      <c r="J1944" s="5"/>
      <c r="K1944" s="5"/>
      <c r="L1944" s="6"/>
      <c r="M1944" s="2" t="s">
        <v>7122</v>
      </c>
      <c r="N1944" s="3">
        <v>44873</v>
      </c>
      <c r="O1944" s="3">
        <v>44873</v>
      </c>
      <c r="P1944" s="3">
        <v>46934</v>
      </c>
    </row>
    <row r="1945" spans="1:16" x14ac:dyDescent="0.15">
      <c r="A1945" s="2" t="s">
        <v>16</v>
      </c>
      <c r="B1945" s="2" t="s">
        <v>7121</v>
      </c>
      <c r="C1945" s="4" t="s">
        <v>6</v>
      </c>
      <c r="D1945" s="5" t="s">
        <v>4435</v>
      </c>
      <c r="E1945" s="5" t="s">
        <v>4523</v>
      </c>
      <c r="F1945" s="6" t="s">
        <v>5</v>
      </c>
      <c r="G1945" s="2"/>
      <c r="H1945" s="4"/>
      <c r="I1945" s="5"/>
      <c r="J1945" s="5"/>
      <c r="K1945" s="5"/>
      <c r="L1945" s="6"/>
      <c r="M1945" s="2" t="s">
        <v>7123</v>
      </c>
      <c r="N1945" s="3">
        <v>44939</v>
      </c>
      <c r="O1945" s="3">
        <v>44939</v>
      </c>
      <c r="P1945" s="3">
        <v>46934</v>
      </c>
    </row>
    <row r="1946" spans="1:16" x14ac:dyDescent="0.15">
      <c r="A1946" s="2" t="s">
        <v>49</v>
      </c>
      <c r="B1946" s="2" t="s">
        <v>11052</v>
      </c>
      <c r="C1946" s="4" t="s">
        <v>6</v>
      </c>
      <c r="D1946" s="5" t="s">
        <v>456</v>
      </c>
      <c r="E1946" s="5" t="s">
        <v>520</v>
      </c>
      <c r="F1946" s="6" t="s">
        <v>5</v>
      </c>
      <c r="G1946" s="2" t="s">
        <v>11050</v>
      </c>
      <c r="H1946" s="4" t="s">
        <v>9</v>
      </c>
      <c r="I1946" s="5" t="s">
        <v>6</v>
      </c>
      <c r="J1946" s="5" t="s">
        <v>270</v>
      </c>
      <c r="K1946" s="5" t="s">
        <v>11051</v>
      </c>
      <c r="L1946" s="6" t="s">
        <v>5</v>
      </c>
      <c r="M1946" s="2" t="s">
        <v>11053</v>
      </c>
      <c r="N1946" s="3">
        <v>41717</v>
      </c>
      <c r="O1946" s="3">
        <v>45444</v>
      </c>
      <c r="P1946" s="3">
        <v>47269</v>
      </c>
    </row>
    <row r="1947" spans="1:16" x14ac:dyDescent="0.15">
      <c r="A1947" s="2" t="s">
        <v>49</v>
      </c>
      <c r="B1947" s="2" t="s">
        <v>11054</v>
      </c>
      <c r="C1947" s="4" t="s">
        <v>6</v>
      </c>
      <c r="D1947" s="5" t="s">
        <v>456</v>
      </c>
      <c r="E1947" s="5" t="s">
        <v>520</v>
      </c>
      <c r="F1947" s="6" t="s">
        <v>5</v>
      </c>
      <c r="G1947" s="2" t="s">
        <v>11050</v>
      </c>
      <c r="H1947" s="4" t="s">
        <v>9</v>
      </c>
      <c r="I1947" s="5" t="s">
        <v>6</v>
      </c>
      <c r="J1947" s="5" t="s">
        <v>270</v>
      </c>
      <c r="K1947" s="5" t="s">
        <v>11051</v>
      </c>
      <c r="L1947" s="6" t="s">
        <v>5</v>
      </c>
      <c r="M1947" s="2" t="s">
        <v>11055</v>
      </c>
      <c r="N1947" s="3">
        <v>43279</v>
      </c>
      <c r="O1947" s="3">
        <v>45444</v>
      </c>
      <c r="P1947" s="3">
        <v>47269</v>
      </c>
    </row>
    <row r="1948" spans="1:16" x14ac:dyDescent="0.15">
      <c r="A1948" s="2" t="s">
        <v>49</v>
      </c>
      <c r="B1948" s="2" t="s">
        <v>11064</v>
      </c>
      <c r="C1948" s="4" t="s">
        <v>6</v>
      </c>
      <c r="D1948" s="5" t="s">
        <v>1832</v>
      </c>
      <c r="E1948" s="5" t="s">
        <v>11065</v>
      </c>
      <c r="F1948" s="6" t="s">
        <v>5</v>
      </c>
      <c r="G1948" s="2" t="s">
        <v>11063</v>
      </c>
      <c r="H1948" s="4" t="s">
        <v>9</v>
      </c>
      <c r="I1948" s="5" t="s">
        <v>6</v>
      </c>
      <c r="J1948" s="5" t="s">
        <v>1832</v>
      </c>
      <c r="K1948" s="5" t="s">
        <v>1973</v>
      </c>
      <c r="L1948" s="6" t="s">
        <v>5</v>
      </c>
      <c r="M1948" s="2" t="s">
        <v>11066</v>
      </c>
      <c r="N1948" s="3">
        <v>37100</v>
      </c>
      <c r="O1948" s="3">
        <v>45413</v>
      </c>
      <c r="P1948" s="3">
        <v>47603</v>
      </c>
    </row>
    <row r="1949" spans="1:16" x14ac:dyDescent="0.15">
      <c r="A1949" s="2" t="s">
        <v>49</v>
      </c>
      <c r="B1949" s="2" t="s">
        <v>7142</v>
      </c>
      <c r="C1949" s="4" t="s">
        <v>6</v>
      </c>
      <c r="D1949" s="5" t="s">
        <v>2956</v>
      </c>
      <c r="E1949" s="5" t="s">
        <v>7143</v>
      </c>
      <c r="F1949" s="6" t="s">
        <v>5</v>
      </c>
      <c r="G1949" s="2"/>
      <c r="H1949" s="4"/>
      <c r="I1949" s="5"/>
      <c r="J1949" s="5"/>
      <c r="K1949" s="5"/>
      <c r="L1949" s="6"/>
      <c r="M1949" s="2" t="s">
        <v>7144</v>
      </c>
      <c r="N1949" s="3">
        <v>40488</v>
      </c>
      <c r="O1949" s="3">
        <v>44896</v>
      </c>
      <c r="P1949" s="3">
        <v>47087</v>
      </c>
    </row>
    <row r="1950" spans="1:16" x14ac:dyDescent="0.15">
      <c r="A1950" s="2" t="s">
        <v>49</v>
      </c>
      <c r="B1950" s="2" t="s">
        <v>7145</v>
      </c>
      <c r="C1950" s="4" t="s">
        <v>6</v>
      </c>
      <c r="D1950" s="5" t="s">
        <v>247</v>
      </c>
      <c r="E1950" s="5" t="s">
        <v>1690</v>
      </c>
      <c r="F1950" s="6" t="s">
        <v>7146</v>
      </c>
      <c r="G1950" s="2"/>
      <c r="H1950" s="4"/>
      <c r="I1950" s="5"/>
      <c r="J1950" s="5"/>
      <c r="K1950" s="5"/>
      <c r="L1950" s="6"/>
      <c r="M1950" s="2" t="s">
        <v>7147</v>
      </c>
      <c r="N1950" s="3">
        <v>44876</v>
      </c>
      <c r="O1950" s="3">
        <v>44876</v>
      </c>
      <c r="P1950" s="3">
        <v>46904</v>
      </c>
    </row>
    <row r="1951" spans="1:16" x14ac:dyDescent="0.15">
      <c r="A1951" s="2" t="s">
        <v>49</v>
      </c>
      <c r="B1951" s="2" t="s">
        <v>7148</v>
      </c>
      <c r="C1951" s="4" t="s">
        <v>6</v>
      </c>
      <c r="D1951" s="5" t="s">
        <v>456</v>
      </c>
      <c r="E1951" s="5" t="s">
        <v>520</v>
      </c>
      <c r="F1951" s="6" t="s">
        <v>5</v>
      </c>
      <c r="G1951" s="2"/>
      <c r="H1951" s="4"/>
      <c r="I1951" s="5"/>
      <c r="J1951" s="5"/>
      <c r="K1951" s="5"/>
      <c r="L1951" s="6"/>
      <c r="M1951" s="2" t="s">
        <v>7149</v>
      </c>
      <c r="N1951" s="3">
        <v>44870</v>
      </c>
      <c r="O1951" s="3">
        <v>44870</v>
      </c>
      <c r="P1951" s="3">
        <v>46904</v>
      </c>
    </row>
    <row r="1952" spans="1:16" x14ac:dyDescent="0.15">
      <c r="A1952" s="2" t="s">
        <v>49</v>
      </c>
      <c r="B1952" s="2" t="s">
        <v>7150</v>
      </c>
      <c r="C1952" s="4" t="s">
        <v>6</v>
      </c>
      <c r="D1952" s="5" t="s">
        <v>608</v>
      </c>
      <c r="E1952" s="5" t="s">
        <v>4820</v>
      </c>
      <c r="F1952" s="6" t="s">
        <v>7151</v>
      </c>
      <c r="G1952" s="2"/>
      <c r="H1952" s="4"/>
      <c r="I1952" s="5"/>
      <c r="J1952" s="5"/>
      <c r="K1952" s="5"/>
      <c r="L1952" s="6"/>
      <c r="M1952" s="2" t="s">
        <v>7152</v>
      </c>
      <c r="N1952" s="3">
        <v>42493</v>
      </c>
      <c r="O1952" s="3">
        <v>44896</v>
      </c>
      <c r="P1952" s="3">
        <v>47087</v>
      </c>
    </row>
    <row r="1953" spans="1:16" x14ac:dyDescent="0.15">
      <c r="A1953" s="2" t="s">
        <v>49</v>
      </c>
      <c r="B1953" s="2" t="s">
        <v>7153</v>
      </c>
      <c r="C1953" s="4" t="s">
        <v>6</v>
      </c>
      <c r="D1953" s="5" t="s">
        <v>1027</v>
      </c>
      <c r="E1953" s="5" t="s">
        <v>1536</v>
      </c>
      <c r="F1953" s="6" t="s">
        <v>7154</v>
      </c>
      <c r="G1953" s="2"/>
      <c r="H1953" s="4"/>
      <c r="I1953" s="5"/>
      <c r="J1953" s="5"/>
      <c r="K1953" s="5"/>
      <c r="L1953" s="6"/>
      <c r="M1953" s="2" t="s">
        <v>7155</v>
      </c>
      <c r="N1953" s="3">
        <v>37766</v>
      </c>
      <c r="O1953" s="3">
        <v>44896</v>
      </c>
      <c r="P1953" s="3">
        <v>47087</v>
      </c>
    </row>
    <row r="1954" spans="1:16" x14ac:dyDescent="0.15">
      <c r="A1954" s="2" t="s">
        <v>49</v>
      </c>
      <c r="B1954" s="2" t="s">
        <v>7156</v>
      </c>
      <c r="C1954" s="4" t="s">
        <v>6</v>
      </c>
      <c r="D1954" s="5" t="s">
        <v>608</v>
      </c>
      <c r="E1954" s="5" t="s">
        <v>2830</v>
      </c>
      <c r="F1954" s="6" t="s">
        <v>7157</v>
      </c>
      <c r="G1954" s="2"/>
      <c r="H1954" s="4"/>
      <c r="I1954" s="5"/>
      <c r="J1954" s="5"/>
      <c r="K1954" s="5"/>
      <c r="L1954" s="6"/>
      <c r="M1954" s="2" t="s">
        <v>7158</v>
      </c>
      <c r="N1954" s="3">
        <v>32801</v>
      </c>
      <c r="O1954" s="3">
        <v>44896</v>
      </c>
      <c r="P1954" s="3">
        <v>47087</v>
      </c>
    </row>
    <row r="1955" spans="1:16" x14ac:dyDescent="0.15">
      <c r="A1955" s="2" t="s">
        <v>49</v>
      </c>
      <c r="B1955" s="2" t="s">
        <v>7159</v>
      </c>
      <c r="C1955" s="4" t="s">
        <v>6</v>
      </c>
      <c r="D1955" s="5" t="s">
        <v>2956</v>
      </c>
      <c r="E1955" s="5" t="s">
        <v>6801</v>
      </c>
      <c r="F1955" s="6" t="s">
        <v>7160</v>
      </c>
      <c r="G1955" s="2"/>
      <c r="H1955" s="4"/>
      <c r="I1955" s="5"/>
      <c r="J1955" s="5"/>
      <c r="K1955" s="5"/>
      <c r="L1955" s="6"/>
      <c r="M1955" s="2" t="s">
        <v>7161</v>
      </c>
      <c r="N1955" s="3">
        <v>40465</v>
      </c>
      <c r="O1955" s="3">
        <v>44896</v>
      </c>
      <c r="P1955" s="3">
        <v>47087</v>
      </c>
    </row>
    <row r="1956" spans="1:16" x14ac:dyDescent="0.15">
      <c r="A1956" s="2" t="s">
        <v>16</v>
      </c>
      <c r="B1956" s="2" t="s">
        <v>7159</v>
      </c>
      <c r="C1956" s="4" t="s">
        <v>6</v>
      </c>
      <c r="D1956" s="5" t="s">
        <v>2956</v>
      </c>
      <c r="E1956" s="5" t="s">
        <v>6801</v>
      </c>
      <c r="F1956" s="6" t="s">
        <v>7160</v>
      </c>
      <c r="G1956" s="2"/>
      <c r="H1956" s="4"/>
      <c r="I1956" s="5"/>
      <c r="J1956" s="5"/>
      <c r="K1956" s="5"/>
      <c r="L1956" s="6"/>
      <c r="M1956" s="2" t="s">
        <v>7162</v>
      </c>
      <c r="N1956" s="3">
        <v>44911</v>
      </c>
      <c r="O1956" s="3">
        <v>44911</v>
      </c>
      <c r="P1956" s="3">
        <v>47452</v>
      </c>
    </row>
    <row r="1957" spans="1:16" x14ac:dyDescent="0.15">
      <c r="A1957" s="2" t="s">
        <v>49</v>
      </c>
      <c r="B1957" s="2" t="s">
        <v>7163</v>
      </c>
      <c r="C1957" s="4" t="s">
        <v>6</v>
      </c>
      <c r="D1957" s="5" t="s">
        <v>608</v>
      </c>
      <c r="E1957" s="5" t="s">
        <v>5193</v>
      </c>
      <c r="F1957" s="6" t="s">
        <v>7164</v>
      </c>
      <c r="G1957" s="2"/>
      <c r="H1957" s="4"/>
      <c r="I1957" s="5"/>
      <c r="J1957" s="5"/>
      <c r="K1957" s="5"/>
      <c r="L1957" s="6"/>
      <c r="M1957" s="2" t="s">
        <v>7165</v>
      </c>
      <c r="N1957" s="3">
        <v>44876</v>
      </c>
      <c r="O1957" s="3">
        <v>44876</v>
      </c>
      <c r="P1957" s="3">
        <v>47087</v>
      </c>
    </row>
    <row r="1958" spans="1:16" x14ac:dyDescent="0.15">
      <c r="A1958" s="2" t="s">
        <v>49</v>
      </c>
      <c r="B1958" s="2" t="s">
        <v>7166</v>
      </c>
      <c r="C1958" s="4" t="s">
        <v>6</v>
      </c>
      <c r="D1958" s="5" t="s">
        <v>3213</v>
      </c>
      <c r="E1958" s="5" t="s">
        <v>7167</v>
      </c>
      <c r="F1958" s="6" t="s">
        <v>7168</v>
      </c>
      <c r="G1958" s="2"/>
      <c r="H1958" s="4"/>
      <c r="I1958" s="5"/>
      <c r="J1958" s="5"/>
      <c r="K1958" s="5"/>
      <c r="L1958" s="6"/>
      <c r="M1958" s="2" t="s">
        <v>7169</v>
      </c>
      <c r="N1958" s="3">
        <v>43034</v>
      </c>
      <c r="O1958" s="3">
        <v>44896</v>
      </c>
      <c r="P1958" s="3">
        <v>46721</v>
      </c>
    </row>
    <row r="1959" spans="1:16" x14ac:dyDescent="0.15">
      <c r="A1959" s="2" t="s">
        <v>49</v>
      </c>
      <c r="B1959" s="2" t="s">
        <v>7170</v>
      </c>
      <c r="C1959" s="4" t="s">
        <v>6</v>
      </c>
      <c r="D1959" s="5" t="s">
        <v>608</v>
      </c>
      <c r="E1959" s="5" t="s">
        <v>1917</v>
      </c>
      <c r="F1959" s="6" t="s">
        <v>7171</v>
      </c>
      <c r="G1959" s="2"/>
      <c r="H1959" s="4"/>
      <c r="I1959" s="5"/>
      <c r="J1959" s="5"/>
      <c r="K1959" s="5"/>
      <c r="L1959" s="6"/>
      <c r="M1959" s="2" t="s">
        <v>7172</v>
      </c>
      <c r="N1959" s="3">
        <v>35279</v>
      </c>
      <c r="O1959" s="3">
        <v>44896</v>
      </c>
      <c r="P1959" s="3">
        <v>47087</v>
      </c>
    </row>
    <row r="1960" spans="1:16" x14ac:dyDescent="0.15">
      <c r="A1960" s="2" t="s">
        <v>49</v>
      </c>
      <c r="B1960" s="2" t="s">
        <v>7173</v>
      </c>
      <c r="C1960" s="4" t="s">
        <v>6</v>
      </c>
      <c r="D1960" s="5" t="s">
        <v>608</v>
      </c>
      <c r="E1960" s="5" t="s">
        <v>7174</v>
      </c>
      <c r="F1960" s="6" t="s">
        <v>7175</v>
      </c>
      <c r="G1960" s="2"/>
      <c r="H1960" s="4"/>
      <c r="I1960" s="5"/>
      <c r="J1960" s="5"/>
      <c r="K1960" s="5"/>
      <c r="L1960" s="6"/>
      <c r="M1960" s="2" t="s">
        <v>7176</v>
      </c>
      <c r="N1960" s="3">
        <v>42969</v>
      </c>
      <c r="O1960" s="3">
        <v>44896</v>
      </c>
      <c r="P1960" s="3">
        <v>46721</v>
      </c>
    </row>
    <row r="1961" spans="1:16" x14ac:dyDescent="0.15">
      <c r="A1961" s="2" t="s">
        <v>49</v>
      </c>
      <c r="B1961" s="2" t="s">
        <v>11088</v>
      </c>
      <c r="C1961" s="4" t="s">
        <v>6</v>
      </c>
      <c r="D1961" s="5" t="s">
        <v>500</v>
      </c>
      <c r="E1961" s="5" t="s">
        <v>5083</v>
      </c>
      <c r="F1961" s="6" t="s">
        <v>11089</v>
      </c>
      <c r="G1961" s="2" t="s">
        <v>11084</v>
      </c>
      <c r="H1961" s="4" t="s">
        <v>29</v>
      </c>
      <c r="I1961" s="5" t="s">
        <v>11085</v>
      </c>
      <c r="J1961" s="5" t="s">
        <v>11086</v>
      </c>
      <c r="K1961" s="5" t="s">
        <v>11087</v>
      </c>
      <c r="L1961" s="6" t="s">
        <v>5</v>
      </c>
      <c r="M1961" s="2" t="s">
        <v>11090</v>
      </c>
      <c r="N1961" s="3">
        <v>43217</v>
      </c>
      <c r="O1961" s="3">
        <v>45444</v>
      </c>
      <c r="P1961" s="3">
        <v>47634</v>
      </c>
    </row>
    <row r="1962" spans="1:16" x14ac:dyDescent="0.15">
      <c r="A1962" s="2" t="s">
        <v>49</v>
      </c>
      <c r="B1962" s="2" t="s">
        <v>11094</v>
      </c>
      <c r="C1962" s="4" t="s">
        <v>6</v>
      </c>
      <c r="D1962" s="5" t="s">
        <v>500</v>
      </c>
      <c r="E1962" s="5" t="s">
        <v>11095</v>
      </c>
      <c r="F1962" s="6" t="s">
        <v>11096</v>
      </c>
      <c r="G1962" s="2" t="s">
        <v>11091</v>
      </c>
      <c r="H1962" s="4" t="s">
        <v>685</v>
      </c>
      <c r="I1962" s="5" t="s">
        <v>686</v>
      </c>
      <c r="J1962" s="5" t="s">
        <v>11092</v>
      </c>
      <c r="K1962" s="5" t="s">
        <v>11093</v>
      </c>
      <c r="L1962" s="6" t="s">
        <v>5</v>
      </c>
      <c r="M1962" s="2" t="s">
        <v>11097</v>
      </c>
      <c r="N1962" s="3">
        <v>43217</v>
      </c>
      <c r="O1962" s="3">
        <v>45444</v>
      </c>
      <c r="P1962" s="3">
        <v>47634</v>
      </c>
    </row>
    <row r="1963" spans="1:16" x14ac:dyDescent="0.15">
      <c r="A1963" s="2" t="s">
        <v>49</v>
      </c>
      <c r="B1963" s="2" t="s">
        <v>11154</v>
      </c>
      <c r="C1963" s="4" t="s">
        <v>6</v>
      </c>
      <c r="D1963" s="5" t="s">
        <v>3361</v>
      </c>
      <c r="E1963" s="5" t="s">
        <v>11155</v>
      </c>
      <c r="F1963" s="6" t="s">
        <v>5</v>
      </c>
      <c r="G1963" s="2" t="s">
        <v>11153</v>
      </c>
      <c r="H1963" s="4" t="s">
        <v>29</v>
      </c>
      <c r="I1963" s="5" t="s">
        <v>30</v>
      </c>
      <c r="J1963" s="5" t="s">
        <v>3658</v>
      </c>
      <c r="K1963" s="5" t="s">
        <v>3659</v>
      </c>
      <c r="L1963" s="6" t="s">
        <v>5</v>
      </c>
      <c r="M1963" s="2" t="s">
        <v>11156</v>
      </c>
      <c r="N1963" s="3">
        <v>38926</v>
      </c>
      <c r="O1963" s="3">
        <v>45413</v>
      </c>
      <c r="P1963" s="3">
        <v>47603</v>
      </c>
    </row>
    <row r="1964" spans="1:16" x14ac:dyDescent="0.15">
      <c r="A1964" s="2" t="s">
        <v>49</v>
      </c>
      <c r="B1964" s="2" t="s">
        <v>7191</v>
      </c>
      <c r="C1964" s="4" t="s">
        <v>6</v>
      </c>
      <c r="D1964" s="5" t="s">
        <v>2089</v>
      </c>
      <c r="E1964" s="5" t="s">
        <v>7192</v>
      </c>
      <c r="F1964" s="6" t="s">
        <v>7193</v>
      </c>
      <c r="G1964" s="2"/>
      <c r="H1964" s="4"/>
      <c r="I1964" s="5"/>
      <c r="J1964" s="5"/>
      <c r="K1964" s="5"/>
      <c r="L1964" s="6"/>
      <c r="M1964" s="2" t="s">
        <v>7194</v>
      </c>
      <c r="N1964" s="3">
        <v>40304</v>
      </c>
      <c r="O1964" s="3">
        <v>44896</v>
      </c>
      <c r="P1964" s="3">
        <v>47087</v>
      </c>
    </row>
    <row r="1965" spans="1:16" x14ac:dyDescent="0.15">
      <c r="A1965" s="2" t="s">
        <v>49</v>
      </c>
      <c r="B1965" s="2" t="s">
        <v>11171</v>
      </c>
      <c r="C1965" s="4" t="s">
        <v>6</v>
      </c>
      <c r="D1965" s="5" t="s">
        <v>11172</v>
      </c>
      <c r="E1965" s="5" t="s">
        <v>5</v>
      </c>
      <c r="F1965" s="6" t="s">
        <v>5</v>
      </c>
      <c r="G1965" s="2" t="s">
        <v>11167</v>
      </c>
      <c r="H1965" s="4" t="s">
        <v>724</v>
      </c>
      <c r="I1965" s="5" t="s">
        <v>11168</v>
      </c>
      <c r="J1965" s="5" t="s">
        <v>11169</v>
      </c>
      <c r="K1965" s="5" t="s">
        <v>11170</v>
      </c>
      <c r="L1965" s="6" t="s">
        <v>5</v>
      </c>
      <c r="M1965" s="2" t="s">
        <v>11173</v>
      </c>
      <c r="N1965" s="3">
        <v>45415</v>
      </c>
      <c r="O1965" s="3">
        <v>45415</v>
      </c>
      <c r="P1965" s="3">
        <v>47269</v>
      </c>
    </row>
    <row r="1966" spans="1:16" x14ac:dyDescent="0.15">
      <c r="A1966" s="2" t="s">
        <v>49</v>
      </c>
      <c r="B1966" s="2" t="s">
        <v>11176</v>
      </c>
      <c r="C1966" s="4" t="s">
        <v>6</v>
      </c>
      <c r="D1966" s="5" t="s">
        <v>483</v>
      </c>
      <c r="E1966" s="5" t="s">
        <v>11175</v>
      </c>
      <c r="F1966" s="6" t="s">
        <v>5</v>
      </c>
      <c r="G1966" s="2" t="s">
        <v>11174</v>
      </c>
      <c r="H1966" s="4" t="s">
        <v>9</v>
      </c>
      <c r="I1966" s="5" t="s">
        <v>6</v>
      </c>
      <c r="J1966" s="5" t="s">
        <v>483</v>
      </c>
      <c r="K1966" s="5" t="s">
        <v>11175</v>
      </c>
      <c r="L1966" s="6" t="s">
        <v>5</v>
      </c>
      <c r="M1966" s="2" t="s">
        <v>11177</v>
      </c>
      <c r="N1966" s="3">
        <v>45444</v>
      </c>
      <c r="O1966" s="3">
        <v>45444</v>
      </c>
      <c r="P1966" s="3">
        <v>47968</v>
      </c>
    </row>
    <row r="1967" spans="1:16" x14ac:dyDescent="0.15">
      <c r="A1967" s="2" t="s">
        <v>49</v>
      </c>
      <c r="B1967" s="2" t="s">
        <v>7207</v>
      </c>
      <c r="C1967" s="4" t="s">
        <v>6</v>
      </c>
      <c r="D1967" s="5" t="s">
        <v>45</v>
      </c>
      <c r="E1967" s="5" t="s">
        <v>7208</v>
      </c>
      <c r="F1967" s="6" t="s">
        <v>7209</v>
      </c>
      <c r="G1967" s="2"/>
      <c r="H1967" s="4"/>
      <c r="I1967" s="5"/>
      <c r="J1967" s="5"/>
      <c r="K1967" s="5"/>
      <c r="L1967" s="6"/>
      <c r="M1967" s="2" t="s">
        <v>7210</v>
      </c>
      <c r="N1967" s="3">
        <v>42824</v>
      </c>
      <c r="O1967" s="3">
        <v>44896</v>
      </c>
      <c r="P1967" s="3">
        <v>46721</v>
      </c>
    </row>
    <row r="1968" spans="1:16" x14ac:dyDescent="0.15">
      <c r="A1968" s="2" t="s">
        <v>49</v>
      </c>
      <c r="B1968" s="2" t="s">
        <v>7211</v>
      </c>
      <c r="C1968" s="4" t="s">
        <v>6</v>
      </c>
      <c r="D1968" s="5" t="s">
        <v>179</v>
      </c>
      <c r="E1968" s="5" t="s">
        <v>6509</v>
      </c>
      <c r="F1968" s="6" t="s">
        <v>5</v>
      </c>
      <c r="G1968" s="2"/>
      <c r="H1968" s="4"/>
      <c r="I1968" s="5"/>
      <c r="J1968" s="5"/>
      <c r="K1968" s="5"/>
      <c r="L1968" s="6"/>
      <c r="M1968" s="2" t="s">
        <v>7212</v>
      </c>
      <c r="N1968" s="3">
        <v>44882</v>
      </c>
      <c r="O1968" s="3">
        <v>44882</v>
      </c>
      <c r="P1968" s="3">
        <v>47026</v>
      </c>
    </row>
    <row r="1969" spans="1:16" x14ac:dyDescent="0.15">
      <c r="A1969" s="2" t="s">
        <v>49</v>
      </c>
      <c r="B1969" s="2" t="s">
        <v>7213</v>
      </c>
      <c r="C1969" s="4" t="s">
        <v>6</v>
      </c>
      <c r="D1969" s="5" t="s">
        <v>1027</v>
      </c>
      <c r="E1969" s="5" t="s">
        <v>1322</v>
      </c>
      <c r="F1969" s="6" t="s">
        <v>7214</v>
      </c>
      <c r="G1969" s="2"/>
      <c r="H1969" s="4"/>
      <c r="I1969" s="5"/>
      <c r="J1969" s="5"/>
      <c r="K1969" s="5"/>
      <c r="L1969" s="6"/>
      <c r="M1969" s="2" t="s">
        <v>7215</v>
      </c>
      <c r="N1969" s="3">
        <v>32475</v>
      </c>
      <c r="O1969" s="3">
        <v>44896</v>
      </c>
      <c r="P1969" s="3">
        <v>47087</v>
      </c>
    </row>
    <row r="1970" spans="1:16" x14ac:dyDescent="0.15">
      <c r="A1970" s="2" t="s">
        <v>49</v>
      </c>
      <c r="B1970" s="2" t="s">
        <v>7216</v>
      </c>
      <c r="C1970" s="4" t="s">
        <v>6</v>
      </c>
      <c r="D1970" s="5" t="s">
        <v>1419</v>
      </c>
      <c r="E1970" s="5" t="s">
        <v>1420</v>
      </c>
      <c r="F1970" s="6" t="s">
        <v>5</v>
      </c>
      <c r="G1970" s="2"/>
      <c r="H1970" s="4"/>
      <c r="I1970" s="5"/>
      <c r="J1970" s="5"/>
      <c r="K1970" s="5"/>
      <c r="L1970" s="6"/>
      <c r="M1970" s="2" t="s">
        <v>7217</v>
      </c>
      <c r="N1970" s="3">
        <v>44884</v>
      </c>
      <c r="O1970" s="3">
        <v>44884</v>
      </c>
      <c r="P1970" s="3">
        <v>47026</v>
      </c>
    </row>
    <row r="1971" spans="1:16" x14ac:dyDescent="0.15">
      <c r="A1971" s="2" t="s">
        <v>49</v>
      </c>
      <c r="B1971" s="2" t="s">
        <v>7218</v>
      </c>
      <c r="C1971" s="4" t="s">
        <v>6</v>
      </c>
      <c r="D1971" s="5" t="s">
        <v>2089</v>
      </c>
      <c r="E1971" s="5" t="s">
        <v>7192</v>
      </c>
      <c r="F1971" s="6" t="s">
        <v>7219</v>
      </c>
      <c r="G1971" s="2"/>
      <c r="H1971" s="4"/>
      <c r="I1971" s="5"/>
      <c r="J1971" s="5"/>
      <c r="K1971" s="5"/>
      <c r="L1971" s="6"/>
      <c r="M1971" s="2" t="s">
        <v>7220</v>
      </c>
      <c r="N1971" s="3">
        <v>40391</v>
      </c>
      <c r="O1971" s="3">
        <v>44896</v>
      </c>
      <c r="P1971" s="3">
        <v>47087</v>
      </c>
    </row>
    <row r="1972" spans="1:16" x14ac:dyDescent="0.15">
      <c r="A1972" s="2" t="s">
        <v>49</v>
      </c>
      <c r="B1972" s="2" t="s">
        <v>7221</v>
      </c>
      <c r="C1972" s="4" t="s">
        <v>6</v>
      </c>
      <c r="D1972" s="5" t="s">
        <v>1027</v>
      </c>
      <c r="E1972" s="5" t="s">
        <v>7222</v>
      </c>
      <c r="F1972" s="6" t="s">
        <v>7223</v>
      </c>
      <c r="G1972" s="2"/>
      <c r="H1972" s="4"/>
      <c r="I1972" s="5"/>
      <c r="J1972" s="5"/>
      <c r="K1972" s="5"/>
      <c r="L1972" s="6"/>
      <c r="M1972" s="2" t="s">
        <v>7224</v>
      </c>
      <c r="N1972" s="3">
        <v>44883</v>
      </c>
      <c r="O1972" s="3">
        <v>44883</v>
      </c>
      <c r="P1972" s="3">
        <v>46721</v>
      </c>
    </row>
    <row r="1973" spans="1:16" x14ac:dyDescent="0.15">
      <c r="A1973" s="2" t="s">
        <v>49</v>
      </c>
      <c r="B1973" s="2" t="s">
        <v>7225</v>
      </c>
      <c r="C1973" s="4" t="s">
        <v>6</v>
      </c>
      <c r="D1973" s="5" t="s">
        <v>1027</v>
      </c>
      <c r="E1973" s="5" t="s">
        <v>1627</v>
      </c>
      <c r="F1973" s="6" t="s">
        <v>7226</v>
      </c>
      <c r="G1973" s="2"/>
      <c r="H1973" s="4"/>
      <c r="I1973" s="5"/>
      <c r="J1973" s="5"/>
      <c r="K1973" s="5"/>
      <c r="L1973" s="6"/>
      <c r="M1973" s="2" t="s">
        <v>7227</v>
      </c>
      <c r="N1973" s="3">
        <v>44890</v>
      </c>
      <c r="O1973" s="3">
        <v>44890</v>
      </c>
      <c r="P1973" s="3">
        <v>46721</v>
      </c>
    </row>
    <row r="1974" spans="1:16" x14ac:dyDescent="0.15">
      <c r="A1974" s="2" t="s">
        <v>49</v>
      </c>
      <c r="B1974" s="2" t="s">
        <v>7228</v>
      </c>
      <c r="C1974" s="4" t="s">
        <v>6</v>
      </c>
      <c r="D1974" s="5" t="s">
        <v>1027</v>
      </c>
      <c r="E1974" s="5" t="s">
        <v>5295</v>
      </c>
      <c r="F1974" s="6" t="s">
        <v>7229</v>
      </c>
      <c r="G1974" s="2"/>
      <c r="H1974" s="4"/>
      <c r="I1974" s="5"/>
      <c r="J1974" s="5"/>
      <c r="K1974" s="5"/>
      <c r="L1974" s="6"/>
      <c r="M1974" s="2" t="s">
        <v>7230</v>
      </c>
      <c r="N1974" s="3">
        <v>42676</v>
      </c>
      <c r="O1974" s="3">
        <v>44896</v>
      </c>
      <c r="P1974" s="3">
        <v>47087</v>
      </c>
    </row>
    <row r="1975" spans="1:16" x14ac:dyDescent="0.15">
      <c r="A1975" s="2" t="s">
        <v>49</v>
      </c>
      <c r="B1975" s="2" t="s">
        <v>11192</v>
      </c>
      <c r="C1975" s="4" t="s">
        <v>6</v>
      </c>
      <c r="D1975" s="5" t="s">
        <v>230</v>
      </c>
      <c r="E1975" s="5" t="s">
        <v>1569</v>
      </c>
      <c r="F1975" s="6" t="s">
        <v>11193</v>
      </c>
      <c r="G1975" s="2" t="s">
        <v>11191</v>
      </c>
      <c r="H1975" s="4" t="s">
        <v>9</v>
      </c>
      <c r="I1975" s="5" t="s">
        <v>6</v>
      </c>
      <c r="J1975" s="5" t="s">
        <v>6118</v>
      </c>
      <c r="K1975" s="5" t="s">
        <v>2189</v>
      </c>
      <c r="L1975" s="6" t="s">
        <v>5</v>
      </c>
      <c r="M1975" s="2" t="s">
        <v>11194</v>
      </c>
      <c r="N1975" s="3">
        <v>45425</v>
      </c>
      <c r="O1975" s="3">
        <v>45425</v>
      </c>
      <c r="P1975" s="3">
        <v>47756</v>
      </c>
    </row>
    <row r="1976" spans="1:16" x14ac:dyDescent="0.15">
      <c r="A1976" s="2" t="s">
        <v>49</v>
      </c>
      <c r="B1976" s="2" t="s">
        <v>11206</v>
      </c>
      <c r="C1976" s="4" t="s">
        <v>6</v>
      </c>
      <c r="D1976" s="5" t="s">
        <v>11207</v>
      </c>
      <c r="E1976" s="5" t="s">
        <v>11208</v>
      </c>
      <c r="F1976" s="6" t="s">
        <v>5</v>
      </c>
      <c r="G1976" s="2" t="s">
        <v>11204</v>
      </c>
      <c r="H1976" s="4" t="s">
        <v>9</v>
      </c>
      <c r="I1976" s="5" t="s">
        <v>6</v>
      </c>
      <c r="J1976" s="5" t="s">
        <v>11205</v>
      </c>
      <c r="K1976" s="5" t="s">
        <v>5</v>
      </c>
      <c r="L1976" s="6" t="s">
        <v>5</v>
      </c>
      <c r="M1976" s="2" t="s">
        <v>11209</v>
      </c>
      <c r="N1976" s="3">
        <v>45458</v>
      </c>
      <c r="O1976" s="3">
        <v>45458</v>
      </c>
      <c r="P1976" s="3">
        <v>47664</v>
      </c>
    </row>
    <row r="1977" spans="1:16" x14ac:dyDescent="0.15">
      <c r="A1977" s="2" t="s">
        <v>49</v>
      </c>
      <c r="B1977" s="2" t="s">
        <v>11218</v>
      </c>
      <c r="C1977" s="4" t="s">
        <v>6</v>
      </c>
      <c r="D1977" s="5" t="s">
        <v>500</v>
      </c>
      <c r="E1977" s="5" t="s">
        <v>4503</v>
      </c>
      <c r="F1977" s="6" t="s">
        <v>11219</v>
      </c>
      <c r="G1977" s="2" t="s">
        <v>11215</v>
      </c>
      <c r="H1977" s="4" t="s">
        <v>29</v>
      </c>
      <c r="I1977" s="5" t="s">
        <v>30</v>
      </c>
      <c r="J1977" s="5" t="s">
        <v>11216</v>
      </c>
      <c r="K1977" s="5" t="s">
        <v>11217</v>
      </c>
      <c r="L1977" s="6" t="s">
        <v>5</v>
      </c>
      <c r="M1977" s="2" t="s">
        <v>11220</v>
      </c>
      <c r="N1977" s="3">
        <v>42948</v>
      </c>
      <c r="O1977" s="3">
        <v>45444</v>
      </c>
      <c r="P1977" s="3">
        <v>47634</v>
      </c>
    </row>
    <row r="1978" spans="1:16" x14ac:dyDescent="0.15">
      <c r="A1978" s="2" t="s">
        <v>16</v>
      </c>
      <c r="B1978" s="2" t="s">
        <v>7243</v>
      </c>
      <c r="C1978" s="4" t="s">
        <v>6</v>
      </c>
      <c r="D1978" s="5" t="s">
        <v>1762</v>
      </c>
      <c r="E1978" s="5" t="s">
        <v>1597</v>
      </c>
      <c r="F1978" s="6" t="s">
        <v>5</v>
      </c>
      <c r="G1978" s="2"/>
      <c r="H1978" s="4"/>
      <c r="I1978" s="5"/>
      <c r="J1978" s="5"/>
      <c r="K1978" s="5"/>
      <c r="L1978" s="6"/>
      <c r="M1978" s="2" t="s">
        <v>7244</v>
      </c>
      <c r="N1978" s="3">
        <v>45267</v>
      </c>
      <c r="O1978" s="3">
        <v>45267</v>
      </c>
      <c r="P1978" s="3">
        <v>45632</v>
      </c>
    </row>
    <row r="1979" spans="1:16" x14ac:dyDescent="0.15">
      <c r="A1979" s="2" t="s">
        <v>49</v>
      </c>
      <c r="B1979" s="2" t="s">
        <v>7245</v>
      </c>
      <c r="C1979" s="4" t="s">
        <v>6</v>
      </c>
      <c r="D1979" s="5" t="s">
        <v>2170</v>
      </c>
      <c r="E1979" s="5" t="s">
        <v>7246</v>
      </c>
      <c r="F1979" s="6" t="s">
        <v>5</v>
      </c>
      <c r="G1979" s="2"/>
      <c r="H1979" s="4"/>
      <c r="I1979" s="5"/>
      <c r="J1979" s="5"/>
      <c r="K1979" s="5"/>
      <c r="L1979" s="6"/>
      <c r="M1979" s="2" t="s">
        <v>7247</v>
      </c>
      <c r="N1979" s="3">
        <v>44896</v>
      </c>
      <c r="O1979" s="3">
        <v>44896</v>
      </c>
      <c r="P1979" s="3">
        <v>47238</v>
      </c>
    </row>
    <row r="1980" spans="1:16" x14ac:dyDescent="0.15">
      <c r="A1980" s="2" t="s">
        <v>49</v>
      </c>
      <c r="B1980" s="2" t="s">
        <v>7249</v>
      </c>
      <c r="C1980" s="4" t="s">
        <v>6</v>
      </c>
      <c r="D1980" s="5" t="s">
        <v>1027</v>
      </c>
      <c r="E1980" s="5" t="s">
        <v>7250</v>
      </c>
      <c r="F1980" s="6" t="s">
        <v>7251</v>
      </c>
      <c r="G1980" s="2"/>
      <c r="H1980" s="4"/>
      <c r="I1980" s="5"/>
      <c r="J1980" s="5"/>
      <c r="K1980" s="5"/>
      <c r="L1980" s="6"/>
      <c r="M1980" s="2" t="s">
        <v>7252</v>
      </c>
      <c r="N1980" s="3">
        <v>37242</v>
      </c>
      <c r="O1980" s="3">
        <v>44896</v>
      </c>
      <c r="P1980" s="3">
        <v>46721</v>
      </c>
    </row>
    <row r="1981" spans="1:16" x14ac:dyDescent="0.15">
      <c r="A1981" s="2" t="s">
        <v>49</v>
      </c>
      <c r="B1981" s="2" t="s">
        <v>7253</v>
      </c>
      <c r="C1981" s="4" t="s">
        <v>6</v>
      </c>
      <c r="D1981" s="5" t="s">
        <v>456</v>
      </c>
      <c r="E1981" s="5" t="s">
        <v>520</v>
      </c>
      <c r="F1981" s="6" t="s">
        <v>5</v>
      </c>
      <c r="G1981" s="2"/>
      <c r="H1981" s="4"/>
      <c r="I1981" s="5"/>
      <c r="J1981" s="5"/>
      <c r="K1981" s="5"/>
      <c r="L1981" s="6"/>
      <c r="M1981" s="2" t="s">
        <v>7254</v>
      </c>
      <c r="N1981" s="3">
        <v>44886</v>
      </c>
      <c r="O1981" s="3">
        <v>44886</v>
      </c>
      <c r="P1981" s="3">
        <v>46904</v>
      </c>
    </row>
    <row r="1982" spans="1:16" x14ac:dyDescent="0.15">
      <c r="A1982" s="2" t="s">
        <v>49</v>
      </c>
      <c r="B1982" s="2" t="s">
        <v>7255</v>
      </c>
      <c r="C1982" s="4" t="s">
        <v>6</v>
      </c>
      <c r="D1982" s="5" t="s">
        <v>2089</v>
      </c>
      <c r="E1982" s="5" t="s">
        <v>4701</v>
      </c>
      <c r="F1982" s="6" t="s">
        <v>5</v>
      </c>
      <c r="G1982" s="2"/>
      <c r="H1982" s="4"/>
      <c r="I1982" s="5"/>
      <c r="J1982" s="5"/>
      <c r="K1982" s="5"/>
      <c r="L1982" s="6"/>
      <c r="M1982" s="2" t="s">
        <v>7256</v>
      </c>
      <c r="N1982" s="3">
        <v>40394</v>
      </c>
      <c r="O1982" s="3">
        <v>44896</v>
      </c>
      <c r="P1982" s="3">
        <v>47087</v>
      </c>
    </row>
    <row r="1983" spans="1:16" x14ac:dyDescent="0.15">
      <c r="A1983" s="2" t="s">
        <v>49</v>
      </c>
      <c r="B1983" s="2" t="s">
        <v>7257</v>
      </c>
      <c r="C1983" s="4" t="s">
        <v>6</v>
      </c>
      <c r="D1983" s="5" t="s">
        <v>1027</v>
      </c>
      <c r="E1983" s="5" t="s">
        <v>7258</v>
      </c>
      <c r="F1983" s="6" t="s">
        <v>7259</v>
      </c>
      <c r="G1983" s="2"/>
      <c r="H1983" s="4"/>
      <c r="I1983" s="5"/>
      <c r="J1983" s="5"/>
      <c r="K1983" s="5"/>
      <c r="L1983" s="6"/>
      <c r="M1983" s="2" t="s">
        <v>7260</v>
      </c>
      <c r="N1983" s="3">
        <v>43049</v>
      </c>
      <c r="O1983" s="3">
        <v>44896</v>
      </c>
      <c r="P1983" s="3">
        <v>46721</v>
      </c>
    </row>
    <row r="1984" spans="1:16" x14ac:dyDescent="0.15">
      <c r="A1984" s="2" t="s">
        <v>49</v>
      </c>
      <c r="B1984" s="2" t="s">
        <v>11221</v>
      </c>
      <c r="C1984" s="4" t="s">
        <v>6</v>
      </c>
      <c r="D1984" s="5" t="s">
        <v>8618</v>
      </c>
      <c r="E1984" s="5" t="s">
        <v>9886</v>
      </c>
      <c r="F1984" s="6" t="s">
        <v>5</v>
      </c>
      <c r="G1984" s="2" t="s">
        <v>11221</v>
      </c>
      <c r="H1984" s="4" t="s">
        <v>9</v>
      </c>
      <c r="I1984" s="5" t="s">
        <v>6</v>
      </c>
      <c r="J1984" s="5" t="s">
        <v>8618</v>
      </c>
      <c r="K1984" s="5" t="s">
        <v>9886</v>
      </c>
      <c r="L1984" s="6" t="s">
        <v>5</v>
      </c>
      <c r="M1984" s="2" t="s">
        <v>11222</v>
      </c>
      <c r="N1984" s="3">
        <v>32830</v>
      </c>
      <c r="O1984" s="3">
        <v>45474</v>
      </c>
      <c r="P1984" s="3">
        <v>47664</v>
      </c>
    </row>
    <row r="1985" spans="1:16" x14ac:dyDescent="0.15">
      <c r="A1985" s="2" t="s">
        <v>49</v>
      </c>
      <c r="B1985" s="2" t="s">
        <v>7266</v>
      </c>
      <c r="C1985" s="4" t="s">
        <v>6</v>
      </c>
      <c r="D1985" s="5" t="s">
        <v>1027</v>
      </c>
      <c r="E1985" s="5" t="s">
        <v>6963</v>
      </c>
      <c r="F1985" s="6" t="s">
        <v>7267</v>
      </c>
      <c r="G1985" s="2"/>
      <c r="H1985" s="4"/>
      <c r="I1985" s="5"/>
      <c r="J1985" s="5"/>
      <c r="K1985" s="5"/>
      <c r="L1985" s="6"/>
      <c r="M1985" s="2" t="s">
        <v>7268</v>
      </c>
      <c r="N1985" s="3">
        <v>40274</v>
      </c>
      <c r="O1985" s="3">
        <v>44896</v>
      </c>
      <c r="P1985" s="3">
        <v>47087</v>
      </c>
    </row>
    <row r="1986" spans="1:16" x14ac:dyDescent="0.15">
      <c r="A1986" s="2" t="s">
        <v>49</v>
      </c>
      <c r="B1986" s="2" t="s">
        <v>11251</v>
      </c>
      <c r="C1986" s="4" t="s">
        <v>6</v>
      </c>
      <c r="D1986" s="5" t="s">
        <v>69</v>
      </c>
      <c r="E1986" s="5" t="s">
        <v>11252</v>
      </c>
      <c r="F1986" s="6" t="s">
        <v>8469</v>
      </c>
      <c r="G1986" s="2" t="s">
        <v>11247</v>
      </c>
      <c r="H1986" s="4" t="s">
        <v>29</v>
      </c>
      <c r="I1986" s="5" t="s">
        <v>11248</v>
      </c>
      <c r="J1986" s="5" t="s">
        <v>11249</v>
      </c>
      <c r="K1986" s="5" t="s">
        <v>11250</v>
      </c>
      <c r="L1986" s="6" t="s">
        <v>5</v>
      </c>
      <c r="M1986" s="2" t="s">
        <v>11253</v>
      </c>
      <c r="N1986" s="3">
        <v>43217</v>
      </c>
      <c r="O1986" s="3">
        <v>45444</v>
      </c>
      <c r="P1986" s="3">
        <v>47634</v>
      </c>
    </row>
    <row r="1987" spans="1:16" x14ac:dyDescent="0.15">
      <c r="A1987" s="2" t="s">
        <v>49</v>
      </c>
      <c r="B1987" s="2" t="s">
        <v>11262</v>
      </c>
      <c r="C1987" s="4" t="s">
        <v>6</v>
      </c>
      <c r="D1987" s="5" t="s">
        <v>500</v>
      </c>
      <c r="E1987" s="5" t="s">
        <v>11263</v>
      </c>
      <c r="F1987" s="6" t="s">
        <v>5</v>
      </c>
      <c r="G1987" s="2" t="s">
        <v>11260</v>
      </c>
      <c r="H1987" s="4" t="s">
        <v>9</v>
      </c>
      <c r="I1987" s="5" t="s">
        <v>6</v>
      </c>
      <c r="J1987" s="5" t="s">
        <v>500</v>
      </c>
      <c r="K1987" s="5" t="s">
        <v>11261</v>
      </c>
      <c r="L1987" s="6" t="s">
        <v>5</v>
      </c>
      <c r="M1987" s="2" t="s">
        <v>11264</v>
      </c>
      <c r="N1987" s="3">
        <v>32114</v>
      </c>
      <c r="O1987" s="3">
        <v>45444</v>
      </c>
      <c r="P1987" s="3">
        <v>47634</v>
      </c>
    </row>
    <row r="1988" spans="1:16" x14ac:dyDescent="0.15">
      <c r="A1988" s="2" t="s">
        <v>49</v>
      </c>
      <c r="B1988" s="2" t="s">
        <v>7277</v>
      </c>
      <c r="C1988" s="4" t="s">
        <v>6</v>
      </c>
      <c r="D1988" s="5" t="s">
        <v>1027</v>
      </c>
      <c r="E1988" s="5" t="s">
        <v>7279</v>
      </c>
      <c r="F1988" s="6" t="s">
        <v>7280</v>
      </c>
      <c r="G1988" s="2"/>
      <c r="H1988" s="4"/>
      <c r="I1988" s="5"/>
      <c r="J1988" s="5"/>
      <c r="K1988" s="5"/>
      <c r="L1988" s="6"/>
      <c r="M1988" s="2" t="s">
        <v>7281</v>
      </c>
      <c r="N1988" s="3">
        <v>42866</v>
      </c>
      <c r="O1988" s="3">
        <v>44896</v>
      </c>
      <c r="P1988" s="3">
        <v>46721</v>
      </c>
    </row>
    <row r="1989" spans="1:16" x14ac:dyDescent="0.15">
      <c r="A1989" s="2" t="s">
        <v>49</v>
      </c>
      <c r="B1989" s="2" t="s">
        <v>7282</v>
      </c>
      <c r="C1989" s="4" t="s">
        <v>6</v>
      </c>
      <c r="D1989" s="5" t="s">
        <v>7283</v>
      </c>
      <c r="E1989" s="5" t="s">
        <v>7284</v>
      </c>
      <c r="F1989" s="6" t="s">
        <v>5</v>
      </c>
      <c r="G1989" s="2" t="s">
        <v>7282</v>
      </c>
      <c r="H1989" s="4" t="s">
        <v>9</v>
      </c>
      <c r="I1989" s="5" t="s">
        <v>6</v>
      </c>
      <c r="J1989" s="5" t="s">
        <v>7283</v>
      </c>
      <c r="K1989" s="5" t="s">
        <v>7284</v>
      </c>
      <c r="L1989" s="6" t="s">
        <v>5</v>
      </c>
      <c r="M1989" s="2" t="s">
        <v>7285</v>
      </c>
      <c r="N1989" s="3">
        <v>44900</v>
      </c>
      <c r="O1989" s="3">
        <v>44900</v>
      </c>
      <c r="P1989" s="3">
        <v>47391</v>
      </c>
    </row>
    <row r="1990" spans="1:16" x14ac:dyDescent="0.15">
      <c r="A1990" s="2" t="s">
        <v>49</v>
      </c>
      <c r="B1990" s="2" t="s">
        <v>7286</v>
      </c>
      <c r="C1990" s="4" t="s">
        <v>6</v>
      </c>
      <c r="D1990" s="5" t="s">
        <v>631</v>
      </c>
      <c r="E1990" s="5" t="s">
        <v>5720</v>
      </c>
      <c r="F1990" s="6" t="s">
        <v>5</v>
      </c>
      <c r="G1990" s="2"/>
      <c r="H1990" s="4"/>
      <c r="I1990" s="5"/>
      <c r="J1990" s="5"/>
      <c r="K1990" s="5"/>
      <c r="L1990" s="6"/>
      <c r="M1990" s="2" t="s">
        <v>7287</v>
      </c>
      <c r="N1990" s="3">
        <v>44900</v>
      </c>
      <c r="O1990" s="3">
        <v>44900</v>
      </c>
      <c r="P1990" s="3">
        <v>46934</v>
      </c>
    </row>
    <row r="1991" spans="1:16" x14ac:dyDescent="0.15">
      <c r="A1991" s="2" t="s">
        <v>49</v>
      </c>
      <c r="B1991" s="2" t="s">
        <v>7288</v>
      </c>
      <c r="C1991" s="4" t="s">
        <v>6</v>
      </c>
      <c r="D1991" s="5" t="s">
        <v>608</v>
      </c>
      <c r="E1991" s="5" t="s">
        <v>3612</v>
      </c>
      <c r="F1991" s="6" t="s">
        <v>5</v>
      </c>
      <c r="G1991" s="2"/>
      <c r="H1991" s="4"/>
      <c r="I1991" s="5"/>
      <c r="J1991" s="5"/>
      <c r="K1991" s="5"/>
      <c r="L1991" s="6"/>
      <c r="M1991" s="2" t="s">
        <v>7289</v>
      </c>
      <c r="N1991" s="3">
        <v>33379</v>
      </c>
      <c r="O1991" s="3">
        <v>44896</v>
      </c>
      <c r="P1991" s="3">
        <v>47087</v>
      </c>
    </row>
    <row r="1992" spans="1:16" x14ac:dyDescent="0.15">
      <c r="A1992" s="2" t="s">
        <v>49</v>
      </c>
      <c r="B1992" s="2" t="s">
        <v>7291</v>
      </c>
      <c r="C1992" s="4" t="s">
        <v>6</v>
      </c>
      <c r="D1992" s="5" t="s">
        <v>616</v>
      </c>
      <c r="E1992" s="5" t="s">
        <v>7290</v>
      </c>
      <c r="F1992" s="6" t="s">
        <v>5</v>
      </c>
      <c r="G1992" s="2"/>
      <c r="H1992" s="4"/>
      <c r="I1992" s="5"/>
      <c r="J1992" s="5"/>
      <c r="K1992" s="5"/>
      <c r="L1992" s="6"/>
      <c r="M1992" s="2" t="s">
        <v>7292</v>
      </c>
      <c r="N1992" s="3">
        <v>29439</v>
      </c>
      <c r="O1992" s="3">
        <v>44896</v>
      </c>
      <c r="P1992" s="3">
        <v>47087</v>
      </c>
    </row>
    <row r="1993" spans="1:16" x14ac:dyDescent="0.15">
      <c r="A1993" s="2" t="s">
        <v>16</v>
      </c>
      <c r="B1993" s="2" t="s">
        <v>7293</v>
      </c>
      <c r="C1993" s="4" t="s">
        <v>6</v>
      </c>
      <c r="D1993" s="5" t="s">
        <v>7294</v>
      </c>
      <c r="E1993" s="5" t="s">
        <v>3053</v>
      </c>
      <c r="F1993" s="6" t="s">
        <v>7295</v>
      </c>
      <c r="G1993" s="2"/>
      <c r="H1993" s="4"/>
      <c r="I1993" s="5"/>
      <c r="J1993" s="5"/>
      <c r="K1993" s="5"/>
      <c r="L1993" s="6"/>
      <c r="M1993" s="2" t="s">
        <v>7296</v>
      </c>
      <c r="N1993" s="3">
        <v>44907</v>
      </c>
      <c r="O1993" s="3">
        <v>44907</v>
      </c>
      <c r="P1993" s="3">
        <v>47299</v>
      </c>
    </row>
    <row r="1994" spans="1:16" x14ac:dyDescent="0.15">
      <c r="A1994" s="2" t="s">
        <v>49</v>
      </c>
      <c r="B1994" s="2" t="s">
        <v>11265</v>
      </c>
      <c r="C1994" s="4" t="s">
        <v>6</v>
      </c>
      <c r="D1994" s="5" t="s">
        <v>500</v>
      </c>
      <c r="E1994" s="5" t="s">
        <v>11261</v>
      </c>
      <c r="F1994" s="6" t="s">
        <v>11266</v>
      </c>
      <c r="G1994" s="2" t="s">
        <v>11260</v>
      </c>
      <c r="H1994" s="4" t="s">
        <v>9</v>
      </c>
      <c r="I1994" s="5" t="s">
        <v>6</v>
      </c>
      <c r="J1994" s="5" t="s">
        <v>500</v>
      </c>
      <c r="K1994" s="5" t="s">
        <v>11261</v>
      </c>
      <c r="L1994" s="6" t="s">
        <v>5</v>
      </c>
      <c r="M1994" s="2" t="s">
        <v>11267</v>
      </c>
      <c r="N1994" s="3">
        <v>32116</v>
      </c>
      <c r="O1994" s="3">
        <v>45444</v>
      </c>
      <c r="P1994" s="3">
        <v>47634</v>
      </c>
    </row>
    <row r="1995" spans="1:16" x14ac:dyDescent="0.15">
      <c r="A1995" s="2" t="s">
        <v>49</v>
      </c>
      <c r="B1995" s="2" t="s">
        <v>7303</v>
      </c>
      <c r="C1995" s="4" t="s">
        <v>6</v>
      </c>
      <c r="D1995" s="5" t="s">
        <v>1027</v>
      </c>
      <c r="E1995" s="5" t="s">
        <v>2818</v>
      </c>
      <c r="F1995" s="6" t="s">
        <v>7304</v>
      </c>
      <c r="G1995" s="2"/>
      <c r="H1995" s="4"/>
      <c r="I1995" s="5"/>
      <c r="J1995" s="5"/>
      <c r="K1995" s="5"/>
      <c r="L1995" s="6"/>
      <c r="M1995" s="2" t="s">
        <v>7305</v>
      </c>
      <c r="N1995" s="3">
        <v>40501</v>
      </c>
      <c r="O1995" s="3">
        <v>44896</v>
      </c>
      <c r="P1995" s="3">
        <v>47087</v>
      </c>
    </row>
    <row r="1996" spans="1:16" x14ac:dyDescent="0.15">
      <c r="A1996" s="2" t="s">
        <v>49</v>
      </c>
      <c r="B1996" s="2" t="s">
        <v>7306</v>
      </c>
      <c r="C1996" s="4" t="s">
        <v>6</v>
      </c>
      <c r="D1996" s="5" t="s">
        <v>500</v>
      </c>
      <c r="E1996" s="5" t="s">
        <v>7307</v>
      </c>
      <c r="F1996" s="6" t="s">
        <v>7308</v>
      </c>
      <c r="G1996" s="2"/>
      <c r="H1996" s="4"/>
      <c r="I1996" s="5"/>
      <c r="J1996" s="5"/>
      <c r="K1996" s="5"/>
      <c r="L1996" s="6"/>
      <c r="M1996" s="2" t="s">
        <v>7309</v>
      </c>
      <c r="N1996" s="3">
        <v>45058</v>
      </c>
      <c r="O1996" s="3">
        <v>45058</v>
      </c>
      <c r="P1996" s="3">
        <v>46904</v>
      </c>
    </row>
    <row r="1997" spans="1:16" x14ac:dyDescent="0.15">
      <c r="A1997" s="2" t="s">
        <v>49</v>
      </c>
      <c r="B1997" s="2" t="s">
        <v>7310</v>
      </c>
      <c r="C1997" s="4" t="s">
        <v>6</v>
      </c>
      <c r="D1997" s="5" t="s">
        <v>1027</v>
      </c>
      <c r="E1997" s="5" t="s">
        <v>3851</v>
      </c>
      <c r="F1997" s="6" t="s">
        <v>7311</v>
      </c>
      <c r="G1997" s="2"/>
      <c r="H1997" s="4"/>
      <c r="I1997" s="5"/>
      <c r="J1997" s="5"/>
      <c r="K1997" s="5"/>
      <c r="L1997" s="6"/>
      <c r="M1997" s="2" t="s">
        <v>7312</v>
      </c>
      <c r="N1997" s="3">
        <v>44931</v>
      </c>
      <c r="O1997" s="3">
        <v>44931</v>
      </c>
      <c r="P1997" s="3">
        <v>47087</v>
      </c>
    </row>
    <row r="1998" spans="1:16" x14ac:dyDescent="0.15">
      <c r="A1998" s="2" t="s">
        <v>49</v>
      </c>
      <c r="B1998" s="2" t="s">
        <v>7313</v>
      </c>
      <c r="C1998" s="4" t="s">
        <v>6</v>
      </c>
      <c r="D1998" s="5" t="s">
        <v>608</v>
      </c>
      <c r="E1998" s="5" t="s">
        <v>7314</v>
      </c>
      <c r="F1998" s="6" t="s">
        <v>7315</v>
      </c>
      <c r="G1998" s="2"/>
      <c r="H1998" s="4"/>
      <c r="I1998" s="5"/>
      <c r="J1998" s="5"/>
      <c r="K1998" s="5"/>
      <c r="L1998" s="6"/>
      <c r="M1998" s="2" t="s">
        <v>7316</v>
      </c>
      <c r="N1998" s="3">
        <v>44901</v>
      </c>
      <c r="O1998" s="3">
        <v>44901</v>
      </c>
      <c r="P1998" s="3">
        <v>47452</v>
      </c>
    </row>
    <row r="1999" spans="1:16" x14ac:dyDescent="0.15">
      <c r="A1999" s="2" t="s">
        <v>49</v>
      </c>
      <c r="B1999" s="2" t="s">
        <v>11275</v>
      </c>
      <c r="C1999" s="4" t="s">
        <v>6</v>
      </c>
      <c r="D1999" s="5" t="s">
        <v>45</v>
      </c>
      <c r="E1999" s="5" t="s">
        <v>11276</v>
      </c>
      <c r="F1999" s="6" t="s">
        <v>5</v>
      </c>
      <c r="G1999" s="2" t="s">
        <v>11273</v>
      </c>
      <c r="H1999" s="4" t="s">
        <v>9</v>
      </c>
      <c r="I1999" s="5" t="s">
        <v>663</v>
      </c>
      <c r="J1999" s="5" t="s">
        <v>11274</v>
      </c>
      <c r="K1999" s="5" t="s">
        <v>5193</v>
      </c>
      <c r="L1999" s="6" t="s">
        <v>5</v>
      </c>
      <c r="M1999" s="2" t="s">
        <v>11277</v>
      </c>
      <c r="N1999" s="3">
        <v>43266</v>
      </c>
      <c r="O1999" s="3">
        <v>45474</v>
      </c>
      <c r="P1999" s="3">
        <v>47664</v>
      </c>
    </row>
    <row r="2000" spans="1:16" x14ac:dyDescent="0.15">
      <c r="A2000" s="2" t="s">
        <v>49</v>
      </c>
      <c r="B2000" s="2" t="s">
        <v>7321</v>
      </c>
      <c r="C2000" s="4" t="s">
        <v>6</v>
      </c>
      <c r="D2000" s="5" t="s">
        <v>608</v>
      </c>
      <c r="E2000" s="5" t="s">
        <v>7322</v>
      </c>
      <c r="F2000" s="6" t="s">
        <v>7323</v>
      </c>
      <c r="G2000" s="2"/>
      <c r="H2000" s="4"/>
      <c r="I2000" s="5"/>
      <c r="J2000" s="5"/>
      <c r="K2000" s="5"/>
      <c r="L2000" s="6"/>
      <c r="M2000" s="2" t="s">
        <v>7324</v>
      </c>
      <c r="N2000" s="3">
        <v>44907</v>
      </c>
      <c r="O2000" s="3">
        <v>44907</v>
      </c>
      <c r="P2000" s="3">
        <v>47087</v>
      </c>
    </row>
    <row r="2001" spans="1:16" x14ac:dyDescent="0.15">
      <c r="A2001" s="2" t="s">
        <v>49</v>
      </c>
      <c r="B2001" s="2" t="s">
        <v>7325</v>
      </c>
      <c r="C2001" s="4" t="s">
        <v>6</v>
      </c>
      <c r="D2001" s="5" t="s">
        <v>608</v>
      </c>
      <c r="E2001" s="5" t="s">
        <v>1575</v>
      </c>
      <c r="F2001" s="6" t="s">
        <v>7326</v>
      </c>
      <c r="G2001" s="2"/>
      <c r="H2001" s="4"/>
      <c r="I2001" s="5"/>
      <c r="J2001" s="5"/>
      <c r="K2001" s="5"/>
      <c r="L2001" s="6"/>
      <c r="M2001" s="2" t="s">
        <v>7327</v>
      </c>
      <c r="N2001" s="3">
        <v>44903</v>
      </c>
      <c r="O2001" s="3">
        <v>44903</v>
      </c>
      <c r="P2001" s="3">
        <v>47087</v>
      </c>
    </row>
    <row r="2002" spans="1:16" x14ac:dyDescent="0.15">
      <c r="A2002" s="2" t="s">
        <v>49</v>
      </c>
      <c r="B2002" s="2" t="s">
        <v>7328</v>
      </c>
      <c r="C2002" s="4" t="s">
        <v>6</v>
      </c>
      <c r="D2002" s="5" t="s">
        <v>1027</v>
      </c>
      <c r="E2002" s="5" t="s">
        <v>3312</v>
      </c>
      <c r="F2002" s="6" t="s">
        <v>7329</v>
      </c>
      <c r="G2002" s="2"/>
      <c r="H2002" s="4"/>
      <c r="I2002" s="5"/>
      <c r="J2002" s="5"/>
      <c r="K2002" s="5"/>
      <c r="L2002" s="6"/>
      <c r="M2002" s="2" t="s">
        <v>7330</v>
      </c>
      <c r="N2002" s="3">
        <v>44907</v>
      </c>
      <c r="O2002" s="3">
        <v>44907</v>
      </c>
      <c r="P2002" s="3">
        <v>47087</v>
      </c>
    </row>
    <row r="2003" spans="1:16" x14ac:dyDescent="0.15">
      <c r="A2003" s="2" t="s">
        <v>49</v>
      </c>
      <c r="B2003" s="2" t="s">
        <v>7331</v>
      </c>
      <c r="C2003" s="4" t="s">
        <v>6</v>
      </c>
      <c r="D2003" s="5" t="s">
        <v>45</v>
      </c>
      <c r="E2003" s="5" t="s">
        <v>7332</v>
      </c>
      <c r="F2003" s="6" t="s">
        <v>7333</v>
      </c>
      <c r="G2003" s="2"/>
      <c r="H2003" s="4"/>
      <c r="I2003" s="5"/>
      <c r="J2003" s="5"/>
      <c r="K2003" s="5"/>
      <c r="L2003" s="6"/>
      <c r="M2003" s="2" t="s">
        <v>7334</v>
      </c>
      <c r="N2003" s="3">
        <v>45142</v>
      </c>
      <c r="O2003" s="3">
        <v>45142</v>
      </c>
      <c r="P2003" s="3">
        <v>47452</v>
      </c>
    </row>
    <row r="2004" spans="1:16" x14ac:dyDescent="0.15">
      <c r="A2004" s="2" t="s">
        <v>49</v>
      </c>
      <c r="B2004" s="2" t="s">
        <v>7335</v>
      </c>
      <c r="C2004" s="4" t="s">
        <v>6</v>
      </c>
      <c r="D2004" s="5" t="s">
        <v>1152</v>
      </c>
      <c r="E2004" s="5" t="s">
        <v>7336</v>
      </c>
      <c r="F2004" s="6" t="s">
        <v>7337</v>
      </c>
      <c r="G2004" s="2"/>
      <c r="H2004" s="4"/>
      <c r="I2004" s="5"/>
      <c r="J2004" s="5"/>
      <c r="K2004" s="5"/>
      <c r="L2004" s="6"/>
      <c r="M2004" s="2" t="s">
        <v>7338</v>
      </c>
      <c r="N2004" s="3">
        <v>44912</v>
      </c>
      <c r="O2004" s="3">
        <v>44912</v>
      </c>
      <c r="P2004" s="3">
        <v>47452</v>
      </c>
    </row>
    <row r="2005" spans="1:16" x14ac:dyDescent="0.15">
      <c r="A2005" s="2" t="s">
        <v>16</v>
      </c>
      <c r="B2005" s="2" t="s">
        <v>7335</v>
      </c>
      <c r="C2005" s="4" t="s">
        <v>6</v>
      </c>
      <c r="D2005" s="5" t="s">
        <v>1152</v>
      </c>
      <c r="E2005" s="5" t="s">
        <v>7336</v>
      </c>
      <c r="F2005" s="6" t="s">
        <v>7337</v>
      </c>
      <c r="G2005" s="2"/>
      <c r="H2005" s="4"/>
      <c r="I2005" s="5"/>
      <c r="J2005" s="5"/>
      <c r="K2005" s="5"/>
      <c r="L2005" s="6"/>
      <c r="M2005" s="2" t="s">
        <v>7339</v>
      </c>
      <c r="N2005" s="3">
        <v>44912</v>
      </c>
      <c r="O2005" s="3">
        <v>44912</v>
      </c>
      <c r="P2005" s="3">
        <v>47452</v>
      </c>
    </row>
    <row r="2006" spans="1:16" x14ac:dyDescent="0.15">
      <c r="A2006" s="2" t="s">
        <v>49</v>
      </c>
      <c r="B2006" s="2" t="s">
        <v>11278</v>
      </c>
      <c r="C2006" s="4" t="s">
        <v>6</v>
      </c>
      <c r="D2006" s="5" t="s">
        <v>1072</v>
      </c>
      <c r="E2006" s="5" t="s">
        <v>11279</v>
      </c>
      <c r="F2006" s="6" t="s">
        <v>5</v>
      </c>
      <c r="G2006" s="2" t="s">
        <v>11278</v>
      </c>
      <c r="H2006" s="4" t="s">
        <v>9</v>
      </c>
      <c r="I2006" s="5" t="s">
        <v>6</v>
      </c>
      <c r="J2006" s="5" t="s">
        <v>1072</v>
      </c>
      <c r="K2006" s="5" t="s">
        <v>11279</v>
      </c>
      <c r="L2006" s="6" t="s">
        <v>5</v>
      </c>
      <c r="M2006" s="2" t="s">
        <v>11280</v>
      </c>
      <c r="N2006" s="3">
        <v>43371</v>
      </c>
      <c r="O2006" s="3">
        <v>45474</v>
      </c>
      <c r="P2006" s="3">
        <v>47664</v>
      </c>
    </row>
    <row r="2007" spans="1:16" x14ac:dyDescent="0.15">
      <c r="A2007" s="2" t="s">
        <v>49</v>
      </c>
      <c r="B2007" s="2" t="s">
        <v>11293</v>
      </c>
      <c r="C2007" s="4" t="s">
        <v>6</v>
      </c>
      <c r="D2007" s="5" t="s">
        <v>45</v>
      </c>
      <c r="E2007" s="5" t="s">
        <v>11294</v>
      </c>
      <c r="F2007" s="6" t="s">
        <v>5</v>
      </c>
      <c r="G2007" s="2" t="s">
        <v>11291</v>
      </c>
      <c r="H2007" s="4" t="s">
        <v>9</v>
      </c>
      <c r="I2007" s="5" t="s">
        <v>6</v>
      </c>
      <c r="J2007" s="5" t="s">
        <v>489</v>
      </c>
      <c r="K2007" s="5" t="s">
        <v>11292</v>
      </c>
      <c r="L2007" s="6" t="s">
        <v>5</v>
      </c>
      <c r="M2007" s="2" t="s">
        <v>11295</v>
      </c>
      <c r="N2007" s="3">
        <v>45435</v>
      </c>
      <c r="O2007" s="3">
        <v>45435</v>
      </c>
      <c r="P2007" s="3">
        <v>45799</v>
      </c>
    </row>
    <row r="2008" spans="1:16" x14ac:dyDescent="0.15">
      <c r="A2008" s="2" t="s">
        <v>49</v>
      </c>
      <c r="B2008" s="2" t="s">
        <v>11298</v>
      </c>
      <c r="C2008" s="4" t="s">
        <v>6</v>
      </c>
      <c r="D2008" s="5" t="s">
        <v>247</v>
      </c>
      <c r="E2008" s="5" t="s">
        <v>1540</v>
      </c>
      <c r="F2008" s="6" t="s">
        <v>11299</v>
      </c>
      <c r="G2008" s="2" t="s">
        <v>11296</v>
      </c>
      <c r="H2008" s="4" t="s">
        <v>9</v>
      </c>
      <c r="I2008" s="5" t="s">
        <v>6</v>
      </c>
      <c r="J2008" s="5" t="s">
        <v>5625</v>
      </c>
      <c r="K2008" s="5" t="s">
        <v>11297</v>
      </c>
      <c r="L2008" s="6" t="s">
        <v>5</v>
      </c>
      <c r="M2008" s="2" t="s">
        <v>11300</v>
      </c>
      <c r="N2008" s="3">
        <v>45268</v>
      </c>
      <c r="O2008" s="3">
        <v>45268</v>
      </c>
      <c r="P2008" s="3">
        <v>47269</v>
      </c>
    </row>
    <row r="2009" spans="1:16" x14ac:dyDescent="0.15">
      <c r="A2009" s="2" t="s">
        <v>49</v>
      </c>
      <c r="B2009" s="2" t="s">
        <v>11311</v>
      </c>
      <c r="C2009" s="4" t="s">
        <v>6</v>
      </c>
      <c r="D2009" s="5" t="s">
        <v>378</v>
      </c>
      <c r="E2009" s="5" t="s">
        <v>11310</v>
      </c>
      <c r="F2009" s="6" t="s">
        <v>5</v>
      </c>
      <c r="G2009" s="2" t="s">
        <v>11309</v>
      </c>
      <c r="H2009" s="4" t="s">
        <v>9</v>
      </c>
      <c r="I2009" s="5" t="s">
        <v>6</v>
      </c>
      <c r="J2009" s="5" t="s">
        <v>378</v>
      </c>
      <c r="K2009" s="5" t="s">
        <v>11310</v>
      </c>
      <c r="L2009" s="6" t="s">
        <v>5</v>
      </c>
      <c r="M2009" s="2" t="s">
        <v>11312</v>
      </c>
      <c r="N2009" s="3">
        <v>33682</v>
      </c>
      <c r="O2009" s="3">
        <v>45444</v>
      </c>
      <c r="P2009" s="3">
        <v>47634</v>
      </c>
    </row>
    <row r="2010" spans="1:16" x14ac:dyDescent="0.15">
      <c r="A2010" s="2" t="s">
        <v>49</v>
      </c>
      <c r="B2010" s="2" t="s">
        <v>11315</v>
      </c>
      <c r="C2010" s="4" t="s">
        <v>6</v>
      </c>
      <c r="D2010" s="5" t="s">
        <v>378</v>
      </c>
      <c r="E2010" s="5" t="s">
        <v>11314</v>
      </c>
      <c r="F2010" s="6" t="s">
        <v>5</v>
      </c>
      <c r="G2010" s="2" t="s">
        <v>11313</v>
      </c>
      <c r="H2010" s="4" t="s">
        <v>9</v>
      </c>
      <c r="I2010" s="5" t="s">
        <v>6</v>
      </c>
      <c r="J2010" s="5" t="s">
        <v>378</v>
      </c>
      <c r="K2010" s="5" t="s">
        <v>11314</v>
      </c>
      <c r="L2010" s="6" t="s">
        <v>5</v>
      </c>
      <c r="M2010" s="2" t="s">
        <v>11316</v>
      </c>
      <c r="N2010" s="3">
        <v>36194</v>
      </c>
      <c r="O2010" s="3">
        <v>45444</v>
      </c>
      <c r="P2010" s="3">
        <v>47269</v>
      </c>
    </row>
    <row r="2011" spans="1:16" x14ac:dyDescent="0.15">
      <c r="A2011" s="2" t="s">
        <v>49</v>
      </c>
      <c r="B2011" s="2" t="s">
        <v>11319</v>
      </c>
      <c r="C2011" s="4" t="s">
        <v>6</v>
      </c>
      <c r="D2011" s="5" t="s">
        <v>500</v>
      </c>
      <c r="E2011" s="5" t="s">
        <v>5083</v>
      </c>
      <c r="F2011" s="6" t="s">
        <v>11320</v>
      </c>
      <c r="G2011" s="2" t="s">
        <v>11317</v>
      </c>
      <c r="H2011" s="4" t="s">
        <v>9</v>
      </c>
      <c r="I2011" s="5" t="s">
        <v>6</v>
      </c>
      <c r="J2011" s="5" t="s">
        <v>500</v>
      </c>
      <c r="K2011" s="5" t="s">
        <v>11318</v>
      </c>
      <c r="L2011" s="6" t="s">
        <v>5</v>
      </c>
      <c r="M2011" s="2" t="s">
        <v>11321</v>
      </c>
      <c r="N2011" s="3">
        <v>43213</v>
      </c>
      <c r="O2011" s="3">
        <v>45444</v>
      </c>
      <c r="P2011" s="3">
        <v>47634</v>
      </c>
    </row>
    <row r="2012" spans="1:16" x14ac:dyDescent="0.15">
      <c r="A2012" s="2" t="s">
        <v>49</v>
      </c>
      <c r="B2012" s="2" t="s">
        <v>11361</v>
      </c>
      <c r="C2012" s="4" t="s">
        <v>6</v>
      </c>
      <c r="D2012" s="5" t="s">
        <v>6663</v>
      </c>
      <c r="E2012" s="5" t="s">
        <v>11362</v>
      </c>
      <c r="F2012" s="6" t="s">
        <v>5</v>
      </c>
      <c r="G2012" s="2" t="s">
        <v>11358</v>
      </c>
      <c r="H2012" s="4" t="s">
        <v>9</v>
      </c>
      <c r="I2012" s="5" t="s">
        <v>58</v>
      </c>
      <c r="J2012" s="5" t="s">
        <v>11359</v>
      </c>
      <c r="K2012" s="5" t="s">
        <v>11360</v>
      </c>
      <c r="L2012" s="6" t="s">
        <v>5</v>
      </c>
      <c r="M2012" s="2" t="s">
        <v>11363</v>
      </c>
      <c r="N2012" s="3">
        <v>43193</v>
      </c>
      <c r="O2012" s="3">
        <v>45474</v>
      </c>
      <c r="P2012" s="3">
        <v>47664</v>
      </c>
    </row>
    <row r="2013" spans="1:16" x14ac:dyDescent="0.15">
      <c r="A2013" s="2" t="s">
        <v>49</v>
      </c>
      <c r="B2013" s="2" t="s">
        <v>11370</v>
      </c>
      <c r="C2013" s="4" t="s">
        <v>6</v>
      </c>
      <c r="D2013" s="5" t="s">
        <v>174</v>
      </c>
      <c r="E2013" s="5" t="s">
        <v>11371</v>
      </c>
      <c r="F2013" s="6" t="s">
        <v>11372</v>
      </c>
      <c r="G2013" s="2" t="s">
        <v>11368</v>
      </c>
      <c r="H2013" s="4" t="s">
        <v>9</v>
      </c>
      <c r="I2013" s="5" t="s">
        <v>6</v>
      </c>
      <c r="J2013" s="5" t="s">
        <v>200</v>
      </c>
      <c r="K2013" s="5" t="s">
        <v>11369</v>
      </c>
      <c r="L2013" s="6" t="s">
        <v>5</v>
      </c>
      <c r="M2013" s="2" t="s">
        <v>11373</v>
      </c>
      <c r="N2013" s="3">
        <v>44630</v>
      </c>
      <c r="O2013" s="3">
        <v>44630</v>
      </c>
      <c r="P2013" s="3">
        <v>47026</v>
      </c>
    </row>
    <row r="2014" spans="1:16" x14ac:dyDescent="0.15">
      <c r="A2014" s="2" t="s">
        <v>49</v>
      </c>
      <c r="B2014" s="2" t="s">
        <v>6726</v>
      </c>
      <c r="C2014" s="4" t="s">
        <v>6</v>
      </c>
      <c r="D2014" s="5" t="s">
        <v>1027</v>
      </c>
      <c r="E2014" s="5" t="s">
        <v>3002</v>
      </c>
      <c r="F2014" s="6" t="s">
        <v>7364</v>
      </c>
      <c r="G2014" s="2"/>
      <c r="H2014" s="4"/>
      <c r="I2014" s="5"/>
      <c r="J2014" s="5"/>
      <c r="K2014" s="5"/>
      <c r="L2014" s="6"/>
      <c r="M2014" s="2" t="s">
        <v>7365</v>
      </c>
      <c r="N2014" s="3">
        <v>45330</v>
      </c>
      <c r="O2014" s="3">
        <v>45330</v>
      </c>
      <c r="P2014" s="3">
        <v>47817</v>
      </c>
    </row>
    <row r="2015" spans="1:16" x14ac:dyDescent="0.15">
      <c r="A2015" s="2" t="s">
        <v>49</v>
      </c>
      <c r="B2015" s="2" t="s">
        <v>7366</v>
      </c>
      <c r="C2015" s="4" t="s">
        <v>6</v>
      </c>
      <c r="D2015" s="5" t="s">
        <v>1027</v>
      </c>
      <c r="E2015" s="5" t="s">
        <v>1597</v>
      </c>
      <c r="F2015" s="6" t="s">
        <v>7367</v>
      </c>
      <c r="G2015" s="2"/>
      <c r="H2015" s="4"/>
      <c r="I2015" s="5"/>
      <c r="J2015" s="5"/>
      <c r="K2015" s="5"/>
      <c r="L2015" s="6"/>
      <c r="M2015" s="2" t="s">
        <v>7368</v>
      </c>
      <c r="N2015" s="3">
        <v>45440</v>
      </c>
      <c r="O2015" s="3">
        <v>45440</v>
      </c>
      <c r="P2015" s="3">
        <v>47452</v>
      </c>
    </row>
    <row r="2016" spans="1:16" x14ac:dyDescent="0.15">
      <c r="A2016" s="2" t="s">
        <v>391</v>
      </c>
      <c r="B2016" s="2" t="s">
        <v>387</v>
      </c>
      <c r="C2016" s="4" t="s">
        <v>6</v>
      </c>
      <c r="D2016" s="5" t="s">
        <v>389</v>
      </c>
      <c r="E2016" s="5" t="s">
        <v>390</v>
      </c>
      <c r="F2016" s="6" t="s">
        <v>388</v>
      </c>
      <c r="G2016" s="2" t="s">
        <v>382</v>
      </c>
      <c r="H2016" s="4" t="s">
        <v>384</v>
      </c>
      <c r="I2016" s="5" t="s">
        <v>385</v>
      </c>
      <c r="J2016" s="5" t="s">
        <v>386</v>
      </c>
      <c r="K2016" s="5" t="s">
        <v>5</v>
      </c>
      <c r="L2016" s="6" t="s">
        <v>5</v>
      </c>
      <c r="M2016" s="2" t="s">
        <v>392</v>
      </c>
      <c r="N2016" s="3">
        <v>45030</v>
      </c>
      <c r="O2016" s="3">
        <v>45030</v>
      </c>
      <c r="P2016" s="3">
        <v>47269</v>
      </c>
    </row>
    <row r="2017" spans="1:16" x14ac:dyDescent="0.15">
      <c r="A2017" s="2" t="s">
        <v>49</v>
      </c>
      <c r="B2017" s="2" t="s">
        <v>7375</v>
      </c>
      <c r="C2017" s="4" t="s">
        <v>6</v>
      </c>
      <c r="D2017" s="5" t="s">
        <v>3288</v>
      </c>
      <c r="E2017" s="5" t="s">
        <v>2054</v>
      </c>
      <c r="F2017" s="6" t="s">
        <v>5</v>
      </c>
      <c r="G2017" s="2"/>
      <c r="H2017" s="4"/>
      <c r="I2017" s="5"/>
      <c r="J2017" s="5"/>
      <c r="K2017" s="5"/>
      <c r="L2017" s="6"/>
      <c r="M2017" s="2" t="s">
        <v>7376</v>
      </c>
      <c r="N2017" s="3">
        <v>44950</v>
      </c>
      <c r="O2017" s="3">
        <v>44950</v>
      </c>
      <c r="P2017" s="3">
        <v>47452</v>
      </c>
    </row>
    <row r="2018" spans="1:16" x14ac:dyDescent="0.15">
      <c r="A2018" s="2" t="s">
        <v>49</v>
      </c>
      <c r="B2018" s="2" t="s">
        <v>7377</v>
      </c>
      <c r="C2018" s="4" t="s">
        <v>6</v>
      </c>
      <c r="D2018" s="5" t="s">
        <v>5135</v>
      </c>
      <c r="E2018" s="5" t="s">
        <v>7378</v>
      </c>
      <c r="F2018" s="6" t="s">
        <v>5</v>
      </c>
      <c r="G2018" s="2"/>
      <c r="H2018" s="4"/>
      <c r="I2018" s="5"/>
      <c r="J2018" s="5"/>
      <c r="K2018" s="5"/>
      <c r="L2018" s="6"/>
      <c r="M2018" s="2" t="s">
        <v>7379</v>
      </c>
      <c r="N2018" s="3">
        <v>44917</v>
      </c>
      <c r="O2018" s="3">
        <v>44917</v>
      </c>
      <c r="P2018" s="3">
        <v>47057</v>
      </c>
    </row>
    <row r="2019" spans="1:16" x14ac:dyDescent="0.15">
      <c r="A2019" s="2" t="s">
        <v>49</v>
      </c>
      <c r="B2019" s="2" t="s">
        <v>7381</v>
      </c>
      <c r="C2019" s="4" t="s">
        <v>6</v>
      </c>
      <c r="D2019" s="5" t="s">
        <v>1286</v>
      </c>
      <c r="E2019" s="5" t="s">
        <v>7382</v>
      </c>
      <c r="F2019" s="6" t="s">
        <v>7383</v>
      </c>
      <c r="G2019" s="2"/>
      <c r="H2019" s="4"/>
      <c r="I2019" s="5"/>
      <c r="J2019" s="5"/>
      <c r="K2019" s="5"/>
      <c r="L2019" s="6"/>
      <c r="M2019" s="2" t="s">
        <v>7384</v>
      </c>
      <c r="N2019" s="3">
        <v>44941</v>
      </c>
      <c r="O2019" s="3">
        <v>44941</v>
      </c>
      <c r="P2019" s="3">
        <v>47026</v>
      </c>
    </row>
    <row r="2020" spans="1:16" x14ac:dyDescent="0.15">
      <c r="A2020" s="2" t="s">
        <v>49</v>
      </c>
      <c r="B2020" s="2" t="s">
        <v>7385</v>
      </c>
      <c r="C2020" s="4" t="s">
        <v>6</v>
      </c>
      <c r="D2020" s="5" t="s">
        <v>616</v>
      </c>
      <c r="E2020" s="5" t="s">
        <v>1479</v>
      </c>
      <c r="F2020" s="6" t="s">
        <v>7386</v>
      </c>
      <c r="G2020" s="2"/>
      <c r="H2020" s="4"/>
      <c r="I2020" s="5"/>
      <c r="J2020" s="5"/>
      <c r="K2020" s="5"/>
      <c r="L2020" s="6"/>
      <c r="M2020" s="2" t="s">
        <v>7387</v>
      </c>
      <c r="N2020" s="3">
        <v>45033</v>
      </c>
      <c r="O2020" s="3">
        <v>45033</v>
      </c>
      <c r="P2020" s="3">
        <v>47452</v>
      </c>
    </row>
    <row r="2021" spans="1:16" x14ac:dyDescent="0.15">
      <c r="A2021" s="2" t="s">
        <v>49</v>
      </c>
      <c r="B2021" s="2" t="s">
        <v>7389</v>
      </c>
      <c r="C2021" s="4" t="s">
        <v>6</v>
      </c>
      <c r="D2021" s="5" t="s">
        <v>2356</v>
      </c>
      <c r="E2021" s="5" t="s">
        <v>7388</v>
      </c>
      <c r="F2021" s="6" t="s">
        <v>5</v>
      </c>
      <c r="G2021" s="2"/>
      <c r="H2021" s="4"/>
      <c r="I2021" s="5"/>
      <c r="J2021" s="5"/>
      <c r="K2021" s="5"/>
      <c r="L2021" s="6"/>
      <c r="M2021" s="2" t="s">
        <v>7390</v>
      </c>
      <c r="N2021" s="3">
        <v>44958</v>
      </c>
      <c r="O2021" s="3">
        <v>44958</v>
      </c>
      <c r="P2021" s="3">
        <v>47208</v>
      </c>
    </row>
    <row r="2022" spans="1:16" x14ac:dyDescent="0.15">
      <c r="A2022" s="2" t="s">
        <v>49</v>
      </c>
      <c r="B2022" s="2" t="s">
        <v>7391</v>
      </c>
      <c r="C2022" s="4" t="s">
        <v>6</v>
      </c>
      <c r="D2022" s="5" t="s">
        <v>456</v>
      </c>
      <c r="E2022" s="5" t="s">
        <v>520</v>
      </c>
      <c r="F2022" s="6" t="s">
        <v>5</v>
      </c>
      <c r="G2022" s="2"/>
      <c r="H2022" s="4"/>
      <c r="I2022" s="5"/>
      <c r="J2022" s="5"/>
      <c r="K2022" s="5"/>
      <c r="L2022" s="6"/>
      <c r="M2022" s="2" t="s">
        <v>7392</v>
      </c>
      <c r="N2022" s="3">
        <v>44923</v>
      </c>
      <c r="O2022" s="3">
        <v>44923</v>
      </c>
      <c r="P2022" s="3">
        <v>46904</v>
      </c>
    </row>
    <row r="2023" spans="1:16" x14ac:dyDescent="0.15">
      <c r="A2023" s="2" t="s">
        <v>49</v>
      </c>
      <c r="B2023" s="2" t="s">
        <v>7393</v>
      </c>
      <c r="C2023" s="4" t="s">
        <v>6</v>
      </c>
      <c r="D2023" s="5" t="s">
        <v>4003</v>
      </c>
      <c r="E2023" s="5" t="s">
        <v>7394</v>
      </c>
      <c r="F2023" s="6" t="s">
        <v>5</v>
      </c>
      <c r="G2023" s="2"/>
      <c r="H2023" s="4"/>
      <c r="I2023" s="5"/>
      <c r="J2023" s="5"/>
      <c r="K2023" s="5"/>
      <c r="L2023" s="6"/>
      <c r="M2023" s="2" t="s">
        <v>7395</v>
      </c>
      <c r="N2023" s="3">
        <v>44923</v>
      </c>
      <c r="O2023" s="3">
        <v>44923</v>
      </c>
      <c r="P2023" s="3">
        <v>47422</v>
      </c>
    </row>
    <row r="2024" spans="1:16" x14ac:dyDescent="0.15">
      <c r="A2024" s="2" t="s">
        <v>391</v>
      </c>
      <c r="B2024" s="2" t="s">
        <v>393</v>
      </c>
      <c r="C2024" s="4" t="s">
        <v>6</v>
      </c>
      <c r="D2024" s="5" t="s">
        <v>389</v>
      </c>
      <c r="E2024" s="5" t="s">
        <v>390</v>
      </c>
      <c r="F2024" s="6" t="s">
        <v>388</v>
      </c>
      <c r="G2024" s="2" t="s">
        <v>382</v>
      </c>
      <c r="H2024" s="4" t="s">
        <v>384</v>
      </c>
      <c r="I2024" s="5" t="s">
        <v>385</v>
      </c>
      <c r="J2024" s="5" t="s">
        <v>386</v>
      </c>
      <c r="K2024" s="5" t="s">
        <v>5</v>
      </c>
      <c r="L2024" s="6" t="s">
        <v>5</v>
      </c>
      <c r="M2024" s="2" t="s">
        <v>394</v>
      </c>
      <c r="N2024" s="3">
        <v>45030</v>
      </c>
      <c r="O2024" s="3">
        <v>45030</v>
      </c>
      <c r="P2024" s="3">
        <v>47269</v>
      </c>
    </row>
    <row r="2025" spans="1:16" x14ac:dyDescent="0.15">
      <c r="A2025" s="2" t="s">
        <v>49</v>
      </c>
      <c r="B2025" s="2" t="s">
        <v>7401</v>
      </c>
      <c r="C2025" s="4" t="s">
        <v>6</v>
      </c>
      <c r="D2025" s="5" t="s">
        <v>696</v>
      </c>
      <c r="E2025" s="5" t="s">
        <v>4917</v>
      </c>
      <c r="F2025" s="6" t="s">
        <v>5</v>
      </c>
      <c r="G2025" s="2"/>
      <c r="H2025" s="4"/>
      <c r="I2025" s="5"/>
      <c r="J2025" s="5"/>
      <c r="K2025" s="5"/>
      <c r="L2025" s="6"/>
      <c r="M2025" s="2" t="s">
        <v>7402</v>
      </c>
      <c r="N2025" s="3">
        <v>45297</v>
      </c>
      <c r="O2025" s="3">
        <v>45297</v>
      </c>
      <c r="P2025" s="3">
        <v>45662</v>
      </c>
    </row>
    <row r="2026" spans="1:16" x14ac:dyDescent="0.15">
      <c r="A2026" s="2" t="s">
        <v>49</v>
      </c>
      <c r="B2026" s="2" t="s">
        <v>7403</v>
      </c>
      <c r="C2026" s="4" t="s">
        <v>6</v>
      </c>
      <c r="D2026" s="5" t="s">
        <v>848</v>
      </c>
      <c r="E2026" s="5" t="s">
        <v>6049</v>
      </c>
      <c r="F2026" s="6" t="s">
        <v>7404</v>
      </c>
      <c r="G2026" s="2"/>
      <c r="H2026" s="4"/>
      <c r="I2026" s="5"/>
      <c r="J2026" s="5"/>
      <c r="K2026" s="5"/>
      <c r="L2026" s="6"/>
      <c r="M2026" s="2" t="s">
        <v>7405</v>
      </c>
      <c r="N2026" s="3">
        <v>44939</v>
      </c>
      <c r="O2026" s="3">
        <v>44939</v>
      </c>
      <c r="P2026" s="3">
        <v>47269</v>
      </c>
    </row>
    <row r="2027" spans="1:16" x14ac:dyDescent="0.15">
      <c r="A2027" s="2" t="s">
        <v>49</v>
      </c>
      <c r="B2027" s="2" t="s">
        <v>7407</v>
      </c>
      <c r="C2027" s="4" t="s">
        <v>6</v>
      </c>
      <c r="D2027" s="5" t="s">
        <v>7406</v>
      </c>
      <c r="E2027" s="5" t="s">
        <v>7408</v>
      </c>
      <c r="F2027" s="6" t="s">
        <v>5</v>
      </c>
      <c r="G2027" s="2"/>
      <c r="H2027" s="4"/>
      <c r="I2027" s="5"/>
      <c r="J2027" s="5"/>
      <c r="K2027" s="5"/>
      <c r="L2027" s="6"/>
      <c r="M2027" s="2" t="s">
        <v>7409</v>
      </c>
      <c r="N2027" s="3">
        <v>44958</v>
      </c>
      <c r="O2027" s="3">
        <v>44958</v>
      </c>
      <c r="P2027" s="3">
        <v>47391</v>
      </c>
    </row>
    <row r="2028" spans="1:16" x14ac:dyDescent="0.15">
      <c r="A2028" s="2" t="s">
        <v>16</v>
      </c>
      <c r="B2028" s="2" t="s">
        <v>7407</v>
      </c>
      <c r="C2028" s="4" t="s">
        <v>6</v>
      </c>
      <c r="D2028" s="5" t="s">
        <v>7406</v>
      </c>
      <c r="E2028" s="5" t="s">
        <v>7408</v>
      </c>
      <c r="F2028" s="6" t="s">
        <v>5</v>
      </c>
      <c r="G2028" s="2"/>
      <c r="H2028" s="4"/>
      <c r="I2028" s="5"/>
      <c r="J2028" s="5"/>
      <c r="K2028" s="5"/>
      <c r="L2028" s="6"/>
      <c r="M2028" s="2" t="s">
        <v>7410</v>
      </c>
      <c r="N2028" s="3">
        <v>44973</v>
      </c>
      <c r="O2028" s="3">
        <v>44973</v>
      </c>
      <c r="P2028" s="3">
        <v>47391</v>
      </c>
    </row>
    <row r="2029" spans="1:16" x14ac:dyDescent="0.15">
      <c r="A2029" s="2" t="s">
        <v>391</v>
      </c>
      <c r="B2029" s="2" t="s">
        <v>395</v>
      </c>
      <c r="C2029" s="4" t="s">
        <v>6</v>
      </c>
      <c r="D2029" s="5" t="s">
        <v>396</v>
      </c>
      <c r="E2029" s="5" t="s">
        <v>397</v>
      </c>
      <c r="F2029" s="6" t="s">
        <v>5</v>
      </c>
      <c r="G2029" s="2" t="s">
        <v>382</v>
      </c>
      <c r="H2029" s="4" t="s">
        <v>384</v>
      </c>
      <c r="I2029" s="5" t="s">
        <v>385</v>
      </c>
      <c r="J2029" s="5" t="s">
        <v>386</v>
      </c>
      <c r="K2029" s="5" t="s">
        <v>5</v>
      </c>
      <c r="L2029" s="6" t="s">
        <v>5</v>
      </c>
      <c r="M2029" s="2" t="s">
        <v>398</v>
      </c>
      <c r="N2029" s="3">
        <v>45036</v>
      </c>
      <c r="O2029" s="3">
        <v>45036</v>
      </c>
      <c r="P2029" s="3">
        <v>47269</v>
      </c>
    </row>
    <row r="2030" spans="1:16" x14ac:dyDescent="0.15">
      <c r="A2030" s="2" t="s">
        <v>391</v>
      </c>
      <c r="B2030" s="2" t="s">
        <v>399</v>
      </c>
      <c r="C2030" s="4" t="s">
        <v>6</v>
      </c>
      <c r="D2030" s="5" t="s">
        <v>396</v>
      </c>
      <c r="E2030" s="5" t="s">
        <v>397</v>
      </c>
      <c r="F2030" s="6" t="s">
        <v>5</v>
      </c>
      <c r="G2030" s="2" t="s">
        <v>382</v>
      </c>
      <c r="H2030" s="4" t="s">
        <v>384</v>
      </c>
      <c r="I2030" s="5" t="s">
        <v>385</v>
      </c>
      <c r="J2030" s="5" t="s">
        <v>386</v>
      </c>
      <c r="K2030" s="5" t="s">
        <v>5</v>
      </c>
      <c r="L2030" s="6" t="s">
        <v>5</v>
      </c>
      <c r="M2030" s="2" t="s">
        <v>400</v>
      </c>
      <c r="N2030" s="3">
        <v>45036</v>
      </c>
      <c r="O2030" s="3">
        <v>45036</v>
      </c>
      <c r="P2030" s="3">
        <v>47269</v>
      </c>
    </row>
    <row r="2031" spans="1:16" x14ac:dyDescent="0.15">
      <c r="A2031" s="2" t="s">
        <v>49</v>
      </c>
      <c r="B2031" s="2" t="s">
        <v>7421</v>
      </c>
      <c r="C2031" s="4" t="s">
        <v>6</v>
      </c>
      <c r="D2031" s="5" t="s">
        <v>1510</v>
      </c>
      <c r="E2031" s="5" t="s">
        <v>3851</v>
      </c>
      <c r="F2031" s="6" t="s">
        <v>7422</v>
      </c>
      <c r="G2031" s="2"/>
      <c r="H2031" s="4"/>
      <c r="I2031" s="5"/>
      <c r="J2031" s="5"/>
      <c r="K2031" s="5"/>
      <c r="L2031" s="6"/>
      <c r="M2031" s="2" t="s">
        <v>7423</v>
      </c>
      <c r="N2031" s="3">
        <v>44986</v>
      </c>
      <c r="O2031" s="3">
        <v>44986</v>
      </c>
      <c r="P2031" s="3">
        <v>47391</v>
      </c>
    </row>
    <row r="2032" spans="1:16" x14ac:dyDescent="0.15">
      <c r="A2032" s="2" t="s">
        <v>49</v>
      </c>
      <c r="B2032" s="2" t="s">
        <v>7424</v>
      </c>
      <c r="C2032" s="4" t="s">
        <v>6</v>
      </c>
      <c r="D2032" s="5" t="s">
        <v>2179</v>
      </c>
      <c r="E2032" s="5" t="s">
        <v>7425</v>
      </c>
      <c r="F2032" s="6" t="s">
        <v>5</v>
      </c>
      <c r="G2032" s="2"/>
      <c r="H2032" s="4"/>
      <c r="I2032" s="5"/>
      <c r="J2032" s="5"/>
      <c r="K2032" s="5"/>
      <c r="L2032" s="6"/>
      <c r="M2032" s="2" t="s">
        <v>7426</v>
      </c>
      <c r="N2032" s="3">
        <v>45078</v>
      </c>
      <c r="O2032" s="3">
        <v>45078</v>
      </c>
      <c r="P2032" s="3">
        <v>47057</v>
      </c>
    </row>
    <row r="2033" spans="1:16" x14ac:dyDescent="0.15">
      <c r="A2033" s="2" t="s">
        <v>391</v>
      </c>
      <c r="B2033" s="2" t="s">
        <v>401</v>
      </c>
      <c r="C2033" s="4" t="s">
        <v>6</v>
      </c>
      <c r="D2033" s="5" t="s">
        <v>402</v>
      </c>
      <c r="E2033" s="5" t="s">
        <v>403</v>
      </c>
      <c r="F2033" s="6" t="s">
        <v>5</v>
      </c>
      <c r="G2033" s="2" t="s">
        <v>382</v>
      </c>
      <c r="H2033" s="4" t="s">
        <v>384</v>
      </c>
      <c r="I2033" s="5" t="s">
        <v>385</v>
      </c>
      <c r="J2033" s="5" t="s">
        <v>386</v>
      </c>
      <c r="K2033" s="5" t="s">
        <v>5</v>
      </c>
      <c r="L2033" s="6" t="s">
        <v>5</v>
      </c>
      <c r="M2033" s="2" t="s">
        <v>406</v>
      </c>
      <c r="N2033" s="3">
        <v>45099</v>
      </c>
      <c r="O2033" s="3">
        <v>45099</v>
      </c>
      <c r="P2033" s="3">
        <v>47634</v>
      </c>
    </row>
    <row r="2034" spans="1:16" x14ac:dyDescent="0.15">
      <c r="A2034" s="2" t="s">
        <v>391</v>
      </c>
      <c r="B2034" s="2" t="s">
        <v>2589</v>
      </c>
      <c r="C2034" s="4" t="s">
        <v>6</v>
      </c>
      <c r="D2034" s="5" t="s">
        <v>2590</v>
      </c>
      <c r="E2034" s="5" t="s">
        <v>2591</v>
      </c>
      <c r="F2034" s="6" t="s">
        <v>5</v>
      </c>
      <c r="G2034" s="2" t="s">
        <v>2586</v>
      </c>
      <c r="H2034" s="4" t="s">
        <v>29</v>
      </c>
      <c r="I2034" s="5" t="s">
        <v>504</v>
      </c>
      <c r="J2034" s="5" t="s">
        <v>2587</v>
      </c>
      <c r="K2034" s="5" t="s">
        <v>2588</v>
      </c>
      <c r="L2034" s="6" t="s">
        <v>5</v>
      </c>
      <c r="M2034" s="2" t="s">
        <v>2592</v>
      </c>
      <c r="N2034" s="3">
        <v>44134</v>
      </c>
      <c r="O2034" s="3">
        <v>44499</v>
      </c>
      <c r="P2034" s="3">
        <v>46904</v>
      </c>
    </row>
    <row r="2035" spans="1:16" x14ac:dyDescent="0.15">
      <c r="A2035" s="2" t="s">
        <v>391</v>
      </c>
      <c r="B2035" s="2" t="s">
        <v>3098</v>
      </c>
      <c r="C2035" s="4" t="s">
        <v>6</v>
      </c>
      <c r="D2035" s="5" t="s">
        <v>1148</v>
      </c>
      <c r="E2035" s="5" t="s">
        <v>1149</v>
      </c>
      <c r="F2035" s="6" t="s">
        <v>5</v>
      </c>
      <c r="G2035" s="2" t="s">
        <v>3096</v>
      </c>
      <c r="H2035" s="4" t="s">
        <v>9</v>
      </c>
      <c r="I2035" s="5" t="s">
        <v>663</v>
      </c>
      <c r="J2035" s="5" t="s">
        <v>3097</v>
      </c>
      <c r="K2035" s="5" t="s">
        <v>5</v>
      </c>
      <c r="L2035" s="6" t="s">
        <v>5</v>
      </c>
      <c r="M2035" s="2" t="s">
        <v>3099</v>
      </c>
      <c r="N2035" s="3">
        <v>34401</v>
      </c>
      <c r="O2035" s="3">
        <v>44348</v>
      </c>
      <c r="P2035" s="3">
        <v>46538</v>
      </c>
    </row>
    <row r="2036" spans="1:16" x14ac:dyDescent="0.15">
      <c r="A2036" s="2" t="s">
        <v>391</v>
      </c>
      <c r="B2036" s="2" t="s">
        <v>3100</v>
      </c>
      <c r="C2036" s="4" t="s">
        <v>6</v>
      </c>
      <c r="D2036" s="5" t="s">
        <v>755</v>
      </c>
      <c r="E2036" s="5" t="s">
        <v>3101</v>
      </c>
      <c r="F2036" s="6" t="s">
        <v>5</v>
      </c>
      <c r="G2036" s="2" t="s">
        <v>3096</v>
      </c>
      <c r="H2036" s="4" t="s">
        <v>9</v>
      </c>
      <c r="I2036" s="5" t="s">
        <v>663</v>
      </c>
      <c r="J2036" s="5" t="s">
        <v>3097</v>
      </c>
      <c r="K2036" s="5" t="s">
        <v>5</v>
      </c>
      <c r="L2036" s="6" t="s">
        <v>5</v>
      </c>
      <c r="M2036" s="2" t="s">
        <v>3102</v>
      </c>
      <c r="N2036" s="3">
        <v>34222</v>
      </c>
      <c r="O2036" s="3">
        <v>44348</v>
      </c>
      <c r="P2036" s="3">
        <v>46538</v>
      </c>
    </row>
    <row r="2037" spans="1:16" x14ac:dyDescent="0.15">
      <c r="A2037" s="2" t="s">
        <v>391</v>
      </c>
      <c r="B2037" s="2" t="s">
        <v>3103</v>
      </c>
      <c r="C2037" s="4" t="s">
        <v>6</v>
      </c>
      <c r="D2037" s="5" t="s">
        <v>1069</v>
      </c>
      <c r="E2037" s="5" t="s">
        <v>3104</v>
      </c>
      <c r="F2037" s="6" t="s">
        <v>5</v>
      </c>
      <c r="G2037" s="2" t="s">
        <v>3096</v>
      </c>
      <c r="H2037" s="4" t="s">
        <v>9</v>
      </c>
      <c r="I2037" s="5" t="s">
        <v>663</v>
      </c>
      <c r="J2037" s="5" t="s">
        <v>3097</v>
      </c>
      <c r="K2037" s="5" t="s">
        <v>5</v>
      </c>
      <c r="L2037" s="6" t="s">
        <v>5</v>
      </c>
      <c r="M2037" s="2" t="s">
        <v>3105</v>
      </c>
      <c r="N2037" s="3">
        <v>42425</v>
      </c>
      <c r="O2037" s="3">
        <v>44713</v>
      </c>
      <c r="P2037" s="3">
        <v>46904</v>
      </c>
    </row>
    <row r="2038" spans="1:16" x14ac:dyDescent="0.15">
      <c r="A2038" s="2" t="s">
        <v>391</v>
      </c>
      <c r="B2038" s="2" t="s">
        <v>3106</v>
      </c>
      <c r="C2038" s="4" t="s">
        <v>6</v>
      </c>
      <c r="D2038" s="5" t="s">
        <v>396</v>
      </c>
      <c r="E2038" s="5" t="s">
        <v>3107</v>
      </c>
      <c r="F2038" s="6" t="s">
        <v>5</v>
      </c>
      <c r="G2038" s="2" t="s">
        <v>3096</v>
      </c>
      <c r="H2038" s="4" t="s">
        <v>9</v>
      </c>
      <c r="I2038" s="5" t="s">
        <v>663</v>
      </c>
      <c r="J2038" s="5" t="s">
        <v>3097</v>
      </c>
      <c r="K2038" s="5" t="s">
        <v>5</v>
      </c>
      <c r="L2038" s="6" t="s">
        <v>5</v>
      </c>
      <c r="M2038" s="2" t="s">
        <v>3108</v>
      </c>
      <c r="N2038" s="3">
        <v>45084</v>
      </c>
      <c r="O2038" s="3">
        <v>45084</v>
      </c>
      <c r="P2038" s="3">
        <v>47634</v>
      </c>
    </row>
    <row r="2039" spans="1:16" x14ac:dyDescent="0.15">
      <c r="A2039" s="2" t="s">
        <v>36</v>
      </c>
      <c r="B2039" s="2" t="s">
        <v>32</v>
      </c>
      <c r="C2039" s="4" t="s">
        <v>6</v>
      </c>
      <c r="D2039" s="5" t="s">
        <v>33</v>
      </c>
      <c r="E2039" s="5" t="s">
        <v>34</v>
      </c>
      <c r="F2039" s="6" t="s">
        <v>5</v>
      </c>
      <c r="G2039" s="2" t="s">
        <v>27</v>
      </c>
      <c r="H2039" s="4" t="s">
        <v>29</v>
      </c>
      <c r="I2039" s="5" t="s">
        <v>30</v>
      </c>
      <c r="J2039" s="5" t="s">
        <v>31</v>
      </c>
      <c r="K2039" s="5" t="s">
        <v>5</v>
      </c>
      <c r="L2039" s="6" t="s">
        <v>5</v>
      </c>
      <c r="M2039" s="2" t="s">
        <v>37</v>
      </c>
      <c r="N2039" s="3">
        <v>44782</v>
      </c>
      <c r="O2039" s="3">
        <v>44782</v>
      </c>
      <c r="P2039" s="3">
        <v>47238</v>
      </c>
    </row>
    <row r="2040" spans="1:16" x14ac:dyDescent="0.15">
      <c r="A2040" s="2" t="s">
        <v>36</v>
      </c>
      <c r="B2040" s="2" t="s">
        <v>61</v>
      </c>
      <c r="C2040" s="4" t="s">
        <v>6</v>
      </c>
      <c r="D2040" s="5" t="s">
        <v>62</v>
      </c>
      <c r="E2040" s="5" t="s">
        <v>63</v>
      </c>
      <c r="F2040" s="6" t="s">
        <v>5</v>
      </c>
      <c r="G2040" s="2" t="s">
        <v>57</v>
      </c>
      <c r="H2040" s="4" t="s">
        <v>9</v>
      </c>
      <c r="I2040" s="5" t="s">
        <v>58</v>
      </c>
      <c r="J2040" s="5" t="s">
        <v>59</v>
      </c>
      <c r="K2040" s="5" t="s">
        <v>60</v>
      </c>
      <c r="L2040" s="6" t="s">
        <v>5</v>
      </c>
      <c r="M2040" s="2" t="s">
        <v>65</v>
      </c>
      <c r="N2040" s="3">
        <v>35339</v>
      </c>
      <c r="O2040" s="3">
        <v>43374</v>
      </c>
      <c r="P2040" s="3">
        <v>45565</v>
      </c>
    </row>
    <row r="2041" spans="1:16" x14ac:dyDescent="0.15">
      <c r="A2041" s="2" t="s">
        <v>49</v>
      </c>
      <c r="B2041" s="2" t="s">
        <v>7456</v>
      </c>
      <c r="C2041" s="4" t="s">
        <v>6</v>
      </c>
      <c r="D2041" s="5" t="s">
        <v>91</v>
      </c>
      <c r="E2041" s="5" t="s">
        <v>1453</v>
      </c>
      <c r="F2041" s="6" t="s">
        <v>5</v>
      </c>
      <c r="G2041" s="2"/>
      <c r="H2041" s="4"/>
      <c r="I2041" s="5"/>
      <c r="J2041" s="5"/>
      <c r="K2041" s="5"/>
      <c r="L2041" s="6"/>
      <c r="M2041" s="2" t="s">
        <v>7457</v>
      </c>
      <c r="N2041" s="3">
        <v>36689</v>
      </c>
      <c r="O2041" s="3">
        <v>45383</v>
      </c>
      <c r="P2041" s="3">
        <v>47573</v>
      </c>
    </row>
    <row r="2042" spans="1:16" x14ac:dyDescent="0.15">
      <c r="A2042" s="2" t="s">
        <v>16</v>
      </c>
      <c r="B2042" s="2" t="s">
        <v>7456</v>
      </c>
      <c r="C2042" s="4" t="s">
        <v>6</v>
      </c>
      <c r="D2042" s="5" t="s">
        <v>91</v>
      </c>
      <c r="E2042" s="5" t="s">
        <v>1453</v>
      </c>
      <c r="F2042" s="6" t="s">
        <v>5</v>
      </c>
      <c r="G2042" s="2"/>
      <c r="H2042" s="4"/>
      <c r="I2042" s="5"/>
      <c r="J2042" s="5"/>
      <c r="K2042" s="5"/>
      <c r="L2042" s="6"/>
      <c r="M2042" s="2" t="s">
        <v>7458</v>
      </c>
      <c r="N2042" s="3">
        <v>40362</v>
      </c>
      <c r="O2042" s="3">
        <v>45017</v>
      </c>
      <c r="P2042" s="3">
        <v>47208</v>
      </c>
    </row>
    <row r="2043" spans="1:16" x14ac:dyDescent="0.15">
      <c r="A2043" s="2" t="s">
        <v>36</v>
      </c>
      <c r="B2043" s="2" t="s">
        <v>68</v>
      </c>
      <c r="C2043" s="4" t="s">
        <v>6</v>
      </c>
      <c r="D2043" s="5" t="s">
        <v>69</v>
      </c>
      <c r="E2043" s="5" t="s">
        <v>70</v>
      </c>
      <c r="F2043" s="6" t="s">
        <v>5</v>
      </c>
      <c r="G2043" s="2" t="s">
        <v>57</v>
      </c>
      <c r="H2043" s="4" t="s">
        <v>9</v>
      </c>
      <c r="I2043" s="5" t="s">
        <v>58</v>
      </c>
      <c r="J2043" s="5" t="s">
        <v>59</v>
      </c>
      <c r="K2043" s="5" t="s">
        <v>60</v>
      </c>
      <c r="L2043" s="6" t="s">
        <v>5</v>
      </c>
      <c r="M2043" s="2" t="s">
        <v>72</v>
      </c>
      <c r="N2043" s="3">
        <v>32813</v>
      </c>
      <c r="O2043" s="3">
        <v>45444</v>
      </c>
      <c r="P2043" s="3">
        <v>47634</v>
      </c>
    </row>
    <row r="2044" spans="1:16" x14ac:dyDescent="0.15">
      <c r="A2044" s="2" t="s">
        <v>36</v>
      </c>
      <c r="B2044" s="2" t="s">
        <v>78</v>
      </c>
      <c r="C2044" s="4" t="s">
        <v>6</v>
      </c>
      <c r="D2044" s="5" t="s">
        <v>79</v>
      </c>
      <c r="E2044" s="5" t="s">
        <v>80</v>
      </c>
      <c r="F2044" s="6" t="s">
        <v>5</v>
      </c>
      <c r="G2044" s="2" t="s">
        <v>57</v>
      </c>
      <c r="H2044" s="4" t="s">
        <v>9</v>
      </c>
      <c r="I2044" s="5" t="s">
        <v>58</v>
      </c>
      <c r="J2044" s="5" t="s">
        <v>59</v>
      </c>
      <c r="K2044" s="5" t="s">
        <v>60</v>
      </c>
      <c r="L2044" s="6" t="s">
        <v>5</v>
      </c>
      <c r="M2044" s="2" t="s">
        <v>82</v>
      </c>
      <c r="N2044" s="3">
        <v>36237</v>
      </c>
      <c r="O2044" s="3">
        <v>43040</v>
      </c>
      <c r="P2044" s="3">
        <v>45596</v>
      </c>
    </row>
    <row r="2045" spans="1:16" x14ac:dyDescent="0.15">
      <c r="A2045" s="2" t="s">
        <v>42</v>
      </c>
      <c r="B2045" s="2" t="s">
        <v>7465</v>
      </c>
      <c r="C2045" s="4" t="s">
        <v>6</v>
      </c>
      <c r="D2045" s="5" t="s">
        <v>224</v>
      </c>
      <c r="E2045" s="5" t="s">
        <v>7466</v>
      </c>
      <c r="F2045" s="6" t="s">
        <v>5</v>
      </c>
      <c r="G2045" s="2"/>
      <c r="H2045" s="4"/>
      <c r="I2045" s="5"/>
      <c r="J2045" s="5"/>
      <c r="K2045" s="5"/>
      <c r="L2045" s="6"/>
      <c r="M2045" s="2" t="s">
        <v>7467</v>
      </c>
      <c r="N2045" s="3">
        <v>44952</v>
      </c>
      <c r="O2045" s="3">
        <v>44952</v>
      </c>
      <c r="P2045" s="3">
        <v>47238</v>
      </c>
    </row>
    <row r="2046" spans="1:16" x14ac:dyDescent="0.15">
      <c r="A2046" s="2" t="s">
        <v>49</v>
      </c>
      <c r="B2046" s="2" t="s">
        <v>7468</v>
      </c>
      <c r="C2046" s="4" t="s">
        <v>6</v>
      </c>
      <c r="D2046" s="5" t="s">
        <v>79</v>
      </c>
      <c r="E2046" s="5" t="s">
        <v>7469</v>
      </c>
      <c r="F2046" s="6" t="s">
        <v>7470</v>
      </c>
      <c r="G2046" s="2"/>
      <c r="H2046" s="4"/>
      <c r="I2046" s="5"/>
      <c r="J2046" s="5"/>
      <c r="K2046" s="5"/>
      <c r="L2046" s="6"/>
      <c r="M2046" s="2" t="s">
        <v>7471</v>
      </c>
      <c r="N2046" s="3">
        <v>45019</v>
      </c>
      <c r="O2046" s="3">
        <v>45019</v>
      </c>
      <c r="P2046" s="3">
        <v>47422</v>
      </c>
    </row>
    <row r="2047" spans="1:16" x14ac:dyDescent="0.15">
      <c r="A2047" s="2" t="s">
        <v>49</v>
      </c>
      <c r="B2047" s="2" t="s">
        <v>7472</v>
      </c>
      <c r="C2047" s="4" t="s">
        <v>6</v>
      </c>
      <c r="D2047" s="5" t="s">
        <v>2356</v>
      </c>
      <c r="E2047" s="5" t="s">
        <v>7473</v>
      </c>
      <c r="F2047" s="6" t="s">
        <v>5</v>
      </c>
      <c r="G2047" s="2"/>
      <c r="H2047" s="4"/>
      <c r="I2047" s="5"/>
      <c r="J2047" s="5"/>
      <c r="K2047" s="5"/>
      <c r="L2047" s="6"/>
      <c r="M2047" s="2" t="s">
        <v>7474</v>
      </c>
      <c r="N2047" s="3">
        <v>40451</v>
      </c>
      <c r="O2047" s="3">
        <v>45017</v>
      </c>
      <c r="P2047" s="3">
        <v>47208</v>
      </c>
    </row>
    <row r="2048" spans="1:16" x14ac:dyDescent="0.15">
      <c r="A2048" s="2" t="s">
        <v>36</v>
      </c>
      <c r="B2048" s="2" t="s">
        <v>84</v>
      </c>
      <c r="C2048" s="4" t="s">
        <v>6</v>
      </c>
      <c r="D2048" s="5" t="s">
        <v>85</v>
      </c>
      <c r="E2048" s="5" t="s">
        <v>86</v>
      </c>
      <c r="F2048" s="6" t="s">
        <v>5</v>
      </c>
      <c r="G2048" s="2" t="s">
        <v>57</v>
      </c>
      <c r="H2048" s="4" t="s">
        <v>9</v>
      </c>
      <c r="I2048" s="5" t="s">
        <v>58</v>
      </c>
      <c r="J2048" s="5" t="s">
        <v>59</v>
      </c>
      <c r="K2048" s="5" t="s">
        <v>60</v>
      </c>
      <c r="L2048" s="6" t="s">
        <v>5</v>
      </c>
      <c r="M2048" s="2" t="s">
        <v>88</v>
      </c>
      <c r="N2048" s="3">
        <v>40495</v>
      </c>
      <c r="O2048" s="3">
        <v>45047</v>
      </c>
      <c r="P2048" s="3">
        <v>47238</v>
      </c>
    </row>
    <row r="2049" spans="1:16" x14ac:dyDescent="0.15">
      <c r="A2049" s="2" t="s">
        <v>49</v>
      </c>
      <c r="B2049" s="2" t="s">
        <v>7481</v>
      </c>
      <c r="C2049" s="4" t="s">
        <v>6</v>
      </c>
      <c r="D2049" s="5" t="s">
        <v>613</v>
      </c>
      <c r="E2049" s="5" t="s">
        <v>2479</v>
      </c>
      <c r="F2049" s="6" t="s">
        <v>5</v>
      </c>
      <c r="G2049" s="2"/>
      <c r="H2049" s="4"/>
      <c r="I2049" s="5"/>
      <c r="J2049" s="5"/>
      <c r="K2049" s="5"/>
      <c r="L2049" s="6"/>
      <c r="M2049" s="2" t="s">
        <v>7482</v>
      </c>
      <c r="N2049" s="3">
        <v>44958</v>
      </c>
      <c r="O2049" s="3">
        <v>44958</v>
      </c>
      <c r="P2049" s="3">
        <v>46873</v>
      </c>
    </row>
    <row r="2050" spans="1:16" x14ac:dyDescent="0.15">
      <c r="A2050" s="2" t="s">
        <v>16</v>
      </c>
      <c r="B2050" s="2" t="s">
        <v>7481</v>
      </c>
      <c r="C2050" s="4" t="s">
        <v>6</v>
      </c>
      <c r="D2050" s="5" t="s">
        <v>613</v>
      </c>
      <c r="E2050" s="5" t="s">
        <v>2479</v>
      </c>
      <c r="F2050" s="6" t="s">
        <v>5</v>
      </c>
      <c r="G2050" s="2"/>
      <c r="H2050" s="4"/>
      <c r="I2050" s="5"/>
      <c r="J2050" s="5"/>
      <c r="K2050" s="5"/>
      <c r="L2050" s="6"/>
      <c r="M2050" s="2" t="s">
        <v>7483</v>
      </c>
      <c r="N2050" s="3">
        <v>44958</v>
      </c>
      <c r="O2050" s="3">
        <v>44958</v>
      </c>
      <c r="P2050" s="3">
        <v>46873</v>
      </c>
    </row>
    <row r="2051" spans="1:16" x14ac:dyDescent="0.15">
      <c r="A2051" s="2" t="s">
        <v>49</v>
      </c>
      <c r="B2051" s="2" t="s">
        <v>7484</v>
      </c>
      <c r="C2051" s="4" t="s">
        <v>6</v>
      </c>
      <c r="D2051" s="5" t="s">
        <v>7485</v>
      </c>
      <c r="E2051" s="5" t="s">
        <v>3845</v>
      </c>
      <c r="F2051" s="6" t="s">
        <v>5</v>
      </c>
      <c r="G2051" s="2"/>
      <c r="H2051" s="4"/>
      <c r="I2051" s="5"/>
      <c r="J2051" s="5"/>
      <c r="K2051" s="5"/>
      <c r="L2051" s="6"/>
      <c r="M2051" s="2" t="s">
        <v>7486</v>
      </c>
      <c r="N2051" s="3">
        <v>40555</v>
      </c>
      <c r="O2051" s="3">
        <v>45017</v>
      </c>
      <c r="P2051" s="3">
        <v>47208</v>
      </c>
    </row>
    <row r="2052" spans="1:16" x14ac:dyDescent="0.15">
      <c r="A2052" s="2" t="s">
        <v>49</v>
      </c>
      <c r="B2052" s="2" t="s">
        <v>7489</v>
      </c>
      <c r="C2052" s="4" t="s">
        <v>6</v>
      </c>
      <c r="D2052" s="5" t="s">
        <v>755</v>
      </c>
      <c r="E2052" s="5" t="s">
        <v>7490</v>
      </c>
      <c r="F2052" s="6" t="s">
        <v>5</v>
      </c>
      <c r="G2052" s="2" t="s">
        <v>7487</v>
      </c>
      <c r="H2052" s="4" t="s">
        <v>9</v>
      </c>
      <c r="I2052" s="5" t="s">
        <v>6</v>
      </c>
      <c r="J2052" s="5" t="s">
        <v>2617</v>
      </c>
      <c r="K2052" s="5" t="s">
        <v>7488</v>
      </c>
      <c r="L2052" s="6" t="s">
        <v>5</v>
      </c>
      <c r="M2052" s="2" t="s">
        <v>7491</v>
      </c>
      <c r="N2052" s="3">
        <v>40350</v>
      </c>
      <c r="O2052" s="3">
        <v>45017</v>
      </c>
      <c r="P2052" s="3">
        <v>47208</v>
      </c>
    </row>
    <row r="2053" spans="1:16" x14ac:dyDescent="0.15">
      <c r="A2053" s="2" t="s">
        <v>49</v>
      </c>
      <c r="B2053" s="2" t="s">
        <v>7492</v>
      </c>
      <c r="C2053" s="4" t="s">
        <v>6</v>
      </c>
      <c r="D2053" s="5" t="s">
        <v>273</v>
      </c>
      <c r="E2053" s="5" t="s">
        <v>7493</v>
      </c>
      <c r="F2053" s="6" t="s">
        <v>5</v>
      </c>
      <c r="G2053" s="2" t="s">
        <v>7487</v>
      </c>
      <c r="H2053" s="4" t="s">
        <v>9</v>
      </c>
      <c r="I2053" s="5" t="s">
        <v>6</v>
      </c>
      <c r="J2053" s="5" t="s">
        <v>2617</v>
      </c>
      <c r="K2053" s="5" t="s">
        <v>7488</v>
      </c>
      <c r="L2053" s="6" t="s">
        <v>5</v>
      </c>
      <c r="M2053" s="2" t="s">
        <v>7494</v>
      </c>
      <c r="N2053" s="3">
        <v>35359</v>
      </c>
      <c r="O2053" s="3">
        <v>45108</v>
      </c>
      <c r="P2053" s="3">
        <v>47299</v>
      </c>
    </row>
    <row r="2054" spans="1:16" x14ac:dyDescent="0.15">
      <c r="A2054" s="2" t="s">
        <v>36</v>
      </c>
      <c r="B2054" s="2" t="s">
        <v>90</v>
      </c>
      <c r="C2054" s="4" t="s">
        <v>6</v>
      </c>
      <c r="D2054" s="5" t="s">
        <v>91</v>
      </c>
      <c r="E2054" s="5" t="s">
        <v>92</v>
      </c>
      <c r="F2054" s="6" t="s">
        <v>5</v>
      </c>
      <c r="G2054" s="2" t="s">
        <v>57</v>
      </c>
      <c r="H2054" s="4" t="s">
        <v>9</v>
      </c>
      <c r="I2054" s="5" t="s">
        <v>58</v>
      </c>
      <c r="J2054" s="5" t="s">
        <v>59</v>
      </c>
      <c r="K2054" s="5" t="s">
        <v>60</v>
      </c>
      <c r="L2054" s="6" t="s">
        <v>5</v>
      </c>
      <c r="M2054" s="2" t="s">
        <v>94</v>
      </c>
      <c r="N2054" s="3">
        <v>34517</v>
      </c>
      <c r="O2054" s="3">
        <v>44287</v>
      </c>
      <c r="P2054" s="3">
        <v>46477</v>
      </c>
    </row>
    <row r="2055" spans="1:16" x14ac:dyDescent="0.15">
      <c r="A2055" s="2" t="s">
        <v>49</v>
      </c>
      <c r="B2055" s="2" t="s">
        <v>7499</v>
      </c>
      <c r="C2055" s="4" t="s">
        <v>6</v>
      </c>
      <c r="D2055" s="5" t="s">
        <v>5236</v>
      </c>
      <c r="E2055" s="5" t="s">
        <v>7500</v>
      </c>
      <c r="F2055" s="6" t="s">
        <v>7501</v>
      </c>
      <c r="G2055" s="2"/>
      <c r="H2055" s="4"/>
      <c r="I2055" s="5"/>
      <c r="J2055" s="5"/>
      <c r="K2055" s="5"/>
      <c r="L2055" s="6"/>
      <c r="M2055" s="2" t="s">
        <v>7502</v>
      </c>
      <c r="N2055" s="3">
        <v>44967</v>
      </c>
      <c r="O2055" s="3">
        <v>44967</v>
      </c>
      <c r="P2055" s="3">
        <v>47299</v>
      </c>
    </row>
    <row r="2056" spans="1:16" x14ac:dyDescent="0.15">
      <c r="A2056" s="2" t="s">
        <v>16</v>
      </c>
      <c r="B2056" s="2" t="s">
        <v>7499</v>
      </c>
      <c r="C2056" s="4" t="s">
        <v>6</v>
      </c>
      <c r="D2056" s="5" t="s">
        <v>5236</v>
      </c>
      <c r="E2056" s="5" t="s">
        <v>7500</v>
      </c>
      <c r="F2056" s="6" t="s">
        <v>7501</v>
      </c>
      <c r="G2056" s="2"/>
      <c r="H2056" s="4"/>
      <c r="I2056" s="5"/>
      <c r="J2056" s="5"/>
      <c r="K2056" s="5"/>
      <c r="L2056" s="6"/>
      <c r="M2056" s="2" t="s">
        <v>7503</v>
      </c>
      <c r="N2056" s="3">
        <v>44967</v>
      </c>
      <c r="O2056" s="3">
        <v>44967</v>
      </c>
      <c r="P2056" s="3">
        <v>47299</v>
      </c>
    </row>
    <row r="2057" spans="1:16" x14ac:dyDescent="0.15">
      <c r="A2057" s="2" t="s">
        <v>36</v>
      </c>
      <c r="B2057" s="2" t="s">
        <v>74</v>
      </c>
      <c r="C2057" s="4" t="s">
        <v>6</v>
      </c>
      <c r="D2057" s="5" t="s">
        <v>75</v>
      </c>
      <c r="E2057" s="5" t="s">
        <v>76</v>
      </c>
      <c r="F2057" s="6" t="s">
        <v>5</v>
      </c>
      <c r="G2057" s="2" t="s">
        <v>57</v>
      </c>
      <c r="H2057" s="4" t="s">
        <v>9</v>
      </c>
      <c r="I2057" s="5" t="s">
        <v>58</v>
      </c>
      <c r="J2057" s="5" t="s">
        <v>59</v>
      </c>
      <c r="K2057" s="5" t="s">
        <v>60</v>
      </c>
      <c r="L2057" s="6" t="s">
        <v>5</v>
      </c>
      <c r="M2057" s="2" t="s">
        <v>97</v>
      </c>
      <c r="N2057" s="3">
        <v>41365</v>
      </c>
      <c r="O2057" s="3">
        <v>43647</v>
      </c>
      <c r="P2057" s="3">
        <v>45838</v>
      </c>
    </row>
    <row r="2058" spans="1:16" x14ac:dyDescent="0.15">
      <c r="A2058" s="2" t="s">
        <v>36</v>
      </c>
      <c r="B2058" s="2" t="s">
        <v>98</v>
      </c>
      <c r="C2058" s="4" t="s">
        <v>6</v>
      </c>
      <c r="D2058" s="5" t="s">
        <v>99</v>
      </c>
      <c r="E2058" s="5" t="s">
        <v>100</v>
      </c>
      <c r="F2058" s="6" t="s">
        <v>5</v>
      </c>
      <c r="G2058" s="2" t="s">
        <v>57</v>
      </c>
      <c r="H2058" s="4" t="s">
        <v>9</v>
      </c>
      <c r="I2058" s="5" t="s">
        <v>58</v>
      </c>
      <c r="J2058" s="5" t="s">
        <v>59</v>
      </c>
      <c r="K2058" s="5" t="s">
        <v>60</v>
      </c>
      <c r="L2058" s="6" t="s">
        <v>5</v>
      </c>
      <c r="M2058" s="2" t="s">
        <v>102</v>
      </c>
      <c r="N2058" s="3">
        <v>40744</v>
      </c>
      <c r="O2058" s="3">
        <v>45474</v>
      </c>
      <c r="P2058" s="3">
        <v>47664</v>
      </c>
    </row>
    <row r="2059" spans="1:16" x14ac:dyDescent="0.15">
      <c r="A2059" s="2" t="s">
        <v>49</v>
      </c>
      <c r="B2059" s="2" t="s">
        <v>7512</v>
      </c>
      <c r="C2059" s="4" t="s">
        <v>6</v>
      </c>
      <c r="D2059" s="5" t="s">
        <v>1027</v>
      </c>
      <c r="E2059" s="5" t="s">
        <v>1322</v>
      </c>
      <c r="F2059" s="6" t="s">
        <v>7513</v>
      </c>
      <c r="G2059" s="2"/>
      <c r="H2059" s="4"/>
      <c r="I2059" s="5"/>
      <c r="J2059" s="5"/>
      <c r="K2059" s="5"/>
      <c r="L2059" s="6"/>
      <c r="M2059" s="2" t="s">
        <v>7514</v>
      </c>
      <c r="N2059" s="3">
        <v>44973</v>
      </c>
      <c r="O2059" s="3">
        <v>44973</v>
      </c>
      <c r="P2059" s="3">
        <v>47452</v>
      </c>
    </row>
    <row r="2060" spans="1:16" x14ac:dyDescent="0.15">
      <c r="A2060" s="2" t="s">
        <v>49</v>
      </c>
      <c r="B2060" s="2" t="s">
        <v>7515</v>
      </c>
      <c r="C2060" s="4" t="s">
        <v>6</v>
      </c>
      <c r="D2060" s="5" t="s">
        <v>200</v>
      </c>
      <c r="E2060" s="5" t="s">
        <v>7516</v>
      </c>
      <c r="F2060" s="6" t="s">
        <v>5</v>
      </c>
      <c r="G2060" s="2"/>
      <c r="H2060" s="4"/>
      <c r="I2060" s="5"/>
      <c r="J2060" s="5"/>
      <c r="K2060" s="5"/>
      <c r="L2060" s="6"/>
      <c r="M2060" s="2" t="s">
        <v>7517</v>
      </c>
      <c r="N2060" s="3">
        <v>42843</v>
      </c>
      <c r="O2060" s="3">
        <v>45017</v>
      </c>
      <c r="P2060" s="3">
        <v>46843</v>
      </c>
    </row>
    <row r="2061" spans="1:16" x14ac:dyDescent="0.15">
      <c r="A2061" s="2" t="s">
        <v>49</v>
      </c>
      <c r="B2061" s="2" t="s">
        <v>7518</v>
      </c>
      <c r="C2061" s="4" t="s">
        <v>6</v>
      </c>
      <c r="D2061" s="5" t="s">
        <v>3973</v>
      </c>
      <c r="E2061" s="5" t="s">
        <v>723</v>
      </c>
      <c r="F2061" s="6" t="s">
        <v>5</v>
      </c>
      <c r="G2061" s="2"/>
      <c r="H2061" s="4"/>
      <c r="I2061" s="5"/>
      <c r="J2061" s="5"/>
      <c r="K2061" s="5"/>
      <c r="L2061" s="6"/>
      <c r="M2061" s="2" t="s">
        <v>7519</v>
      </c>
      <c r="N2061" s="3">
        <v>42886</v>
      </c>
      <c r="O2061" s="3">
        <v>45017</v>
      </c>
      <c r="P2061" s="3">
        <v>46843</v>
      </c>
    </row>
    <row r="2062" spans="1:16" x14ac:dyDescent="0.15">
      <c r="A2062" s="2" t="s">
        <v>49</v>
      </c>
      <c r="B2062" s="2" t="s">
        <v>7520</v>
      </c>
      <c r="C2062" s="4" t="s">
        <v>6</v>
      </c>
      <c r="D2062" s="5" t="s">
        <v>91</v>
      </c>
      <c r="E2062" s="5" t="s">
        <v>7521</v>
      </c>
      <c r="F2062" s="6" t="s">
        <v>5</v>
      </c>
      <c r="G2062" s="2"/>
      <c r="H2062" s="4"/>
      <c r="I2062" s="5"/>
      <c r="J2062" s="5"/>
      <c r="K2062" s="5"/>
      <c r="L2062" s="6"/>
      <c r="M2062" s="2" t="s">
        <v>7522</v>
      </c>
      <c r="N2062" s="3">
        <v>40366</v>
      </c>
      <c r="O2062" s="3">
        <v>45017</v>
      </c>
      <c r="P2062" s="3">
        <v>47208</v>
      </c>
    </row>
    <row r="2063" spans="1:16" x14ac:dyDescent="0.15">
      <c r="A2063" s="2" t="s">
        <v>49</v>
      </c>
      <c r="B2063" s="2" t="s">
        <v>7523</v>
      </c>
      <c r="C2063" s="4" t="s">
        <v>6</v>
      </c>
      <c r="D2063" s="5" t="s">
        <v>348</v>
      </c>
      <c r="E2063" s="5" t="s">
        <v>7524</v>
      </c>
      <c r="F2063" s="6" t="s">
        <v>5</v>
      </c>
      <c r="G2063" s="2"/>
      <c r="H2063" s="4"/>
      <c r="I2063" s="5"/>
      <c r="J2063" s="5"/>
      <c r="K2063" s="5"/>
      <c r="L2063" s="6"/>
      <c r="M2063" s="2" t="s">
        <v>7525</v>
      </c>
      <c r="N2063" s="3">
        <v>39484</v>
      </c>
      <c r="O2063" s="3">
        <v>45017</v>
      </c>
      <c r="P2063" s="3">
        <v>46843</v>
      </c>
    </row>
    <row r="2064" spans="1:16" x14ac:dyDescent="0.15">
      <c r="A2064" s="2" t="s">
        <v>36</v>
      </c>
      <c r="B2064" s="2" t="s">
        <v>104</v>
      </c>
      <c r="C2064" s="4" t="s">
        <v>6</v>
      </c>
      <c r="D2064" s="5" t="s">
        <v>105</v>
      </c>
      <c r="E2064" s="5" t="s">
        <v>106</v>
      </c>
      <c r="F2064" s="6" t="s">
        <v>5</v>
      </c>
      <c r="G2064" s="2" t="s">
        <v>57</v>
      </c>
      <c r="H2064" s="4" t="s">
        <v>9</v>
      </c>
      <c r="I2064" s="5" t="s">
        <v>58</v>
      </c>
      <c r="J2064" s="5" t="s">
        <v>59</v>
      </c>
      <c r="K2064" s="5" t="s">
        <v>60</v>
      </c>
      <c r="L2064" s="6" t="s">
        <v>5</v>
      </c>
      <c r="M2064" s="2" t="s">
        <v>108</v>
      </c>
      <c r="N2064" s="3">
        <v>34857</v>
      </c>
      <c r="O2064" s="3">
        <v>45413</v>
      </c>
      <c r="P2064" s="3">
        <v>47603</v>
      </c>
    </row>
    <row r="2065" spans="1:16" x14ac:dyDescent="0.15">
      <c r="A2065" s="2" t="s">
        <v>36</v>
      </c>
      <c r="B2065" s="2" t="s">
        <v>110</v>
      </c>
      <c r="C2065" s="4" t="s">
        <v>6</v>
      </c>
      <c r="D2065" s="5" t="s">
        <v>111</v>
      </c>
      <c r="E2065" s="5" t="s">
        <v>112</v>
      </c>
      <c r="F2065" s="6" t="s">
        <v>5</v>
      </c>
      <c r="G2065" s="2" t="s">
        <v>57</v>
      </c>
      <c r="H2065" s="4" t="s">
        <v>9</v>
      </c>
      <c r="I2065" s="5" t="s">
        <v>58</v>
      </c>
      <c r="J2065" s="5" t="s">
        <v>59</v>
      </c>
      <c r="K2065" s="5" t="s">
        <v>60</v>
      </c>
      <c r="L2065" s="6" t="s">
        <v>5</v>
      </c>
      <c r="M2065" s="2" t="s">
        <v>114</v>
      </c>
      <c r="N2065" s="3">
        <v>35481</v>
      </c>
      <c r="O2065" s="3">
        <v>45231</v>
      </c>
      <c r="P2065" s="3">
        <v>47422</v>
      </c>
    </row>
    <row r="2066" spans="1:16" x14ac:dyDescent="0.15">
      <c r="A2066" s="2" t="s">
        <v>49</v>
      </c>
      <c r="B2066" s="2" t="s">
        <v>7537</v>
      </c>
      <c r="C2066" s="4" t="s">
        <v>6</v>
      </c>
      <c r="D2066" s="5" t="s">
        <v>7535</v>
      </c>
      <c r="E2066" s="5" t="s">
        <v>7536</v>
      </c>
      <c r="F2066" s="6" t="s">
        <v>5</v>
      </c>
      <c r="G2066" s="2"/>
      <c r="H2066" s="4"/>
      <c r="I2066" s="5"/>
      <c r="J2066" s="5"/>
      <c r="K2066" s="5"/>
      <c r="L2066" s="6"/>
      <c r="M2066" s="2" t="s">
        <v>7538</v>
      </c>
      <c r="N2066" s="3">
        <v>34417</v>
      </c>
      <c r="O2066" s="3">
        <v>45017</v>
      </c>
      <c r="P2066" s="3">
        <v>46843</v>
      </c>
    </row>
    <row r="2067" spans="1:16" x14ac:dyDescent="0.15">
      <c r="A2067" s="2" t="s">
        <v>49</v>
      </c>
      <c r="B2067" s="2" t="s">
        <v>7541</v>
      </c>
      <c r="C2067" s="4" t="s">
        <v>6</v>
      </c>
      <c r="D2067" s="5" t="s">
        <v>7539</v>
      </c>
      <c r="E2067" s="5" t="s">
        <v>7540</v>
      </c>
      <c r="F2067" s="6" t="s">
        <v>5</v>
      </c>
      <c r="G2067" s="2"/>
      <c r="H2067" s="4"/>
      <c r="I2067" s="5"/>
      <c r="J2067" s="5"/>
      <c r="K2067" s="5"/>
      <c r="L2067" s="6"/>
      <c r="M2067" s="2" t="s">
        <v>7542</v>
      </c>
      <c r="N2067" s="3">
        <v>37438</v>
      </c>
      <c r="O2067" s="3">
        <v>45017</v>
      </c>
      <c r="P2067" s="3">
        <v>46843</v>
      </c>
    </row>
    <row r="2068" spans="1:16" x14ac:dyDescent="0.15">
      <c r="A2068" s="2" t="s">
        <v>36</v>
      </c>
      <c r="B2068" s="2" t="s">
        <v>116</v>
      </c>
      <c r="C2068" s="4" t="s">
        <v>6</v>
      </c>
      <c r="D2068" s="5" t="s">
        <v>117</v>
      </c>
      <c r="E2068" s="5" t="s">
        <v>118</v>
      </c>
      <c r="F2068" s="6" t="s">
        <v>5</v>
      </c>
      <c r="G2068" s="2" t="s">
        <v>57</v>
      </c>
      <c r="H2068" s="4" t="s">
        <v>9</v>
      </c>
      <c r="I2068" s="5" t="s">
        <v>58</v>
      </c>
      <c r="J2068" s="5" t="s">
        <v>59</v>
      </c>
      <c r="K2068" s="5" t="s">
        <v>60</v>
      </c>
      <c r="L2068" s="6" t="s">
        <v>5</v>
      </c>
      <c r="M2068" s="2" t="s">
        <v>120</v>
      </c>
      <c r="N2068" s="3">
        <v>39038</v>
      </c>
      <c r="O2068" s="3">
        <v>43770</v>
      </c>
      <c r="P2068" s="3">
        <v>45961</v>
      </c>
    </row>
    <row r="2069" spans="1:16" x14ac:dyDescent="0.15">
      <c r="A2069" s="2" t="s">
        <v>49</v>
      </c>
      <c r="B2069" s="2" t="s">
        <v>7548</v>
      </c>
      <c r="C2069" s="4" t="s">
        <v>6</v>
      </c>
      <c r="D2069" s="5" t="s">
        <v>456</v>
      </c>
      <c r="E2069" s="5" t="s">
        <v>520</v>
      </c>
      <c r="F2069" s="6" t="s">
        <v>5</v>
      </c>
      <c r="G2069" s="2"/>
      <c r="H2069" s="4"/>
      <c r="I2069" s="5"/>
      <c r="J2069" s="5"/>
      <c r="K2069" s="5"/>
      <c r="L2069" s="6"/>
      <c r="M2069" s="2" t="s">
        <v>7549</v>
      </c>
      <c r="N2069" s="3">
        <v>44964</v>
      </c>
      <c r="O2069" s="3">
        <v>44964</v>
      </c>
      <c r="P2069" s="3">
        <v>46904</v>
      </c>
    </row>
    <row r="2070" spans="1:16" x14ac:dyDescent="0.15">
      <c r="A2070" s="2" t="s">
        <v>49</v>
      </c>
      <c r="B2070" s="2" t="s">
        <v>7550</v>
      </c>
      <c r="C2070" s="4" t="s">
        <v>6</v>
      </c>
      <c r="D2070" s="5" t="s">
        <v>1389</v>
      </c>
      <c r="E2070" s="5" t="s">
        <v>7551</v>
      </c>
      <c r="F2070" s="6" t="s">
        <v>5</v>
      </c>
      <c r="G2070" s="2"/>
      <c r="H2070" s="4"/>
      <c r="I2070" s="5"/>
      <c r="J2070" s="5"/>
      <c r="K2070" s="5"/>
      <c r="L2070" s="6"/>
      <c r="M2070" s="2" t="s">
        <v>7552</v>
      </c>
      <c r="N2070" s="3">
        <v>44964</v>
      </c>
      <c r="O2070" s="3">
        <v>44964</v>
      </c>
      <c r="P2070" s="3">
        <v>46873</v>
      </c>
    </row>
    <row r="2071" spans="1:16" x14ac:dyDescent="0.15">
      <c r="A2071" s="2" t="s">
        <v>49</v>
      </c>
      <c r="B2071" s="2" t="s">
        <v>7553</v>
      </c>
      <c r="C2071" s="4" t="s">
        <v>6</v>
      </c>
      <c r="D2071" s="5" t="s">
        <v>301</v>
      </c>
      <c r="E2071" s="5" t="s">
        <v>7554</v>
      </c>
      <c r="F2071" s="6" t="s">
        <v>5</v>
      </c>
      <c r="G2071" s="2"/>
      <c r="H2071" s="4"/>
      <c r="I2071" s="5"/>
      <c r="J2071" s="5"/>
      <c r="K2071" s="5"/>
      <c r="L2071" s="6"/>
      <c r="M2071" s="2" t="s">
        <v>7555</v>
      </c>
      <c r="N2071" s="3">
        <v>35416</v>
      </c>
      <c r="O2071" s="3">
        <v>45017</v>
      </c>
      <c r="P2071" s="3">
        <v>47208</v>
      </c>
    </row>
    <row r="2072" spans="1:16" x14ac:dyDescent="0.15">
      <c r="A2072" s="2" t="s">
        <v>36</v>
      </c>
      <c r="B2072" s="2" t="s">
        <v>122</v>
      </c>
      <c r="C2072" s="4" t="s">
        <v>6</v>
      </c>
      <c r="D2072" s="5" t="s">
        <v>123</v>
      </c>
      <c r="E2072" s="5" t="s">
        <v>124</v>
      </c>
      <c r="F2072" s="6" t="s">
        <v>5</v>
      </c>
      <c r="G2072" s="2" t="s">
        <v>57</v>
      </c>
      <c r="H2072" s="4" t="s">
        <v>9</v>
      </c>
      <c r="I2072" s="5" t="s">
        <v>58</v>
      </c>
      <c r="J2072" s="5" t="s">
        <v>59</v>
      </c>
      <c r="K2072" s="5" t="s">
        <v>60</v>
      </c>
      <c r="L2072" s="6" t="s">
        <v>5</v>
      </c>
      <c r="M2072" s="2" t="s">
        <v>126</v>
      </c>
      <c r="N2072" s="3">
        <v>42620</v>
      </c>
      <c r="O2072" s="3">
        <v>45017</v>
      </c>
      <c r="P2072" s="3">
        <v>47208</v>
      </c>
    </row>
    <row r="2073" spans="1:16" x14ac:dyDescent="0.15">
      <c r="A2073" s="2" t="s">
        <v>36</v>
      </c>
      <c r="B2073" s="2" t="s">
        <v>128</v>
      </c>
      <c r="C2073" s="4" t="s">
        <v>6</v>
      </c>
      <c r="D2073" s="5" t="s">
        <v>129</v>
      </c>
      <c r="E2073" s="5" t="s">
        <v>55</v>
      </c>
      <c r="F2073" s="6" t="s">
        <v>5</v>
      </c>
      <c r="G2073" s="2" t="s">
        <v>57</v>
      </c>
      <c r="H2073" s="4" t="s">
        <v>9</v>
      </c>
      <c r="I2073" s="5" t="s">
        <v>58</v>
      </c>
      <c r="J2073" s="5" t="s">
        <v>59</v>
      </c>
      <c r="K2073" s="5" t="s">
        <v>60</v>
      </c>
      <c r="L2073" s="6" t="s">
        <v>5</v>
      </c>
      <c r="M2073" s="2" t="s">
        <v>131</v>
      </c>
      <c r="N2073" s="3">
        <v>39422</v>
      </c>
      <c r="O2073" s="3">
        <v>43586</v>
      </c>
      <c r="P2073" s="3">
        <v>45777</v>
      </c>
    </row>
    <row r="2074" spans="1:16" x14ac:dyDescent="0.15">
      <c r="A2074" s="2" t="s">
        <v>36</v>
      </c>
      <c r="B2074" s="2" t="s">
        <v>133</v>
      </c>
      <c r="C2074" s="4" t="s">
        <v>6</v>
      </c>
      <c r="D2074" s="5" t="s">
        <v>134</v>
      </c>
      <c r="E2074" s="5" t="s">
        <v>135</v>
      </c>
      <c r="F2074" s="6" t="s">
        <v>5</v>
      </c>
      <c r="G2074" s="2" t="s">
        <v>57</v>
      </c>
      <c r="H2074" s="4" t="s">
        <v>9</v>
      </c>
      <c r="I2074" s="5" t="s">
        <v>58</v>
      </c>
      <c r="J2074" s="5" t="s">
        <v>59</v>
      </c>
      <c r="K2074" s="5" t="s">
        <v>60</v>
      </c>
      <c r="L2074" s="6" t="s">
        <v>5</v>
      </c>
      <c r="M2074" s="2" t="s">
        <v>137</v>
      </c>
      <c r="N2074" s="3">
        <v>39282</v>
      </c>
      <c r="O2074" s="3">
        <v>43405</v>
      </c>
      <c r="P2074" s="3">
        <v>45596</v>
      </c>
    </row>
    <row r="2075" spans="1:16" x14ac:dyDescent="0.15">
      <c r="A2075" s="2" t="s">
        <v>49</v>
      </c>
      <c r="B2075" s="2" t="s">
        <v>7571</v>
      </c>
      <c r="C2075" s="4" t="s">
        <v>6</v>
      </c>
      <c r="D2075" s="5" t="s">
        <v>7572</v>
      </c>
      <c r="E2075" s="5" t="s">
        <v>7573</v>
      </c>
      <c r="F2075" s="6" t="s">
        <v>5</v>
      </c>
      <c r="G2075" s="2" t="s">
        <v>7569</v>
      </c>
      <c r="H2075" s="4" t="s">
        <v>9</v>
      </c>
      <c r="I2075" s="5" t="s">
        <v>6</v>
      </c>
      <c r="J2075" s="5" t="s">
        <v>7570</v>
      </c>
      <c r="K2075" s="5" t="s">
        <v>3905</v>
      </c>
      <c r="L2075" s="6" t="s">
        <v>5</v>
      </c>
      <c r="M2075" s="2" t="s">
        <v>7574</v>
      </c>
      <c r="N2075" s="3">
        <v>40347</v>
      </c>
      <c r="O2075" s="3">
        <v>45017</v>
      </c>
      <c r="P2075" s="3">
        <v>47208</v>
      </c>
    </row>
    <row r="2076" spans="1:16" x14ac:dyDescent="0.15">
      <c r="A2076" s="2" t="s">
        <v>49</v>
      </c>
      <c r="B2076" s="2" t="s">
        <v>7577</v>
      </c>
      <c r="C2076" s="4" t="s">
        <v>6</v>
      </c>
      <c r="D2076" s="5" t="s">
        <v>7575</v>
      </c>
      <c r="E2076" s="5" t="s">
        <v>7576</v>
      </c>
      <c r="F2076" s="6" t="s">
        <v>5</v>
      </c>
      <c r="G2076" s="2"/>
      <c r="H2076" s="4"/>
      <c r="I2076" s="5"/>
      <c r="J2076" s="5"/>
      <c r="K2076" s="5"/>
      <c r="L2076" s="6"/>
      <c r="M2076" s="2" t="s">
        <v>7578</v>
      </c>
      <c r="N2076" s="3">
        <v>40484</v>
      </c>
      <c r="O2076" s="3">
        <v>45017</v>
      </c>
      <c r="P2076" s="3">
        <v>47208</v>
      </c>
    </row>
    <row r="2077" spans="1:16" x14ac:dyDescent="0.15">
      <c r="A2077" s="2" t="s">
        <v>49</v>
      </c>
      <c r="B2077" s="2" t="s">
        <v>7579</v>
      </c>
      <c r="C2077" s="4" t="s">
        <v>6</v>
      </c>
      <c r="D2077" s="5" t="s">
        <v>348</v>
      </c>
      <c r="E2077" s="5" t="s">
        <v>7580</v>
      </c>
      <c r="F2077" s="6" t="s">
        <v>5</v>
      </c>
      <c r="G2077" s="2"/>
      <c r="H2077" s="4"/>
      <c r="I2077" s="5"/>
      <c r="J2077" s="5"/>
      <c r="K2077" s="5"/>
      <c r="L2077" s="6"/>
      <c r="M2077" s="2" t="s">
        <v>7581</v>
      </c>
      <c r="N2077" s="3">
        <v>38554</v>
      </c>
      <c r="O2077" s="3">
        <v>45017</v>
      </c>
      <c r="P2077" s="3">
        <v>47208</v>
      </c>
    </row>
    <row r="2078" spans="1:16" x14ac:dyDescent="0.15">
      <c r="A2078" s="2" t="s">
        <v>49</v>
      </c>
      <c r="B2078" s="2" t="s">
        <v>7582</v>
      </c>
      <c r="C2078" s="4" t="s">
        <v>6</v>
      </c>
      <c r="D2078" s="5" t="s">
        <v>456</v>
      </c>
      <c r="E2078" s="5" t="s">
        <v>520</v>
      </c>
      <c r="F2078" s="6" t="s">
        <v>5</v>
      </c>
      <c r="G2078" s="2"/>
      <c r="H2078" s="4"/>
      <c r="I2078" s="5"/>
      <c r="J2078" s="5"/>
      <c r="K2078" s="5"/>
      <c r="L2078" s="6"/>
      <c r="M2078" s="2" t="s">
        <v>7583</v>
      </c>
      <c r="N2078" s="3">
        <v>44967</v>
      </c>
      <c r="O2078" s="3">
        <v>44967</v>
      </c>
      <c r="P2078" s="3">
        <v>46904</v>
      </c>
    </row>
    <row r="2079" spans="1:16" x14ac:dyDescent="0.15">
      <c r="A2079" s="2" t="s">
        <v>49</v>
      </c>
      <c r="B2079" s="2" t="s">
        <v>7584</v>
      </c>
      <c r="C2079" s="4" t="s">
        <v>6</v>
      </c>
      <c r="D2079" s="5" t="s">
        <v>218</v>
      </c>
      <c r="E2079" s="5" t="s">
        <v>438</v>
      </c>
      <c r="F2079" s="6" t="s">
        <v>7585</v>
      </c>
      <c r="G2079" s="2"/>
      <c r="H2079" s="4"/>
      <c r="I2079" s="5"/>
      <c r="J2079" s="5"/>
      <c r="K2079" s="5"/>
      <c r="L2079" s="6"/>
      <c r="M2079" s="2" t="s">
        <v>7586</v>
      </c>
      <c r="N2079" s="3">
        <v>38468</v>
      </c>
      <c r="O2079" s="3">
        <v>45017</v>
      </c>
      <c r="P2079" s="3">
        <v>47208</v>
      </c>
    </row>
    <row r="2080" spans="1:16" x14ac:dyDescent="0.15">
      <c r="A2080" s="2" t="s">
        <v>49</v>
      </c>
      <c r="B2080" s="2" t="s">
        <v>7588</v>
      </c>
      <c r="C2080" s="4" t="s">
        <v>6</v>
      </c>
      <c r="D2080" s="5" t="s">
        <v>1248</v>
      </c>
      <c r="E2080" s="5" t="s">
        <v>7587</v>
      </c>
      <c r="F2080" s="6" t="s">
        <v>5</v>
      </c>
      <c r="G2080" s="2"/>
      <c r="H2080" s="4"/>
      <c r="I2080" s="5"/>
      <c r="J2080" s="5"/>
      <c r="K2080" s="5"/>
      <c r="L2080" s="6"/>
      <c r="M2080" s="2" t="s">
        <v>7589</v>
      </c>
      <c r="N2080" s="3">
        <v>38567</v>
      </c>
      <c r="O2080" s="3">
        <v>45017</v>
      </c>
      <c r="P2080" s="3">
        <v>47208</v>
      </c>
    </row>
    <row r="2081" spans="1:16" x14ac:dyDescent="0.15">
      <c r="A2081" s="2" t="s">
        <v>49</v>
      </c>
      <c r="B2081" s="2" t="s">
        <v>7590</v>
      </c>
      <c r="C2081" s="4" t="s">
        <v>6</v>
      </c>
      <c r="D2081" s="5" t="s">
        <v>456</v>
      </c>
      <c r="E2081" s="5" t="s">
        <v>520</v>
      </c>
      <c r="F2081" s="6" t="s">
        <v>5</v>
      </c>
      <c r="G2081" s="2"/>
      <c r="H2081" s="4"/>
      <c r="I2081" s="5"/>
      <c r="J2081" s="5"/>
      <c r="K2081" s="5"/>
      <c r="L2081" s="6"/>
      <c r="M2081" s="2" t="s">
        <v>7591</v>
      </c>
      <c r="N2081" s="3">
        <v>44968</v>
      </c>
      <c r="O2081" s="3">
        <v>44968</v>
      </c>
      <c r="P2081" s="3">
        <v>46904</v>
      </c>
    </row>
    <row r="2082" spans="1:16" x14ac:dyDescent="0.15">
      <c r="A2082" s="2" t="s">
        <v>36</v>
      </c>
      <c r="B2082" s="2" t="s">
        <v>139</v>
      </c>
      <c r="C2082" s="4" t="s">
        <v>6</v>
      </c>
      <c r="D2082" s="5" t="s">
        <v>140</v>
      </c>
      <c r="E2082" s="5" t="s">
        <v>141</v>
      </c>
      <c r="F2082" s="6" t="s">
        <v>5</v>
      </c>
      <c r="G2082" s="2" t="s">
        <v>57</v>
      </c>
      <c r="H2082" s="4" t="s">
        <v>9</v>
      </c>
      <c r="I2082" s="5" t="s">
        <v>58</v>
      </c>
      <c r="J2082" s="5" t="s">
        <v>59</v>
      </c>
      <c r="K2082" s="5" t="s">
        <v>60</v>
      </c>
      <c r="L2082" s="6" t="s">
        <v>5</v>
      </c>
      <c r="M2082" s="2" t="s">
        <v>143</v>
      </c>
      <c r="N2082" s="3">
        <v>35734</v>
      </c>
      <c r="O2082" s="3">
        <v>43739</v>
      </c>
      <c r="P2082" s="3">
        <v>45930</v>
      </c>
    </row>
    <row r="2083" spans="1:16" x14ac:dyDescent="0.15">
      <c r="A2083" s="2" t="s">
        <v>36</v>
      </c>
      <c r="B2083" s="2" t="s">
        <v>145</v>
      </c>
      <c r="C2083" s="4" t="s">
        <v>6</v>
      </c>
      <c r="D2083" s="5" t="s">
        <v>146</v>
      </c>
      <c r="E2083" s="5" t="s">
        <v>147</v>
      </c>
      <c r="F2083" s="6" t="s">
        <v>5</v>
      </c>
      <c r="G2083" s="2" t="s">
        <v>57</v>
      </c>
      <c r="H2083" s="4" t="s">
        <v>9</v>
      </c>
      <c r="I2083" s="5" t="s">
        <v>58</v>
      </c>
      <c r="J2083" s="5" t="s">
        <v>59</v>
      </c>
      <c r="K2083" s="5" t="s">
        <v>60</v>
      </c>
      <c r="L2083" s="6" t="s">
        <v>5</v>
      </c>
      <c r="M2083" s="2" t="s">
        <v>149</v>
      </c>
      <c r="N2083" s="3">
        <v>42563</v>
      </c>
      <c r="O2083" s="3">
        <v>45017</v>
      </c>
      <c r="P2083" s="3">
        <v>47208</v>
      </c>
    </row>
    <row r="2084" spans="1:16" x14ac:dyDescent="0.15">
      <c r="A2084" s="2" t="s">
        <v>36</v>
      </c>
      <c r="B2084" s="2" t="s">
        <v>151</v>
      </c>
      <c r="C2084" s="4" t="s">
        <v>6</v>
      </c>
      <c r="D2084" s="5" t="s">
        <v>152</v>
      </c>
      <c r="E2084" s="5" t="s">
        <v>153</v>
      </c>
      <c r="F2084" s="6" t="s">
        <v>5</v>
      </c>
      <c r="G2084" s="2" t="s">
        <v>57</v>
      </c>
      <c r="H2084" s="4" t="s">
        <v>9</v>
      </c>
      <c r="I2084" s="5" t="s">
        <v>58</v>
      </c>
      <c r="J2084" s="5" t="s">
        <v>59</v>
      </c>
      <c r="K2084" s="5" t="s">
        <v>60</v>
      </c>
      <c r="L2084" s="6" t="s">
        <v>5</v>
      </c>
      <c r="M2084" s="2" t="s">
        <v>155</v>
      </c>
      <c r="N2084" s="3">
        <v>44895</v>
      </c>
      <c r="O2084" s="3">
        <v>44895</v>
      </c>
      <c r="P2084" s="3">
        <v>47422</v>
      </c>
    </row>
    <row r="2085" spans="1:16" x14ac:dyDescent="0.15">
      <c r="A2085" s="2" t="s">
        <v>49</v>
      </c>
      <c r="B2085" s="2" t="s">
        <v>7604</v>
      </c>
      <c r="C2085" s="4" t="s">
        <v>6</v>
      </c>
      <c r="D2085" s="5" t="s">
        <v>2470</v>
      </c>
      <c r="E2085" s="5" t="s">
        <v>7603</v>
      </c>
      <c r="F2085" s="6" t="s">
        <v>5</v>
      </c>
      <c r="G2085" s="2"/>
      <c r="H2085" s="4"/>
      <c r="I2085" s="5"/>
      <c r="J2085" s="5"/>
      <c r="K2085" s="5"/>
      <c r="L2085" s="6"/>
      <c r="M2085" s="2" t="s">
        <v>7605</v>
      </c>
      <c r="N2085" s="3">
        <v>44973</v>
      </c>
      <c r="O2085" s="3">
        <v>44973</v>
      </c>
      <c r="P2085" s="3">
        <v>47422</v>
      </c>
    </row>
    <row r="2086" spans="1:16" x14ac:dyDescent="0.15">
      <c r="A2086" s="2" t="s">
        <v>49</v>
      </c>
      <c r="B2086" s="2" t="s">
        <v>7607</v>
      </c>
      <c r="C2086" s="4" t="s">
        <v>6</v>
      </c>
      <c r="D2086" s="5" t="s">
        <v>1027</v>
      </c>
      <c r="E2086" s="5" t="s">
        <v>7091</v>
      </c>
      <c r="F2086" s="6" t="s">
        <v>7608</v>
      </c>
      <c r="G2086" s="2"/>
      <c r="H2086" s="4"/>
      <c r="I2086" s="5"/>
      <c r="J2086" s="5"/>
      <c r="K2086" s="5"/>
      <c r="L2086" s="6"/>
      <c r="M2086" s="2" t="s">
        <v>7609</v>
      </c>
      <c r="N2086" s="3">
        <v>44978</v>
      </c>
      <c r="O2086" s="3">
        <v>44978</v>
      </c>
      <c r="P2086" s="3">
        <v>47452</v>
      </c>
    </row>
    <row r="2087" spans="1:16" x14ac:dyDescent="0.15">
      <c r="A2087" s="2" t="s">
        <v>16</v>
      </c>
      <c r="B2087" s="2" t="s">
        <v>7610</v>
      </c>
      <c r="C2087" s="4" t="s">
        <v>6</v>
      </c>
      <c r="D2087" s="5" t="s">
        <v>123</v>
      </c>
      <c r="E2087" s="5" t="s">
        <v>7611</v>
      </c>
      <c r="F2087" s="6" t="s">
        <v>5</v>
      </c>
      <c r="G2087" s="2"/>
      <c r="H2087" s="4"/>
      <c r="I2087" s="5"/>
      <c r="J2087" s="5"/>
      <c r="K2087" s="5"/>
      <c r="L2087" s="6"/>
      <c r="M2087" s="2" t="s">
        <v>7612</v>
      </c>
      <c r="N2087" s="3">
        <v>38105</v>
      </c>
      <c r="O2087" s="3">
        <v>45017</v>
      </c>
      <c r="P2087" s="3">
        <v>47208</v>
      </c>
    </row>
    <row r="2088" spans="1:16" x14ac:dyDescent="0.15">
      <c r="A2088" s="2" t="s">
        <v>49</v>
      </c>
      <c r="B2088" s="2" t="s">
        <v>7613</v>
      </c>
      <c r="C2088" s="4" t="s">
        <v>6</v>
      </c>
      <c r="D2088" s="5" t="s">
        <v>7614</v>
      </c>
      <c r="E2088" s="5" t="s">
        <v>6171</v>
      </c>
      <c r="F2088" s="6" t="s">
        <v>5</v>
      </c>
      <c r="G2088" s="2"/>
      <c r="H2088" s="4"/>
      <c r="I2088" s="5"/>
      <c r="J2088" s="5"/>
      <c r="K2088" s="5"/>
      <c r="L2088" s="6"/>
      <c r="M2088" s="2" t="s">
        <v>7615</v>
      </c>
      <c r="N2088" s="3">
        <v>40410</v>
      </c>
      <c r="O2088" s="3">
        <v>45017</v>
      </c>
      <c r="P2088" s="3">
        <v>47208</v>
      </c>
    </row>
    <row r="2089" spans="1:16" x14ac:dyDescent="0.15">
      <c r="A2089" s="2" t="s">
        <v>49</v>
      </c>
      <c r="B2089" s="2" t="s">
        <v>7619</v>
      </c>
      <c r="C2089" s="4" t="s">
        <v>6</v>
      </c>
      <c r="D2089" s="5" t="s">
        <v>7617</v>
      </c>
      <c r="E2089" s="5" t="s">
        <v>7618</v>
      </c>
      <c r="F2089" s="6" t="s">
        <v>5</v>
      </c>
      <c r="G2089" s="2" t="s">
        <v>7616</v>
      </c>
      <c r="H2089" s="4" t="s">
        <v>9</v>
      </c>
      <c r="I2089" s="5" t="s">
        <v>6</v>
      </c>
      <c r="J2089" s="5" t="s">
        <v>7617</v>
      </c>
      <c r="K2089" s="5" t="s">
        <v>7618</v>
      </c>
      <c r="L2089" s="6" t="s">
        <v>5</v>
      </c>
      <c r="M2089" s="2" t="s">
        <v>7620</v>
      </c>
      <c r="N2089" s="3">
        <v>42826</v>
      </c>
      <c r="O2089" s="3">
        <v>45017</v>
      </c>
      <c r="P2089" s="3">
        <v>47208</v>
      </c>
    </row>
    <row r="2090" spans="1:16" x14ac:dyDescent="0.15">
      <c r="A2090" s="2" t="s">
        <v>49</v>
      </c>
      <c r="B2090" s="2" t="s">
        <v>7622</v>
      </c>
      <c r="C2090" s="4" t="s">
        <v>6</v>
      </c>
      <c r="D2090" s="5" t="s">
        <v>997</v>
      </c>
      <c r="E2090" s="5" t="s">
        <v>7621</v>
      </c>
      <c r="F2090" s="6" t="s">
        <v>5</v>
      </c>
      <c r="G2090" s="2"/>
      <c r="H2090" s="4"/>
      <c r="I2090" s="5"/>
      <c r="J2090" s="5"/>
      <c r="K2090" s="5"/>
      <c r="L2090" s="6"/>
      <c r="M2090" s="2" t="s">
        <v>7623</v>
      </c>
      <c r="N2090" s="3">
        <v>40869</v>
      </c>
      <c r="O2090" s="3">
        <v>45017</v>
      </c>
      <c r="P2090" s="3">
        <v>46843</v>
      </c>
    </row>
    <row r="2091" spans="1:16" x14ac:dyDescent="0.15">
      <c r="A2091" s="2" t="s">
        <v>36</v>
      </c>
      <c r="B2091" s="2" t="s">
        <v>199</v>
      </c>
      <c r="C2091" s="4" t="s">
        <v>6</v>
      </c>
      <c r="D2091" s="5" t="s">
        <v>200</v>
      </c>
      <c r="E2091" s="5" t="s">
        <v>201</v>
      </c>
      <c r="F2091" s="6" t="s">
        <v>5</v>
      </c>
      <c r="G2091" s="2" t="s">
        <v>193</v>
      </c>
      <c r="H2091" s="4" t="s">
        <v>195</v>
      </c>
      <c r="I2091" s="5" t="s">
        <v>196</v>
      </c>
      <c r="J2091" s="5" t="s">
        <v>197</v>
      </c>
      <c r="K2091" s="5" t="s">
        <v>198</v>
      </c>
      <c r="L2091" s="6" t="s">
        <v>5</v>
      </c>
      <c r="M2091" s="2" t="s">
        <v>204</v>
      </c>
      <c r="N2091" s="3">
        <v>40010</v>
      </c>
      <c r="O2091" s="3">
        <v>44652</v>
      </c>
      <c r="P2091" s="3">
        <v>46843</v>
      </c>
    </row>
    <row r="2092" spans="1:16" x14ac:dyDescent="0.15">
      <c r="A2092" s="2" t="s">
        <v>49</v>
      </c>
      <c r="B2092" s="2" t="s">
        <v>7628</v>
      </c>
      <c r="C2092" s="4" t="s">
        <v>6</v>
      </c>
      <c r="D2092" s="5" t="s">
        <v>1027</v>
      </c>
      <c r="E2092" s="5" t="s">
        <v>7629</v>
      </c>
      <c r="F2092" s="6" t="s">
        <v>7630</v>
      </c>
      <c r="G2092" s="2"/>
      <c r="H2092" s="4"/>
      <c r="I2092" s="5"/>
      <c r="J2092" s="5"/>
      <c r="K2092" s="5"/>
      <c r="L2092" s="6"/>
      <c r="M2092" s="2" t="s">
        <v>7631</v>
      </c>
      <c r="N2092" s="3">
        <v>44977</v>
      </c>
      <c r="O2092" s="3">
        <v>44977</v>
      </c>
      <c r="P2092" s="3">
        <v>47087</v>
      </c>
    </row>
    <row r="2093" spans="1:16" x14ac:dyDescent="0.15">
      <c r="A2093" s="2" t="s">
        <v>36</v>
      </c>
      <c r="B2093" s="2" t="s">
        <v>217</v>
      </c>
      <c r="C2093" s="4" t="s">
        <v>6</v>
      </c>
      <c r="D2093" s="5" t="s">
        <v>218</v>
      </c>
      <c r="E2093" s="5" t="s">
        <v>219</v>
      </c>
      <c r="F2093" s="6" t="s">
        <v>5</v>
      </c>
      <c r="G2093" s="2" t="s">
        <v>213</v>
      </c>
      <c r="H2093" s="4" t="s">
        <v>184</v>
      </c>
      <c r="I2093" s="5" t="s">
        <v>214</v>
      </c>
      <c r="J2093" s="5" t="s">
        <v>215</v>
      </c>
      <c r="K2093" s="5" t="s">
        <v>216</v>
      </c>
      <c r="L2093" s="6" t="s">
        <v>5</v>
      </c>
      <c r="M2093" s="2" t="s">
        <v>222</v>
      </c>
      <c r="N2093" s="3">
        <v>34589</v>
      </c>
      <c r="O2093" s="3">
        <v>44652</v>
      </c>
      <c r="P2093" s="3">
        <v>46843</v>
      </c>
    </row>
    <row r="2094" spans="1:16" x14ac:dyDescent="0.15">
      <c r="A2094" s="2" t="s">
        <v>36</v>
      </c>
      <c r="B2094" s="2" t="s">
        <v>223</v>
      </c>
      <c r="C2094" s="4" t="s">
        <v>6</v>
      </c>
      <c r="D2094" s="5" t="s">
        <v>224</v>
      </c>
      <c r="E2094" s="5" t="s">
        <v>225</v>
      </c>
      <c r="F2094" s="6" t="s">
        <v>5</v>
      </c>
      <c r="G2094" s="2" t="s">
        <v>213</v>
      </c>
      <c r="H2094" s="4" t="s">
        <v>184</v>
      </c>
      <c r="I2094" s="5" t="s">
        <v>214</v>
      </c>
      <c r="J2094" s="5" t="s">
        <v>215</v>
      </c>
      <c r="K2094" s="5" t="s">
        <v>216</v>
      </c>
      <c r="L2094" s="6" t="s">
        <v>5</v>
      </c>
      <c r="M2094" s="2" t="s">
        <v>227</v>
      </c>
      <c r="N2094" s="3">
        <v>36083</v>
      </c>
      <c r="O2094" s="3">
        <v>44682</v>
      </c>
      <c r="P2094" s="3">
        <v>46873</v>
      </c>
    </row>
    <row r="2095" spans="1:16" x14ac:dyDescent="0.15">
      <c r="A2095" s="2" t="s">
        <v>49</v>
      </c>
      <c r="B2095" s="2" t="s">
        <v>7645</v>
      </c>
      <c r="C2095" s="4" t="s">
        <v>6</v>
      </c>
      <c r="D2095" s="5" t="s">
        <v>6009</v>
      </c>
      <c r="E2095" s="5" t="s">
        <v>7646</v>
      </c>
      <c r="F2095" s="6" t="s">
        <v>47</v>
      </c>
      <c r="G2095" s="2"/>
      <c r="H2095" s="4"/>
      <c r="I2095" s="5"/>
      <c r="J2095" s="5"/>
      <c r="K2095" s="5"/>
      <c r="L2095" s="6"/>
      <c r="M2095" s="2" t="s">
        <v>7647</v>
      </c>
      <c r="N2095" s="3">
        <v>45014</v>
      </c>
      <c r="O2095" s="3">
        <v>45014</v>
      </c>
      <c r="P2095" s="3">
        <v>47391</v>
      </c>
    </row>
    <row r="2096" spans="1:16" x14ac:dyDescent="0.15">
      <c r="A2096" s="2" t="s">
        <v>36</v>
      </c>
      <c r="B2096" s="2" t="s">
        <v>272</v>
      </c>
      <c r="C2096" s="4" t="s">
        <v>6</v>
      </c>
      <c r="D2096" s="5" t="s">
        <v>273</v>
      </c>
      <c r="E2096" s="5" t="s">
        <v>274</v>
      </c>
      <c r="F2096" s="6" t="s">
        <v>5</v>
      </c>
      <c r="G2096" s="2" t="s">
        <v>269</v>
      </c>
      <c r="H2096" s="4" t="s">
        <v>9</v>
      </c>
      <c r="I2096" s="5" t="s">
        <v>6</v>
      </c>
      <c r="J2096" s="5" t="s">
        <v>270</v>
      </c>
      <c r="K2096" s="5" t="s">
        <v>271</v>
      </c>
      <c r="L2096" s="6" t="s">
        <v>5</v>
      </c>
      <c r="M2096" s="2" t="s">
        <v>276</v>
      </c>
      <c r="N2096" s="3">
        <v>42164</v>
      </c>
      <c r="O2096" s="3">
        <v>44378</v>
      </c>
      <c r="P2096" s="3">
        <v>46568</v>
      </c>
    </row>
    <row r="2097" spans="1:16" x14ac:dyDescent="0.15">
      <c r="A2097" s="2" t="s">
        <v>36</v>
      </c>
      <c r="B2097" s="2" t="s">
        <v>278</v>
      </c>
      <c r="C2097" s="4" t="s">
        <v>6</v>
      </c>
      <c r="D2097" s="5" t="s">
        <v>279</v>
      </c>
      <c r="E2097" s="5" t="s">
        <v>280</v>
      </c>
      <c r="F2097" s="6" t="s">
        <v>5</v>
      </c>
      <c r="G2097" s="2" t="s">
        <v>269</v>
      </c>
      <c r="H2097" s="4" t="s">
        <v>9</v>
      </c>
      <c r="I2097" s="5" t="s">
        <v>6</v>
      </c>
      <c r="J2097" s="5" t="s">
        <v>270</v>
      </c>
      <c r="K2097" s="5" t="s">
        <v>271</v>
      </c>
      <c r="L2097" s="6" t="s">
        <v>5</v>
      </c>
      <c r="M2097" s="2" t="s">
        <v>282</v>
      </c>
      <c r="N2097" s="3">
        <v>42186</v>
      </c>
      <c r="O2097" s="3">
        <v>44378</v>
      </c>
      <c r="P2097" s="3">
        <v>46568</v>
      </c>
    </row>
    <row r="2098" spans="1:16" x14ac:dyDescent="0.15">
      <c r="A2098" s="2" t="s">
        <v>49</v>
      </c>
      <c r="B2098" s="2" t="s">
        <v>7654</v>
      </c>
      <c r="C2098" s="4" t="s">
        <v>6</v>
      </c>
      <c r="D2098" s="5" t="s">
        <v>408</v>
      </c>
      <c r="E2098" s="5" t="s">
        <v>7655</v>
      </c>
      <c r="F2098" s="6" t="s">
        <v>5</v>
      </c>
      <c r="G2098" s="2"/>
      <c r="H2098" s="4"/>
      <c r="I2098" s="5"/>
      <c r="J2098" s="5"/>
      <c r="K2098" s="5"/>
      <c r="L2098" s="6"/>
      <c r="M2098" s="2" t="s">
        <v>7656</v>
      </c>
      <c r="N2098" s="3">
        <v>44995</v>
      </c>
      <c r="O2098" s="3">
        <v>44995</v>
      </c>
      <c r="P2098" s="3">
        <v>47026</v>
      </c>
    </row>
    <row r="2099" spans="1:16" x14ac:dyDescent="0.15">
      <c r="A2099" s="2" t="s">
        <v>49</v>
      </c>
      <c r="B2099" s="2" t="s">
        <v>7657</v>
      </c>
      <c r="C2099" s="4" t="s">
        <v>6</v>
      </c>
      <c r="D2099" s="5" t="s">
        <v>1773</v>
      </c>
      <c r="E2099" s="5" t="s">
        <v>4908</v>
      </c>
      <c r="F2099" s="6" t="s">
        <v>5</v>
      </c>
      <c r="G2099" s="2"/>
      <c r="H2099" s="4"/>
      <c r="I2099" s="5"/>
      <c r="J2099" s="5"/>
      <c r="K2099" s="5"/>
      <c r="L2099" s="6"/>
      <c r="M2099" s="2" t="s">
        <v>7658</v>
      </c>
      <c r="N2099" s="3">
        <v>38752</v>
      </c>
      <c r="O2099" s="3">
        <v>45047</v>
      </c>
      <c r="P2099" s="3">
        <v>47238</v>
      </c>
    </row>
    <row r="2100" spans="1:16" x14ac:dyDescent="0.15">
      <c r="A2100" s="2" t="s">
        <v>36</v>
      </c>
      <c r="B2100" s="2" t="s">
        <v>283</v>
      </c>
      <c r="C2100" s="4" t="s">
        <v>6</v>
      </c>
      <c r="D2100" s="5" t="s">
        <v>284</v>
      </c>
      <c r="E2100" s="5" t="s">
        <v>285</v>
      </c>
      <c r="F2100" s="6" t="s">
        <v>5</v>
      </c>
      <c r="G2100" s="2" t="s">
        <v>269</v>
      </c>
      <c r="H2100" s="4" t="s">
        <v>9</v>
      </c>
      <c r="I2100" s="5" t="s">
        <v>6</v>
      </c>
      <c r="J2100" s="5" t="s">
        <v>270</v>
      </c>
      <c r="K2100" s="5" t="s">
        <v>271</v>
      </c>
      <c r="L2100" s="6" t="s">
        <v>5</v>
      </c>
      <c r="M2100" s="2" t="s">
        <v>287</v>
      </c>
      <c r="N2100" s="3">
        <v>43748</v>
      </c>
      <c r="O2100" s="3">
        <v>43748</v>
      </c>
      <c r="P2100" s="3">
        <v>46477</v>
      </c>
    </row>
    <row r="2101" spans="1:16" x14ac:dyDescent="0.15">
      <c r="A2101" s="2" t="s">
        <v>49</v>
      </c>
      <c r="B2101" s="2" t="s">
        <v>7665</v>
      </c>
      <c r="C2101" s="4" t="s">
        <v>6</v>
      </c>
      <c r="D2101" s="5" t="s">
        <v>7666</v>
      </c>
      <c r="E2101" s="5" t="s">
        <v>7667</v>
      </c>
      <c r="F2101" s="6" t="s">
        <v>5</v>
      </c>
      <c r="G2101" s="2" t="s">
        <v>7664</v>
      </c>
      <c r="H2101" s="4" t="s">
        <v>9</v>
      </c>
      <c r="I2101" s="5" t="s">
        <v>6</v>
      </c>
      <c r="J2101" s="5" t="s">
        <v>456</v>
      </c>
      <c r="K2101" s="5" t="s">
        <v>1636</v>
      </c>
      <c r="L2101" s="6" t="s">
        <v>5</v>
      </c>
      <c r="M2101" s="2" t="s">
        <v>7668</v>
      </c>
      <c r="N2101" s="3">
        <v>42864</v>
      </c>
      <c r="O2101" s="3">
        <v>45017</v>
      </c>
      <c r="P2101" s="3">
        <v>46843</v>
      </c>
    </row>
    <row r="2102" spans="1:16" x14ac:dyDescent="0.15">
      <c r="A2102" s="2" t="s">
        <v>16</v>
      </c>
      <c r="B2102" s="2" t="s">
        <v>7665</v>
      </c>
      <c r="C2102" s="4" t="s">
        <v>6</v>
      </c>
      <c r="D2102" s="5" t="s">
        <v>7666</v>
      </c>
      <c r="E2102" s="5" t="s">
        <v>7667</v>
      </c>
      <c r="F2102" s="6" t="s">
        <v>5</v>
      </c>
      <c r="G2102" s="2" t="s">
        <v>7664</v>
      </c>
      <c r="H2102" s="4" t="s">
        <v>9</v>
      </c>
      <c r="I2102" s="5" t="s">
        <v>6</v>
      </c>
      <c r="J2102" s="5" t="s">
        <v>456</v>
      </c>
      <c r="K2102" s="5" t="s">
        <v>1636</v>
      </c>
      <c r="L2102" s="6" t="s">
        <v>5</v>
      </c>
      <c r="M2102" s="2" t="s">
        <v>7669</v>
      </c>
      <c r="N2102" s="3">
        <v>41365</v>
      </c>
      <c r="O2102" s="3">
        <v>45017</v>
      </c>
      <c r="P2102" s="3">
        <v>46843</v>
      </c>
    </row>
    <row r="2103" spans="1:16" x14ac:dyDescent="0.15">
      <c r="A2103" s="2" t="s">
        <v>16</v>
      </c>
      <c r="B2103" s="2" t="s">
        <v>7671</v>
      </c>
      <c r="C2103" s="4" t="s">
        <v>6</v>
      </c>
      <c r="D2103" s="5" t="s">
        <v>7670</v>
      </c>
      <c r="E2103" s="5" t="s">
        <v>7672</v>
      </c>
      <c r="F2103" s="6" t="s">
        <v>5</v>
      </c>
      <c r="G2103" s="2"/>
      <c r="H2103" s="4"/>
      <c r="I2103" s="5"/>
      <c r="J2103" s="5"/>
      <c r="K2103" s="5"/>
      <c r="L2103" s="6"/>
      <c r="M2103" s="2" t="s">
        <v>7673</v>
      </c>
      <c r="N2103" s="3">
        <v>44989</v>
      </c>
      <c r="O2103" s="3">
        <v>44989</v>
      </c>
      <c r="P2103" s="3">
        <v>47057</v>
      </c>
    </row>
    <row r="2104" spans="1:16" x14ac:dyDescent="0.15">
      <c r="A2104" s="2" t="s">
        <v>49</v>
      </c>
      <c r="B2104" s="2" t="s">
        <v>7675</v>
      </c>
      <c r="C2104" s="4" t="s">
        <v>6</v>
      </c>
      <c r="D2104" s="5" t="s">
        <v>1803</v>
      </c>
      <c r="E2104" s="5" t="s">
        <v>7674</v>
      </c>
      <c r="F2104" s="6" t="s">
        <v>5</v>
      </c>
      <c r="G2104" s="2"/>
      <c r="H2104" s="4"/>
      <c r="I2104" s="5"/>
      <c r="J2104" s="5"/>
      <c r="K2104" s="5"/>
      <c r="L2104" s="6"/>
      <c r="M2104" s="2" t="s">
        <v>7676</v>
      </c>
      <c r="N2104" s="3">
        <v>37685</v>
      </c>
      <c r="O2104" s="3">
        <v>45017</v>
      </c>
      <c r="P2104" s="3">
        <v>46843</v>
      </c>
    </row>
    <row r="2105" spans="1:16" x14ac:dyDescent="0.15">
      <c r="A2105" s="2" t="s">
        <v>49</v>
      </c>
      <c r="B2105" s="2" t="s">
        <v>7678</v>
      </c>
      <c r="C2105" s="4" t="s">
        <v>6</v>
      </c>
      <c r="D2105" s="5" t="s">
        <v>2012</v>
      </c>
      <c r="E2105" s="5" t="s">
        <v>7677</v>
      </c>
      <c r="F2105" s="6" t="s">
        <v>5</v>
      </c>
      <c r="G2105" s="2"/>
      <c r="H2105" s="4"/>
      <c r="I2105" s="5"/>
      <c r="J2105" s="5"/>
      <c r="K2105" s="5"/>
      <c r="L2105" s="6"/>
      <c r="M2105" s="2" t="s">
        <v>7679</v>
      </c>
      <c r="N2105" s="3">
        <v>32436</v>
      </c>
      <c r="O2105" s="3">
        <v>45017</v>
      </c>
      <c r="P2105" s="3">
        <v>47208</v>
      </c>
    </row>
    <row r="2106" spans="1:16" x14ac:dyDescent="0.15">
      <c r="A2106" s="2" t="s">
        <v>36</v>
      </c>
      <c r="B2106" s="2" t="s">
        <v>289</v>
      </c>
      <c r="C2106" s="4" t="s">
        <v>6</v>
      </c>
      <c r="D2106" s="5" t="s">
        <v>290</v>
      </c>
      <c r="E2106" s="5" t="s">
        <v>291</v>
      </c>
      <c r="F2106" s="6" t="s">
        <v>5</v>
      </c>
      <c r="G2106" s="2" t="s">
        <v>269</v>
      </c>
      <c r="H2106" s="4" t="s">
        <v>9</v>
      </c>
      <c r="I2106" s="5" t="s">
        <v>6</v>
      </c>
      <c r="J2106" s="5" t="s">
        <v>270</v>
      </c>
      <c r="K2106" s="5" t="s">
        <v>271</v>
      </c>
      <c r="L2106" s="6" t="s">
        <v>5</v>
      </c>
      <c r="M2106" s="2" t="s">
        <v>293</v>
      </c>
      <c r="N2106" s="3">
        <v>36880</v>
      </c>
      <c r="O2106" s="3">
        <v>45383</v>
      </c>
      <c r="P2106" s="3">
        <v>47573</v>
      </c>
    </row>
    <row r="2107" spans="1:16" x14ac:dyDescent="0.15">
      <c r="A2107" s="2" t="s">
        <v>49</v>
      </c>
      <c r="B2107" s="2" t="s">
        <v>7686</v>
      </c>
      <c r="C2107" s="4" t="s">
        <v>6</v>
      </c>
      <c r="D2107" s="5" t="s">
        <v>169</v>
      </c>
      <c r="E2107" s="5" t="s">
        <v>7687</v>
      </c>
      <c r="F2107" s="6" t="s">
        <v>5</v>
      </c>
      <c r="G2107" s="2"/>
      <c r="H2107" s="4"/>
      <c r="I2107" s="5"/>
      <c r="J2107" s="5"/>
      <c r="K2107" s="5"/>
      <c r="L2107" s="6"/>
      <c r="M2107" s="2" t="s">
        <v>7688</v>
      </c>
      <c r="N2107" s="3">
        <v>38294</v>
      </c>
      <c r="O2107" s="3">
        <v>45017</v>
      </c>
      <c r="P2107" s="3">
        <v>47208</v>
      </c>
    </row>
    <row r="2108" spans="1:16" x14ac:dyDescent="0.15">
      <c r="A2108" s="2" t="s">
        <v>36</v>
      </c>
      <c r="B2108" s="2" t="s">
        <v>295</v>
      </c>
      <c r="C2108" s="4" t="s">
        <v>6</v>
      </c>
      <c r="D2108" s="5" t="s">
        <v>79</v>
      </c>
      <c r="E2108" s="5" t="s">
        <v>296</v>
      </c>
      <c r="F2108" s="6" t="s">
        <v>5</v>
      </c>
      <c r="G2108" s="2" t="s">
        <v>269</v>
      </c>
      <c r="H2108" s="4" t="s">
        <v>9</v>
      </c>
      <c r="I2108" s="5" t="s">
        <v>6</v>
      </c>
      <c r="J2108" s="5" t="s">
        <v>270</v>
      </c>
      <c r="K2108" s="5" t="s">
        <v>271</v>
      </c>
      <c r="L2108" s="6" t="s">
        <v>5</v>
      </c>
      <c r="M2108" s="2" t="s">
        <v>298</v>
      </c>
      <c r="N2108" s="3">
        <v>44329</v>
      </c>
      <c r="O2108" s="3">
        <v>44329</v>
      </c>
      <c r="P2108" s="3">
        <v>46691</v>
      </c>
    </row>
    <row r="2109" spans="1:16" x14ac:dyDescent="0.15">
      <c r="A2109" s="2" t="s">
        <v>49</v>
      </c>
      <c r="B2109" s="2" t="s">
        <v>7696</v>
      </c>
      <c r="C2109" s="4" t="s">
        <v>6</v>
      </c>
      <c r="D2109" s="5" t="s">
        <v>7694</v>
      </c>
      <c r="E2109" s="5" t="s">
        <v>7695</v>
      </c>
      <c r="F2109" s="6" t="s">
        <v>5</v>
      </c>
      <c r="G2109" s="2"/>
      <c r="H2109" s="4"/>
      <c r="I2109" s="5"/>
      <c r="J2109" s="5"/>
      <c r="K2109" s="5"/>
      <c r="L2109" s="6"/>
      <c r="M2109" s="2" t="s">
        <v>7697</v>
      </c>
      <c r="N2109" s="3">
        <v>40464</v>
      </c>
      <c r="O2109" s="3">
        <v>45017</v>
      </c>
      <c r="P2109" s="3">
        <v>47208</v>
      </c>
    </row>
    <row r="2110" spans="1:16" x14ac:dyDescent="0.15">
      <c r="A2110" s="2" t="s">
        <v>36</v>
      </c>
      <c r="B2110" s="2" t="s">
        <v>300</v>
      </c>
      <c r="C2110" s="4" t="s">
        <v>6</v>
      </c>
      <c r="D2110" s="5" t="s">
        <v>301</v>
      </c>
      <c r="E2110" s="5" t="s">
        <v>302</v>
      </c>
      <c r="F2110" s="6" t="s">
        <v>5</v>
      </c>
      <c r="G2110" s="2" t="s">
        <v>269</v>
      </c>
      <c r="H2110" s="4" t="s">
        <v>9</v>
      </c>
      <c r="I2110" s="5" t="s">
        <v>6</v>
      </c>
      <c r="J2110" s="5" t="s">
        <v>270</v>
      </c>
      <c r="K2110" s="5" t="s">
        <v>271</v>
      </c>
      <c r="L2110" s="6" t="s">
        <v>5</v>
      </c>
      <c r="M2110" s="2" t="s">
        <v>304</v>
      </c>
      <c r="N2110" s="3">
        <v>43353</v>
      </c>
      <c r="O2110" s="3">
        <v>43353</v>
      </c>
      <c r="P2110" s="3">
        <v>45747</v>
      </c>
    </row>
    <row r="2111" spans="1:16" x14ac:dyDescent="0.15">
      <c r="A2111" s="2" t="s">
        <v>49</v>
      </c>
      <c r="B2111" s="2" t="s">
        <v>7704</v>
      </c>
      <c r="C2111" s="4" t="s">
        <v>6</v>
      </c>
      <c r="D2111" s="5" t="s">
        <v>5769</v>
      </c>
      <c r="E2111" s="5" t="s">
        <v>7705</v>
      </c>
      <c r="F2111" s="6" t="s">
        <v>5</v>
      </c>
      <c r="G2111" s="2"/>
      <c r="H2111" s="4"/>
      <c r="I2111" s="5"/>
      <c r="J2111" s="5"/>
      <c r="K2111" s="5"/>
      <c r="L2111" s="6"/>
      <c r="M2111" s="2" t="s">
        <v>7706</v>
      </c>
      <c r="N2111" s="3">
        <v>28206</v>
      </c>
      <c r="O2111" s="3">
        <v>45047</v>
      </c>
      <c r="P2111" s="3">
        <v>47238</v>
      </c>
    </row>
    <row r="2112" spans="1:16" x14ac:dyDescent="0.15">
      <c r="A2112" s="2" t="s">
        <v>36</v>
      </c>
      <c r="B2112" s="2" t="s">
        <v>306</v>
      </c>
      <c r="C2112" s="4" t="s">
        <v>6</v>
      </c>
      <c r="D2112" s="5" t="s">
        <v>307</v>
      </c>
      <c r="E2112" s="5" t="s">
        <v>308</v>
      </c>
      <c r="F2112" s="6" t="s">
        <v>5</v>
      </c>
      <c r="G2112" s="2" t="s">
        <v>269</v>
      </c>
      <c r="H2112" s="4" t="s">
        <v>9</v>
      </c>
      <c r="I2112" s="5" t="s">
        <v>6</v>
      </c>
      <c r="J2112" s="5" t="s">
        <v>270</v>
      </c>
      <c r="K2112" s="5" t="s">
        <v>271</v>
      </c>
      <c r="L2112" s="6" t="s">
        <v>5</v>
      </c>
      <c r="M2112" s="2" t="s">
        <v>310</v>
      </c>
      <c r="N2112" s="3">
        <v>42808</v>
      </c>
      <c r="O2112" s="3">
        <v>45047</v>
      </c>
      <c r="P2112" s="3">
        <v>47238</v>
      </c>
    </row>
    <row r="2113" spans="1:16" x14ac:dyDescent="0.15">
      <c r="A2113" s="2" t="s">
        <v>49</v>
      </c>
      <c r="B2113" s="2" t="s">
        <v>7712</v>
      </c>
      <c r="C2113" s="4" t="s">
        <v>6</v>
      </c>
      <c r="D2113" s="5" t="s">
        <v>5534</v>
      </c>
      <c r="E2113" s="5" t="s">
        <v>4829</v>
      </c>
      <c r="F2113" s="6" t="s">
        <v>5</v>
      </c>
      <c r="G2113" s="2"/>
      <c r="H2113" s="4"/>
      <c r="I2113" s="5"/>
      <c r="J2113" s="5"/>
      <c r="K2113" s="5"/>
      <c r="L2113" s="6"/>
      <c r="M2113" s="2" t="s">
        <v>7713</v>
      </c>
      <c r="N2113" s="3">
        <v>44986</v>
      </c>
      <c r="O2113" s="3">
        <v>44986</v>
      </c>
      <c r="P2113" s="3">
        <v>46934</v>
      </c>
    </row>
    <row r="2114" spans="1:16" x14ac:dyDescent="0.15">
      <c r="A2114" s="2" t="s">
        <v>49</v>
      </c>
      <c r="B2114" s="2" t="s">
        <v>7714</v>
      </c>
      <c r="C2114" s="4" t="s">
        <v>6</v>
      </c>
      <c r="D2114" s="5" t="s">
        <v>936</v>
      </c>
      <c r="E2114" s="5" t="s">
        <v>7715</v>
      </c>
      <c r="F2114" s="6" t="s">
        <v>7716</v>
      </c>
      <c r="G2114" s="2"/>
      <c r="H2114" s="4"/>
      <c r="I2114" s="5"/>
      <c r="J2114" s="5"/>
      <c r="K2114" s="5"/>
      <c r="L2114" s="6"/>
      <c r="M2114" s="2" t="s">
        <v>7717</v>
      </c>
      <c r="N2114" s="3">
        <v>39330</v>
      </c>
      <c r="O2114" s="3">
        <v>45017</v>
      </c>
      <c r="P2114" s="3">
        <v>46843</v>
      </c>
    </row>
    <row r="2115" spans="1:16" x14ac:dyDescent="0.15">
      <c r="A2115" s="2" t="s">
        <v>36</v>
      </c>
      <c r="B2115" s="2" t="s">
        <v>312</v>
      </c>
      <c r="C2115" s="4" t="s">
        <v>6</v>
      </c>
      <c r="D2115" s="5" t="s">
        <v>313</v>
      </c>
      <c r="E2115" s="5" t="s">
        <v>314</v>
      </c>
      <c r="F2115" s="6" t="s">
        <v>5</v>
      </c>
      <c r="G2115" s="2" t="s">
        <v>269</v>
      </c>
      <c r="H2115" s="4" t="s">
        <v>9</v>
      </c>
      <c r="I2115" s="5" t="s">
        <v>6</v>
      </c>
      <c r="J2115" s="5" t="s">
        <v>270</v>
      </c>
      <c r="K2115" s="5" t="s">
        <v>271</v>
      </c>
      <c r="L2115" s="6" t="s">
        <v>5</v>
      </c>
      <c r="M2115" s="2" t="s">
        <v>316</v>
      </c>
      <c r="N2115" s="3">
        <v>43522</v>
      </c>
      <c r="O2115" s="3">
        <v>43522</v>
      </c>
      <c r="P2115" s="3">
        <v>45777</v>
      </c>
    </row>
    <row r="2116" spans="1:16" x14ac:dyDescent="0.15">
      <c r="A2116" s="2" t="s">
        <v>49</v>
      </c>
      <c r="B2116" s="2" t="s">
        <v>7724</v>
      </c>
      <c r="C2116" s="4" t="s">
        <v>6</v>
      </c>
      <c r="D2116" s="5" t="s">
        <v>7722</v>
      </c>
      <c r="E2116" s="5" t="s">
        <v>7723</v>
      </c>
      <c r="F2116" s="6" t="s">
        <v>5</v>
      </c>
      <c r="G2116" s="2"/>
      <c r="H2116" s="4"/>
      <c r="I2116" s="5"/>
      <c r="J2116" s="5"/>
      <c r="K2116" s="5"/>
      <c r="L2116" s="6"/>
      <c r="M2116" s="2" t="s">
        <v>7725</v>
      </c>
      <c r="N2116" s="3">
        <v>35256</v>
      </c>
      <c r="O2116" s="3">
        <v>45047</v>
      </c>
      <c r="P2116" s="3">
        <v>47238</v>
      </c>
    </row>
    <row r="2117" spans="1:16" x14ac:dyDescent="0.15">
      <c r="A2117" s="2" t="s">
        <v>36</v>
      </c>
      <c r="B2117" s="2" t="s">
        <v>318</v>
      </c>
      <c r="C2117" s="4" t="s">
        <v>6</v>
      </c>
      <c r="D2117" s="5" t="s">
        <v>270</v>
      </c>
      <c r="E2117" s="5" t="s">
        <v>319</v>
      </c>
      <c r="F2117" s="6" t="s">
        <v>5</v>
      </c>
      <c r="G2117" s="2" t="s">
        <v>269</v>
      </c>
      <c r="H2117" s="4" t="s">
        <v>9</v>
      </c>
      <c r="I2117" s="5" t="s">
        <v>6</v>
      </c>
      <c r="J2117" s="5" t="s">
        <v>270</v>
      </c>
      <c r="K2117" s="5" t="s">
        <v>271</v>
      </c>
      <c r="L2117" s="6" t="s">
        <v>5</v>
      </c>
      <c r="M2117" s="2" t="s">
        <v>321</v>
      </c>
      <c r="N2117" s="3">
        <v>36265</v>
      </c>
      <c r="O2117" s="3">
        <v>44652</v>
      </c>
      <c r="P2117" s="3">
        <v>46843</v>
      </c>
    </row>
    <row r="2118" spans="1:16" x14ac:dyDescent="0.15">
      <c r="A2118" s="2" t="s">
        <v>36</v>
      </c>
      <c r="B2118" s="2" t="s">
        <v>323</v>
      </c>
      <c r="C2118" s="4" t="s">
        <v>6</v>
      </c>
      <c r="D2118" s="5" t="s">
        <v>324</v>
      </c>
      <c r="E2118" s="5" t="s">
        <v>325</v>
      </c>
      <c r="F2118" s="6" t="s">
        <v>5</v>
      </c>
      <c r="G2118" s="2" t="s">
        <v>269</v>
      </c>
      <c r="H2118" s="4" t="s">
        <v>9</v>
      </c>
      <c r="I2118" s="5" t="s">
        <v>6</v>
      </c>
      <c r="J2118" s="5" t="s">
        <v>270</v>
      </c>
      <c r="K2118" s="5" t="s">
        <v>271</v>
      </c>
      <c r="L2118" s="6" t="s">
        <v>5</v>
      </c>
      <c r="M2118" s="2" t="s">
        <v>327</v>
      </c>
      <c r="N2118" s="3">
        <v>38919</v>
      </c>
      <c r="O2118" s="3">
        <v>45383</v>
      </c>
      <c r="P2118" s="3">
        <v>47573</v>
      </c>
    </row>
    <row r="2119" spans="1:16" x14ac:dyDescent="0.15">
      <c r="A2119" s="2" t="s">
        <v>36</v>
      </c>
      <c r="B2119" s="2" t="s">
        <v>329</v>
      </c>
      <c r="C2119" s="4" t="s">
        <v>6</v>
      </c>
      <c r="D2119" s="5" t="s">
        <v>330</v>
      </c>
      <c r="E2119" s="5" t="s">
        <v>331</v>
      </c>
      <c r="F2119" s="6" t="s">
        <v>5</v>
      </c>
      <c r="G2119" s="2" t="s">
        <v>269</v>
      </c>
      <c r="H2119" s="4" t="s">
        <v>9</v>
      </c>
      <c r="I2119" s="5" t="s">
        <v>6</v>
      </c>
      <c r="J2119" s="5" t="s">
        <v>270</v>
      </c>
      <c r="K2119" s="5" t="s">
        <v>271</v>
      </c>
      <c r="L2119" s="6" t="s">
        <v>5</v>
      </c>
      <c r="M2119" s="2" t="s">
        <v>333</v>
      </c>
      <c r="N2119" s="3">
        <v>44147</v>
      </c>
      <c r="O2119" s="3">
        <v>44147</v>
      </c>
      <c r="P2119" s="3">
        <v>46934</v>
      </c>
    </row>
    <row r="2120" spans="1:16" x14ac:dyDescent="0.15">
      <c r="A2120" s="2" t="s">
        <v>49</v>
      </c>
      <c r="B2120" s="2" t="s">
        <v>7734</v>
      </c>
      <c r="C2120" s="4" t="s">
        <v>6</v>
      </c>
      <c r="D2120" s="5" t="s">
        <v>3592</v>
      </c>
      <c r="E2120" s="5" t="s">
        <v>7735</v>
      </c>
      <c r="F2120" s="6" t="s">
        <v>5</v>
      </c>
      <c r="G2120" s="2"/>
      <c r="H2120" s="4"/>
      <c r="I2120" s="5"/>
      <c r="J2120" s="5"/>
      <c r="K2120" s="5"/>
      <c r="L2120" s="6"/>
      <c r="M2120" s="2" t="s">
        <v>7736</v>
      </c>
      <c r="N2120" s="3">
        <v>39282</v>
      </c>
      <c r="O2120" s="3">
        <v>45017</v>
      </c>
      <c r="P2120" s="3">
        <v>46843</v>
      </c>
    </row>
    <row r="2121" spans="1:16" x14ac:dyDescent="0.15">
      <c r="A2121" s="2" t="s">
        <v>66</v>
      </c>
      <c r="B2121" s="2" t="s">
        <v>7734</v>
      </c>
      <c r="C2121" s="4" t="s">
        <v>6</v>
      </c>
      <c r="D2121" s="5" t="s">
        <v>3592</v>
      </c>
      <c r="E2121" s="5" t="s">
        <v>7735</v>
      </c>
      <c r="F2121" s="6" t="s">
        <v>5</v>
      </c>
      <c r="G2121" s="2"/>
      <c r="H2121" s="4"/>
      <c r="I2121" s="5"/>
      <c r="J2121" s="5"/>
      <c r="K2121" s="5"/>
      <c r="L2121" s="6"/>
      <c r="M2121" s="2" t="s">
        <v>7737</v>
      </c>
      <c r="N2121" s="3">
        <v>39282</v>
      </c>
      <c r="O2121" s="3">
        <v>45017</v>
      </c>
      <c r="P2121" s="3">
        <v>46843</v>
      </c>
    </row>
    <row r="2122" spans="1:16" x14ac:dyDescent="0.15">
      <c r="A2122" s="2" t="s">
        <v>42</v>
      </c>
      <c r="B2122" s="2" t="s">
        <v>7740</v>
      </c>
      <c r="C2122" s="4" t="s">
        <v>6</v>
      </c>
      <c r="D2122" s="5" t="s">
        <v>7738</v>
      </c>
      <c r="E2122" s="5" t="s">
        <v>7739</v>
      </c>
      <c r="F2122" s="6" t="s">
        <v>5</v>
      </c>
      <c r="G2122" s="2"/>
      <c r="H2122" s="4"/>
      <c r="I2122" s="5"/>
      <c r="J2122" s="5"/>
      <c r="K2122" s="5"/>
      <c r="L2122" s="6"/>
      <c r="M2122" s="2" t="s">
        <v>7741</v>
      </c>
      <c r="N2122" s="3">
        <v>44992</v>
      </c>
      <c r="O2122" s="3">
        <v>44992</v>
      </c>
      <c r="P2122" s="3">
        <v>46843</v>
      </c>
    </row>
    <row r="2123" spans="1:16" x14ac:dyDescent="0.15">
      <c r="A2123" s="2" t="s">
        <v>36</v>
      </c>
      <c r="B2123" s="2" t="s">
        <v>335</v>
      </c>
      <c r="C2123" s="4" t="s">
        <v>6</v>
      </c>
      <c r="D2123" s="5" t="s">
        <v>336</v>
      </c>
      <c r="E2123" s="5" t="s">
        <v>337</v>
      </c>
      <c r="F2123" s="6" t="s">
        <v>5</v>
      </c>
      <c r="G2123" s="2" t="s">
        <v>269</v>
      </c>
      <c r="H2123" s="4" t="s">
        <v>9</v>
      </c>
      <c r="I2123" s="5" t="s">
        <v>6</v>
      </c>
      <c r="J2123" s="5" t="s">
        <v>270</v>
      </c>
      <c r="K2123" s="5" t="s">
        <v>271</v>
      </c>
      <c r="L2123" s="6" t="s">
        <v>5</v>
      </c>
      <c r="M2123" s="2" t="s">
        <v>339</v>
      </c>
      <c r="N2123" s="3">
        <v>41794</v>
      </c>
      <c r="O2123" s="3">
        <v>44317</v>
      </c>
      <c r="P2123" s="3">
        <v>46507</v>
      </c>
    </row>
    <row r="2124" spans="1:16" x14ac:dyDescent="0.15">
      <c r="A2124" s="2" t="s">
        <v>36</v>
      </c>
      <c r="B2124" s="2" t="s">
        <v>341</v>
      </c>
      <c r="C2124" s="4" t="s">
        <v>6</v>
      </c>
      <c r="D2124" s="5" t="s">
        <v>342</v>
      </c>
      <c r="E2124" s="5" t="s">
        <v>343</v>
      </c>
      <c r="F2124" s="6" t="s">
        <v>5</v>
      </c>
      <c r="G2124" s="2" t="s">
        <v>269</v>
      </c>
      <c r="H2124" s="4" t="s">
        <v>9</v>
      </c>
      <c r="I2124" s="5" t="s">
        <v>6</v>
      </c>
      <c r="J2124" s="5" t="s">
        <v>270</v>
      </c>
      <c r="K2124" s="5" t="s">
        <v>271</v>
      </c>
      <c r="L2124" s="6" t="s">
        <v>5</v>
      </c>
      <c r="M2124" s="2" t="s">
        <v>345</v>
      </c>
      <c r="N2124" s="3">
        <v>37602</v>
      </c>
      <c r="O2124" s="3">
        <v>44501</v>
      </c>
      <c r="P2124" s="3">
        <v>46691</v>
      </c>
    </row>
    <row r="2125" spans="1:16" x14ac:dyDescent="0.15">
      <c r="A2125" s="2" t="s">
        <v>49</v>
      </c>
      <c r="B2125" s="2" t="s">
        <v>7748</v>
      </c>
      <c r="C2125" s="4" t="s">
        <v>6</v>
      </c>
      <c r="D2125" s="5" t="s">
        <v>313</v>
      </c>
      <c r="E2125" s="5" t="s">
        <v>7747</v>
      </c>
      <c r="F2125" s="6" t="s">
        <v>5</v>
      </c>
      <c r="G2125" s="2"/>
      <c r="H2125" s="4"/>
      <c r="I2125" s="5"/>
      <c r="J2125" s="5"/>
      <c r="K2125" s="5"/>
      <c r="L2125" s="6"/>
      <c r="M2125" s="2" t="s">
        <v>7749</v>
      </c>
      <c r="N2125" s="3">
        <v>35232</v>
      </c>
      <c r="O2125" s="3">
        <v>45047</v>
      </c>
      <c r="P2125" s="3">
        <v>47238</v>
      </c>
    </row>
    <row r="2126" spans="1:16" x14ac:dyDescent="0.15">
      <c r="A2126" s="2" t="s">
        <v>49</v>
      </c>
      <c r="B2126" s="2" t="s">
        <v>7750</v>
      </c>
      <c r="C2126" s="4" t="s">
        <v>6</v>
      </c>
      <c r="D2126" s="5" t="s">
        <v>456</v>
      </c>
      <c r="E2126" s="5" t="s">
        <v>520</v>
      </c>
      <c r="F2126" s="6" t="s">
        <v>5</v>
      </c>
      <c r="G2126" s="2"/>
      <c r="H2126" s="4"/>
      <c r="I2126" s="5"/>
      <c r="J2126" s="5"/>
      <c r="K2126" s="5"/>
      <c r="L2126" s="6"/>
      <c r="M2126" s="2" t="s">
        <v>7751</v>
      </c>
      <c r="N2126" s="3">
        <v>45222</v>
      </c>
      <c r="O2126" s="3">
        <v>45222</v>
      </c>
      <c r="P2126" s="3">
        <v>47269</v>
      </c>
    </row>
    <row r="2127" spans="1:16" x14ac:dyDescent="0.15">
      <c r="A2127" s="2" t="s">
        <v>49</v>
      </c>
      <c r="B2127" s="2" t="s">
        <v>7753</v>
      </c>
      <c r="C2127" s="4" t="s">
        <v>6</v>
      </c>
      <c r="D2127" s="5" t="s">
        <v>218</v>
      </c>
      <c r="E2127" s="5" t="s">
        <v>7752</v>
      </c>
      <c r="F2127" s="6" t="s">
        <v>5</v>
      </c>
      <c r="G2127" s="2"/>
      <c r="H2127" s="4"/>
      <c r="I2127" s="5"/>
      <c r="J2127" s="5"/>
      <c r="K2127" s="5"/>
      <c r="L2127" s="6"/>
      <c r="M2127" s="2" t="s">
        <v>7754</v>
      </c>
      <c r="N2127" s="3">
        <v>38099</v>
      </c>
      <c r="O2127" s="3">
        <v>45017</v>
      </c>
      <c r="P2127" s="3">
        <v>47208</v>
      </c>
    </row>
    <row r="2128" spans="1:16" x14ac:dyDescent="0.15">
      <c r="A2128" s="2" t="s">
        <v>49</v>
      </c>
      <c r="B2128" s="2" t="s">
        <v>7756</v>
      </c>
      <c r="C2128" s="4" t="s">
        <v>6</v>
      </c>
      <c r="D2128" s="5" t="s">
        <v>3137</v>
      </c>
      <c r="E2128" s="5" t="s">
        <v>7755</v>
      </c>
      <c r="F2128" s="6" t="s">
        <v>5</v>
      </c>
      <c r="G2128" s="2"/>
      <c r="H2128" s="4"/>
      <c r="I2128" s="5"/>
      <c r="J2128" s="5"/>
      <c r="K2128" s="5"/>
      <c r="L2128" s="6"/>
      <c r="M2128" s="2" t="s">
        <v>7757</v>
      </c>
      <c r="N2128" s="3">
        <v>35581</v>
      </c>
      <c r="O2128" s="3">
        <v>45017</v>
      </c>
      <c r="P2128" s="3">
        <v>46843</v>
      </c>
    </row>
    <row r="2129" spans="1:16" x14ac:dyDescent="0.15">
      <c r="A2129" s="2" t="s">
        <v>49</v>
      </c>
      <c r="B2129" s="2" t="s">
        <v>7759</v>
      </c>
      <c r="C2129" s="4" t="s">
        <v>6</v>
      </c>
      <c r="D2129" s="5" t="s">
        <v>7758</v>
      </c>
      <c r="E2129" s="5" t="s">
        <v>7760</v>
      </c>
      <c r="F2129" s="6" t="s">
        <v>5</v>
      </c>
      <c r="G2129" s="2"/>
      <c r="H2129" s="4"/>
      <c r="I2129" s="5"/>
      <c r="J2129" s="5"/>
      <c r="K2129" s="5"/>
      <c r="L2129" s="6"/>
      <c r="M2129" s="2" t="s">
        <v>7761</v>
      </c>
      <c r="N2129" s="3">
        <v>42593</v>
      </c>
      <c r="O2129" s="3">
        <v>45017</v>
      </c>
      <c r="P2129" s="3">
        <v>47208</v>
      </c>
    </row>
    <row r="2130" spans="1:16" x14ac:dyDescent="0.15">
      <c r="A2130" s="2" t="s">
        <v>49</v>
      </c>
      <c r="B2130" s="2" t="s">
        <v>7762</v>
      </c>
      <c r="C2130" s="4" t="s">
        <v>6</v>
      </c>
      <c r="D2130" s="5" t="s">
        <v>1027</v>
      </c>
      <c r="E2130" s="5" t="s">
        <v>1474</v>
      </c>
      <c r="F2130" s="6" t="s">
        <v>7763</v>
      </c>
      <c r="G2130" s="2"/>
      <c r="H2130" s="4"/>
      <c r="I2130" s="5"/>
      <c r="J2130" s="5"/>
      <c r="K2130" s="5"/>
      <c r="L2130" s="6"/>
      <c r="M2130" s="2" t="s">
        <v>7764</v>
      </c>
      <c r="N2130" s="3">
        <v>44994</v>
      </c>
      <c r="O2130" s="3">
        <v>44994</v>
      </c>
      <c r="P2130" s="3">
        <v>47452</v>
      </c>
    </row>
    <row r="2131" spans="1:16" x14ac:dyDescent="0.15">
      <c r="A2131" s="2" t="s">
        <v>36</v>
      </c>
      <c r="B2131" s="2" t="s">
        <v>347</v>
      </c>
      <c r="C2131" s="4" t="s">
        <v>6</v>
      </c>
      <c r="D2131" s="5" t="s">
        <v>348</v>
      </c>
      <c r="E2131" s="5" t="s">
        <v>349</v>
      </c>
      <c r="F2131" s="6" t="s">
        <v>5</v>
      </c>
      <c r="G2131" s="2" t="s">
        <v>269</v>
      </c>
      <c r="H2131" s="4" t="s">
        <v>9</v>
      </c>
      <c r="I2131" s="5" t="s">
        <v>6</v>
      </c>
      <c r="J2131" s="5" t="s">
        <v>270</v>
      </c>
      <c r="K2131" s="5" t="s">
        <v>271</v>
      </c>
      <c r="L2131" s="6" t="s">
        <v>5</v>
      </c>
      <c r="M2131" s="2" t="s">
        <v>351</v>
      </c>
      <c r="N2131" s="3">
        <v>36139</v>
      </c>
      <c r="O2131" s="3">
        <v>44652</v>
      </c>
      <c r="P2131" s="3">
        <v>46843</v>
      </c>
    </row>
    <row r="2132" spans="1:16" x14ac:dyDescent="0.15">
      <c r="A2132" s="2" t="s">
        <v>36</v>
      </c>
      <c r="B2132" s="2" t="s">
        <v>353</v>
      </c>
      <c r="C2132" s="4" t="s">
        <v>6</v>
      </c>
      <c r="D2132" s="5" t="s">
        <v>354</v>
      </c>
      <c r="E2132" s="5" t="s">
        <v>355</v>
      </c>
      <c r="F2132" s="6" t="s">
        <v>5</v>
      </c>
      <c r="G2132" s="2" t="s">
        <v>269</v>
      </c>
      <c r="H2132" s="4" t="s">
        <v>9</v>
      </c>
      <c r="I2132" s="5" t="s">
        <v>6</v>
      </c>
      <c r="J2132" s="5" t="s">
        <v>270</v>
      </c>
      <c r="K2132" s="5" t="s">
        <v>271</v>
      </c>
      <c r="L2132" s="6" t="s">
        <v>5</v>
      </c>
      <c r="M2132" s="2" t="s">
        <v>357</v>
      </c>
      <c r="N2132" s="3">
        <v>31373</v>
      </c>
      <c r="O2132" s="3">
        <v>45383</v>
      </c>
      <c r="P2132" s="3">
        <v>47573</v>
      </c>
    </row>
    <row r="2133" spans="1:16" x14ac:dyDescent="0.15">
      <c r="A2133" s="2" t="s">
        <v>49</v>
      </c>
      <c r="B2133" s="2" t="s">
        <v>7773</v>
      </c>
      <c r="C2133" s="4" t="s">
        <v>6</v>
      </c>
      <c r="D2133" s="5" t="s">
        <v>3904</v>
      </c>
      <c r="E2133" s="5" t="s">
        <v>7774</v>
      </c>
      <c r="F2133" s="6" t="s">
        <v>5</v>
      </c>
      <c r="G2133" s="2"/>
      <c r="H2133" s="4"/>
      <c r="I2133" s="5"/>
      <c r="J2133" s="5"/>
      <c r="K2133" s="5"/>
      <c r="L2133" s="6"/>
      <c r="M2133" s="2" t="s">
        <v>7775</v>
      </c>
      <c r="N2133" s="3">
        <v>42761</v>
      </c>
      <c r="O2133" s="3">
        <v>45017</v>
      </c>
      <c r="P2133" s="3">
        <v>47208</v>
      </c>
    </row>
    <row r="2134" spans="1:16" x14ac:dyDescent="0.15">
      <c r="A2134" s="2" t="s">
        <v>49</v>
      </c>
      <c r="B2134" s="2" t="s">
        <v>7776</v>
      </c>
      <c r="C2134" s="4" t="s">
        <v>6</v>
      </c>
      <c r="D2134" s="5" t="s">
        <v>919</v>
      </c>
      <c r="E2134" s="5" t="s">
        <v>7777</v>
      </c>
      <c r="F2134" s="6" t="s">
        <v>5</v>
      </c>
      <c r="G2134" s="2"/>
      <c r="H2134" s="4"/>
      <c r="I2134" s="5"/>
      <c r="J2134" s="5"/>
      <c r="K2134" s="5"/>
      <c r="L2134" s="6"/>
      <c r="M2134" s="2" t="s">
        <v>7778</v>
      </c>
      <c r="N2134" s="3">
        <v>45017</v>
      </c>
      <c r="O2134" s="3">
        <v>45017</v>
      </c>
      <c r="P2134" s="3">
        <v>46873</v>
      </c>
    </row>
    <row r="2135" spans="1:16" x14ac:dyDescent="0.15">
      <c r="A2135" s="2" t="s">
        <v>36</v>
      </c>
      <c r="B2135" s="2" t="s">
        <v>358</v>
      </c>
      <c r="C2135" s="4" t="s">
        <v>6</v>
      </c>
      <c r="D2135" s="5" t="s">
        <v>134</v>
      </c>
      <c r="E2135" s="5" t="s">
        <v>359</v>
      </c>
      <c r="F2135" s="6" t="s">
        <v>5</v>
      </c>
      <c r="G2135" s="2" t="s">
        <v>269</v>
      </c>
      <c r="H2135" s="4" t="s">
        <v>9</v>
      </c>
      <c r="I2135" s="5" t="s">
        <v>6</v>
      </c>
      <c r="J2135" s="5" t="s">
        <v>270</v>
      </c>
      <c r="K2135" s="5" t="s">
        <v>271</v>
      </c>
      <c r="L2135" s="6" t="s">
        <v>5</v>
      </c>
      <c r="M2135" s="2" t="s">
        <v>361</v>
      </c>
      <c r="N2135" s="3">
        <v>35636</v>
      </c>
      <c r="O2135" s="3">
        <v>44136</v>
      </c>
      <c r="P2135" s="3">
        <v>46326</v>
      </c>
    </row>
    <row r="2136" spans="1:16" x14ac:dyDescent="0.15">
      <c r="A2136" s="2" t="s">
        <v>36</v>
      </c>
      <c r="B2136" s="2" t="s">
        <v>366</v>
      </c>
      <c r="C2136" s="4" t="s">
        <v>6</v>
      </c>
      <c r="D2136" s="5" t="s">
        <v>367</v>
      </c>
      <c r="E2136" s="5" t="s">
        <v>368</v>
      </c>
      <c r="F2136" s="6" t="s">
        <v>5</v>
      </c>
      <c r="G2136" s="2" t="s">
        <v>269</v>
      </c>
      <c r="H2136" s="4" t="s">
        <v>9</v>
      </c>
      <c r="I2136" s="5" t="s">
        <v>6</v>
      </c>
      <c r="J2136" s="5" t="s">
        <v>270</v>
      </c>
      <c r="K2136" s="5" t="s">
        <v>271</v>
      </c>
      <c r="L2136" s="6" t="s">
        <v>5</v>
      </c>
      <c r="M2136" s="2" t="s">
        <v>370</v>
      </c>
      <c r="N2136" s="3">
        <v>37918</v>
      </c>
      <c r="O2136" s="3">
        <v>44470</v>
      </c>
      <c r="P2136" s="3">
        <v>46660</v>
      </c>
    </row>
    <row r="2137" spans="1:16" x14ac:dyDescent="0.15">
      <c r="A2137" s="2" t="s">
        <v>16</v>
      </c>
      <c r="B2137" s="2" t="s">
        <v>7785</v>
      </c>
      <c r="C2137" s="4" t="s">
        <v>6</v>
      </c>
      <c r="D2137" s="5" t="s">
        <v>7758</v>
      </c>
      <c r="E2137" s="5" t="s">
        <v>7786</v>
      </c>
      <c r="F2137" s="6" t="s">
        <v>5</v>
      </c>
      <c r="G2137" s="2"/>
      <c r="H2137" s="4"/>
      <c r="I2137" s="5"/>
      <c r="J2137" s="5"/>
      <c r="K2137" s="5"/>
      <c r="L2137" s="6"/>
      <c r="M2137" s="2" t="s">
        <v>7787</v>
      </c>
      <c r="N2137" s="3">
        <v>40327</v>
      </c>
      <c r="O2137" s="3">
        <v>45017</v>
      </c>
      <c r="P2137" s="3">
        <v>47208</v>
      </c>
    </row>
    <row r="2138" spans="1:16" x14ac:dyDescent="0.15">
      <c r="A2138" s="2" t="s">
        <v>36</v>
      </c>
      <c r="B2138" s="2" t="s">
        <v>372</v>
      </c>
      <c r="C2138" s="4" t="s">
        <v>6</v>
      </c>
      <c r="D2138" s="5" t="s">
        <v>363</v>
      </c>
      <c r="E2138" s="5" t="s">
        <v>364</v>
      </c>
      <c r="F2138" s="6" t="s">
        <v>5</v>
      </c>
      <c r="G2138" s="2" t="s">
        <v>269</v>
      </c>
      <c r="H2138" s="4" t="s">
        <v>9</v>
      </c>
      <c r="I2138" s="5" t="s">
        <v>6</v>
      </c>
      <c r="J2138" s="5" t="s">
        <v>270</v>
      </c>
      <c r="K2138" s="5" t="s">
        <v>271</v>
      </c>
      <c r="L2138" s="6" t="s">
        <v>5</v>
      </c>
      <c r="M2138" s="2" t="s">
        <v>373</v>
      </c>
      <c r="N2138" s="3">
        <v>34992</v>
      </c>
      <c r="O2138" s="3">
        <v>44866</v>
      </c>
      <c r="P2138" s="3">
        <v>47057</v>
      </c>
    </row>
    <row r="2139" spans="1:16" x14ac:dyDescent="0.15">
      <c r="A2139" s="2" t="s">
        <v>36</v>
      </c>
      <c r="B2139" s="2" t="s">
        <v>1524</v>
      </c>
      <c r="C2139" s="4" t="s">
        <v>6</v>
      </c>
      <c r="D2139" s="5" t="s">
        <v>140</v>
      </c>
      <c r="E2139" s="5" t="s">
        <v>1525</v>
      </c>
      <c r="F2139" s="6" t="s">
        <v>5</v>
      </c>
      <c r="G2139" s="2" t="s">
        <v>1520</v>
      </c>
      <c r="H2139" s="4" t="s">
        <v>542</v>
      </c>
      <c r="I2139" s="5" t="s">
        <v>1521</v>
      </c>
      <c r="J2139" s="5" t="s">
        <v>1522</v>
      </c>
      <c r="K2139" s="5" t="s">
        <v>1523</v>
      </c>
      <c r="L2139" s="6" t="s">
        <v>5</v>
      </c>
      <c r="M2139" s="2" t="s">
        <v>1526</v>
      </c>
      <c r="N2139" s="3">
        <v>44496</v>
      </c>
      <c r="O2139" s="3">
        <v>44496</v>
      </c>
      <c r="P2139" s="3">
        <v>47026</v>
      </c>
    </row>
    <row r="2140" spans="1:16" x14ac:dyDescent="0.15">
      <c r="A2140" s="2" t="s">
        <v>36</v>
      </c>
      <c r="B2140" s="2" t="s">
        <v>1527</v>
      </c>
      <c r="C2140" s="4" t="s">
        <v>6</v>
      </c>
      <c r="D2140" s="5" t="s">
        <v>562</v>
      </c>
      <c r="E2140" s="5" t="s">
        <v>1528</v>
      </c>
      <c r="F2140" s="6" t="s">
        <v>5</v>
      </c>
      <c r="G2140" s="2" t="s">
        <v>1520</v>
      </c>
      <c r="H2140" s="4" t="s">
        <v>542</v>
      </c>
      <c r="I2140" s="5" t="s">
        <v>1521</v>
      </c>
      <c r="J2140" s="5" t="s">
        <v>1522</v>
      </c>
      <c r="K2140" s="5" t="s">
        <v>1523</v>
      </c>
      <c r="L2140" s="6" t="s">
        <v>5</v>
      </c>
      <c r="M2140" s="2" t="s">
        <v>1529</v>
      </c>
      <c r="N2140" s="3">
        <v>45108</v>
      </c>
      <c r="O2140" s="3">
        <v>45108</v>
      </c>
      <c r="P2140" s="3">
        <v>47299</v>
      </c>
    </row>
    <row r="2141" spans="1:16" x14ac:dyDescent="0.15">
      <c r="A2141" s="2" t="s">
        <v>49</v>
      </c>
      <c r="B2141" s="2" t="s">
        <v>7802</v>
      </c>
      <c r="C2141" s="4" t="s">
        <v>6</v>
      </c>
      <c r="D2141" s="5" t="s">
        <v>7800</v>
      </c>
      <c r="E2141" s="5" t="s">
        <v>7801</v>
      </c>
      <c r="F2141" s="6" t="s">
        <v>5</v>
      </c>
      <c r="G2141" s="2"/>
      <c r="H2141" s="4"/>
      <c r="I2141" s="5"/>
      <c r="J2141" s="5"/>
      <c r="K2141" s="5"/>
      <c r="L2141" s="6"/>
      <c r="M2141" s="2" t="s">
        <v>7803</v>
      </c>
      <c r="N2141" s="3">
        <v>41142</v>
      </c>
      <c r="O2141" s="3">
        <v>45047</v>
      </c>
      <c r="P2141" s="3">
        <v>46873</v>
      </c>
    </row>
    <row r="2142" spans="1:16" x14ac:dyDescent="0.15">
      <c r="A2142" s="2" t="s">
        <v>36</v>
      </c>
      <c r="B2142" s="2" t="s">
        <v>1530</v>
      </c>
      <c r="C2142" s="4" t="s">
        <v>6</v>
      </c>
      <c r="D2142" s="5" t="s">
        <v>558</v>
      </c>
      <c r="E2142" s="5" t="s">
        <v>1531</v>
      </c>
      <c r="F2142" s="6" t="s">
        <v>5</v>
      </c>
      <c r="G2142" s="2" t="s">
        <v>1520</v>
      </c>
      <c r="H2142" s="4" t="s">
        <v>542</v>
      </c>
      <c r="I2142" s="5" t="s">
        <v>1521</v>
      </c>
      <c r="J2142" s="5" t="s">
        <v>1522</v>
      </c>
      <c r="K2142" s="5" t="s">
        <v>1523</v>
      </c>
      <c r="L2142" s="6" t="s">
        <v>5</v>
      </c>
      <c r="M2142" s="2" t="s">
        <v>1532</v>
      </c>
      <c r="N2142" s="3">
        <v>42675</v>
      </c>
      <c r="O2142" s="3">
        <v>45108</v>
      </c>
      <c r="P2142" s="3">
        <v>47299</v>
      </c>
    </row>
    <row r="2143" spans="1:16" x14ac:dyDescent="0.15">
      <c r="A2143" s="2" t="s">
        <v>36</v>
      </c>
      <c r="B2143" s="2" t="s">
        <v>1555</v>
      </c>
      <c r="C2143" s="4" t="s">
        <v>6</v>
      </c>
      <c r="D2143" s="5" t="s">
        <v>1556</v>
      </c>
      <c r="E2143" s="5" t="s">
        <v>5</v>
      </c>
      <c r="F2143" s="6" t="s">
        <v>5</v>
      </c>
      <c r="G2143" s="2" t="s">
        <v>1553</v>
      </c>
      <c r="H2143" s="4" t="s">
        <v>542</v>
      </c>
      <c r="I2143" s="5" t="s">
        <v>1521</v>
      </c>
      <c r="J2143" s="5" t="s">
        <v>1554</v>
      </c>
      <c r="K2143" s="5" t="s">
        <v>5</v>
      </c>
      <c r="L2143" s="6" t="s">
        <v>5</v>
      </c>
      <c r="M2143" s="2" t="s">
        <v>1557</v>
      </c>
      <c r="N2143" s="3">
        <v>42255</v>
      </c>
      <c r="O2143" s="3">
        <v>44470</v>
      </c>
      <c r="P2143" s="3">
        <v>46660</v>
      </c>
    </row>
    <row r="2144" spans="1:16" x14ac:dyDescent="0.15">
      <c r="A2144" s="2" t="s">
        <v>36</v>
      </c>
      <c r="B2144" s="2" t="s">
        <v>1844</v>
      </c>
      <c r="C2144" s="4" t="s">
        <v>6</v>
      </c>
      <c r="D2144" s="5" t="s">
        <v>1000</v>
      </c>
      <c r="E2144" s="5" t="s">
        <v>1843</v>
      </c>
      <c r="F2144" s="6" t="s">
        <v>5</v>
      </c>
      <c r="G2144" s="2" t="s">
        <v>1842</v>
      </c>
      <c r="H2144" s="4" t="s">
        <v>9</v>
      </c>
      <c r="I2144" s="5" t="s">
        <v>6</v>
      </c>
      <c r="J2144" s="5" t="s">
        <v>1000</v>
      </c>
      <c r="K2144" s="5" t="s">
        <v>1843</v>
      </c>
      <c r="L2144" s="6" t="s">
        <v>5</v>
      </c>
      <c r="M2144" s="2" t="s">
        <v>1845</v>
      </c>
      <c r="N2144" s="3">
        <v>44454</v>
      </c>
      <c r="O2144" s="3">
        <v>44454</v>
      </c>
      <c r="P2144" s="3">
        <v>46660</v>
      </c>
    </row>
    <row r="2145" spans="1:16" x14ac:dyDescent="0.15">
      <c r="A2145" s="2" t="s">
        <v>36</v>
      </c>
      <c r="B2145" s="2" t="s">
        <v>1932</v>
      </c>
      <c r="C2145" s="4" t="s">
        <v>6</v>
      </c>
      <c r="D2145" s="5" t="s">
        <v>1930</v>
      </c>
      <c r="E2145" s="5" t="s">
        <v>1931</v>
      </c>
      <c r="F2145" s="6" t="s">
        <v>5</v>
      </c>
      <c r="G2145" s="2" t="s">
        <v>1929</v>
      </c>
      <c r="H2145" s="4" t="s">
        <v>9</v>
      </c>
      <c r="I2145" s="5" t="s">
        <v>6</v>
      </c>
      <c r="J2145" s="5" t="s">
        <v>1930</v>
      </c>
      <c r="K2145" s="5" t="s">
        <v>1931</v>
      </c>
      <c r="L2145" s="6" t="s">
        <v>5</v>
      </c>
      <c r="M2145" s="2" t="s">
        <v>1936</v>
      </c>
      <c r="N2145" s="3">
        <v>34277</v>
      </c>
      <c r="O2145" s="3">
        <v>44835</v>
      </c>
      <c r="P2145" s="3">
        <v>46660</v>
      </c>
    </row>
    <row r="2146" spans="1:16" x14ac:dyDescent="0.15">
      <c r="A2146" s="2" t="s">
        <v>36</v>
      </c>
      <c r="B2146" s="2" t="s">
        <v>2373</v>
      </c>
      <c r="C2146" s="4" t="s">
        <v>6</v>
      </c>
      <c r="D2146" s="5" t="s">
        <v>2374</v>
      </c>
      <c r="E2146" s="5" t="s">
        <v>5</v>
      </c>
      <c r="F2146" s="6" t="s">
        <v>5</v>
      </c>
      <c r="G2146" s="2" t="s">
        <v>2370</v>
      </c>
      <c r="H2146" s="4" t="s">
        <v>9</v>
      </c>
      <c r="I2146" s="5" t="s">
        <v>6</v>
      </c>
      <c r="J2146" s="5" t="s">
        <v>2371</v>
      </c>
      <c r="K2146" s="5" t="s">
        <v>2372</v>
      </c>
      <c r="L2146" s="6" t="s">
        <v>5</v>
      </c>
      <c r="M2146" s="2" t="s">
        <v>2376</v>
      </c>
      <c r="N2146" s="3">
        <v>37819</v>
      </c>
      <c r="O2146" s="3">
        <v>44682</v>
      </c>
      <c r="P2146" s="3">
        <v>46873</v>
      </c>
    </row>
    <row r="2147" spans="1:16" x14ac:dyDescent="0.15">
      <c r="A2147" s="2" t="s">
        <v>49</v>
      </c>
      <c r="B2147" s="2" t="s">
        <v>7828</v>
      </c>
      <c r="C2147" s="4" t="s">
        <v>6</v>
      </c>
      <c r="D2147" s="5" t="s">
        <v>7642</v>
      </c>
      <c r="E2147" s="5" t="s">
        <v>7827</v>
      </c>
      <c r="F2147" s="6" t="s">
        <v>5</v>
      </c>
      <c r="G2147" s="2"/>
      <c r="H2147" s="4"/>
      <c r="I2147" s="5"/>
      <c r="J2147" s="5"/>
      <c r="K2147" s="5"/>
      <c r="L2147" s="6"/>
      <c r="M2147" s="2" t="s">
        <v>7829</v>
      </c>
      <c r="N2147" s="3">
        <v>36616</v>
      </c>
      <c r="O2147" s="3">
        <v>45047</v>
      </c>
      <c r="P2147" s="3">
        <v>47238</v>
      </c>
    </row>
    <row r="2148" spans="1:16" x14ac:dyDescent="0.15">
      <c r="A2148" s="2" t="s">
        <v>49</v>
      </c>
      <c r="B2148" s="2" t="s">
        <v>7830</v>
      </c>
      <c r="C2148" s="4" t="s">
        <v>6</v>
      </c>
      <c r="D2148" s="5" t="s">
        <v>2702</v>
      </c>
      <c r="E2148" s="5" t="s">
        <v>7831</v>
      </c>
      <c r="F2148" s="6" t="s">
        <v>5</v>
      </c>
      <c r="G2148" s="2"/>
      <c r="H2148" s="4"/>
      <c r="I2148" s="5"/>
      <c r="J2148" s="5"/>
      <c r="K2148" s="5"/>
      <c r="L2148" s="6"/>
      <c r="M2148" s="2" t="s">
        <v>7832</v>
      </c>
      <c r="N2148" s="3">
        <v>35288</v>
      </c>
      <c r="O2148" s="3">
        <v>45017</v>
      </c>
      <c r="P2148" s="3">
        <v>47208</v>
      </c>
    </row>
    <row r="2149" spans="1:16" x14ac:dyDescent="0.15">
      <c r="A2149" s="2" t="s">
        <v>49</v>
      </c>
      <c r="B2149" s="2" t="s">
        <v>7833</v>
      </c>
      <c r="C2149" s="4" t="s">
        <v>6</v>
      </c>
      <c r="D2149" s="5" t="s">
        <v>4652</v>
      </c>
      <c r="E2149" s="5" t="s">
        <v>4653</v>
      </c>
      <c r="F2149" s="6" t="s">
        <v>5</v>
      </c>
      <c r="G2149" s="2"/>
      <c r="H2149" s="4"/>
      <c r="I2149" s="5"/>
      <c r="J2149" s="5"/>
      <c r="K2149" s="5"/>
      <c r="L2149" s="6"/>
      <c r="M2149" s="2" t="s">
        <v>7834</v>
      </c>
      <c r="N2149" s="3">
        <v>42531</v>
      </c>
      <c r="O2149" s="3">
        <v>45047</v>
      </c>
      <c r="P2149" s="3">
        <v>47238</v>
      </c>
    </row>
    <row r="2150" spans="1:16" x14ac:dyDescent="0.15">
      <c r="A2150" s="2" t="s">
        <v>49</v>
      </c>
      <c r="B2150" s="2" t="s">
        <v>7835</v>
      </c>
      <c r="C2150" s="4" t="s">
        <v>6</v>
      </c>
      <c r="D2150" s="5" t="s">
        <v>218</v>
      </c>
      <c r="E2150" s="5" t="s">
        <v>438</v>
      </c>
      <c r="F2150" s="6" t="s">
        <v>7836</v>
      </c>
      <c r="G2150" s="2"/>
      <c r="H2150" s="4"/>
      <c r="I2150" s="5"/>
      <c r="J2150" s="5"/>
      <c r="K2150" s="5"/>
      <c r="L2150" s="6"/>
      <c r="M2150" s="2" t="s">
        <v>7837</v>
      </c>
      <c r="N2150" s="3">
        <v>36798</v>
      </c>
      <c r="O2150" s="3">
        <v>45017</v>
      </c>
      <c r="P2150" s="3">
        <v>47208</v>
      </c>
    </row>
    <row r="2151" spans="1:16" x14ac:dyDescent="0.15">
      <c r="A2151" s="2" t="s">
        <v>49</v>
      </c>
      <c r="B2151" s="2" t="s">
        <v>7838</v>
      </c>
      <c r="C2151" s="4" t="s">
        <v>6</v>
      </c>
      <c r="D2151" s="5" t="s">
        <v>2012</v>
      </c>
      <c r="E2151" s="5" t="s">
        <v>7839</v>
      </c>
      <c r="F2151" s="6" t="s">
        <v>5</v>
      </c>
      <c r="G2151" s="2"/>
      <c r="H2151" s="4"/>
      <c r="I2151" s="5"/>
      <c r="J2151" s="5"/>
      <c r="K2151" s="5"/>
      <c r="L2151" s="6"/>
      <c r="M2151" s="2" t="s">
        <v>7840</v>
      </c>
      <c r="N2151" s="3">
        <v>36980</v>
      </c>
      <c r="O2151" s="3">
        <v>45017</v>
      </c>
      <c r="P2151" s="3">
        <v>47208</v>
      </c>
    </row>
    <row r="2152" spans="1:16" x14ac:dyDescent="0.15">
      <c r="A2152" s="2" t="s">
        <v>36</v>
      </c>
      <c r="B2152" s="2" t="s">
        <v>2803</v>
      </c>
      <c r="C2152" s="4" t="s">
        <v>6</v>
      </c>
      <c r="D2152" s="5" t="s">
        <v>2805</v>
      </c>
      <c r="E2152" s="5" t="s">
        <v>2806</v>
      </c>
      <c r="F2152" s="6" t="s">
        <v>5</v>
      </c>
      <c r="G2152" s="2" t="s">
        <v>2800</v>
      </c>
      <c r="H2152" s="4" t="s">
        <v>9</v>
      </c>
      <c r="I2152" s="5" t="s">
        <v>6</v>
      </c>
      <c r="J2152" s="5" t="s">
        <v>2801</v>
      </c>
      <c r="K2152" s="5" t="s">
        <v>2802</v>
      </c>
      <c r="L2152" s="6" t="s">
        <v>5</v>
      </c>
      <c r="M2152" s="2" t="s">
        <v>2807</v>
      </c>
      <c r="N2152" s="3">
        <v>41961</v>
      </c>
      <c r="O2152" s="3">
        <v>44501</v>
      </c>
      <c r="P2152" s="3">
        <v>46691</v>
      </c>
    </row>
    <row r="2153" spans="1:16" x14ac:dyDescent="0.15">
      <c r="A2153" s="2" t="s">
        <v>36</v>
      </c>
      <c r="B2153" s="2" t="s">
        <v>3916</v>
      </c>
      <c r="C2153" s="4" t="s">
        <v>6</v>
      </c>
      <c r="D2153" s="5" t="s">
        <v>174</v>
      </c>
      <c r="E2153" s="5" t="s">
        <v>3917</v>
      </c>
      <c r="F2153" s="6" t="s">
        <v>238</v>
      </c>
      <c r="G2153" s="2" t="s">
        <v>3914</v>
      </c>
      <c r="H2153" s="4" t="s">
        <v>9</v>
      </c>
      <c r="I2153" s="5" t="s">
        <v>6</v>
      </c>
      <c r="J2153" s="5" t="s">
        <v>3915</v>
      </c>
      <c r="K2153" s="5" t="s">
        <v>5</v>
      </c>
      <c r="L2153" s="6" t="s">
        <v>5</v>
      </c>
      <c r="M2153" s="2" t="s">
        <v>3919</v>
      </c>
      <c r="N2153" s="3">
        <v>44630</v>
      </c>
      <c r="O2153" s="3">
        <v>44630</v>
      </c>
      <c r="P2153" s="3">
        <v>47026</v>
      </c>
    </row>
    <row r="2154" spans="1:16" x14ac:dyDescent="0.15">
      <c r="A2154" s="2" t="s">
        <v>49</v>
      </c>
      <c r="B2154" s="2" t="s">
        <v>7849</v>
      </c>
      <c r="C2154" s="4" t="s">
        <v>6</v>
      </c>
      <c r="D2154" s="5" t="s">
        <v>2574</v>
      </c>
      <c r="E2154" s="5" t="s">
        <v>7850</v>
      </c>
      <c r="F2154" s="6" t="s">
        <v>5</v>
      </c>
      <c r="G2154" s="2"/>
      <c r="H2154" s="4"/>
      <c r="I2154" s="5"/>
      <c r="J2154" s="5"/>
      <c r="K2154" s="5"/>
      <c r="L2154" s="6"/>
      <c r="M2154" s="2" t="s">
        <v>7851</v>
      </c>
      <c r="N2154" s="3">
        <v>40909</v>
      </c>
      <c r="O2154" s="3">
        <v>45017</v>
      </c>
      <c r="P2154" s="3">
        <v>47208</v>
      </c>
    </row>
    <row r="2155" spans="1:16" x14ac:dyDescent="0.15">
      <c r="A2155" s="2" t="s">
        <v>49</v>
      </c>
      <c r="B2155" s="2" t="s">
        <v>7853</v>
      </c>
      <c r="C2155" s="4" t="s">
        <v>6</v>
      </c>
      <c r="D2155" s="5" t="s">
        <v>4262</v>
      </c>
      <c r="E2155" s="5" t="s">
        <v>1453</v>
      </c>
      <c r="F2155" s="6" t="s">
        <v>5</v>
      </c>
      <c r="G2155" s="2" t="s">
        <v>7852</v>
      </c>
      <c r="H2155" s="4" t="s">
        <v>9</v>
      </c>
      <c r="I2155" s="5" t="s">
        <v>6</v>
      </c>
      <c r="J2155" s="5" t="s">
        <v>1954</v>
      </c>
      <c r="K2155" s="5" t="s">
        <v>3053</v>
      </c>
      <c r="L2155" s="6" t="s">
        <v>5</v>
      </c>
      <c r="M2155" s="2" t="s">
        <v>7854</v>
      </c>
      <c r="N2155" s="3">
        <v>42828</v>
      </c>
      <c r="O2155" s="3">
        <v>45047</v>
      </c>
      <c r="P2155" s="3">
        <v>47238</v>
      </c>
    </row>
    <row r="2156" spans="1:16" x14ac:dyDescent="0.15">
      <c r="A2156" s="2" t="s">
        <v>49</v>
      </c>
      <c r="B2156" s="2" t="s">
        <v>7855</v>
      </c>
      <c r="C2156" s="4" t="s">
        <v>6</v>
      </c>
      <c r="D2156" s="5" t="s">
        <v>1027</v>
      </c>
      <c r="E2156" s="5" t="s">
        <v>7856</v>
      </c>
      <c r="F2156" s="6" t="s">
        <v>7857</v>
      </c>
      <c r="G2156" s="2"/>
      <c r="H2156" s="4"/>
      <c r="I2156" s="5"/>
      <c r="J2156" s="5"/>
      <c r="K2156" s="5"/>
      <c r="L2156" s="6"/>
      <c r="M2156" s="2" t="s">
        <v>7858</v>
      </c>
      <c r="N2156" s="3">
        <v>44998</v>
      </c>
      <c r="O2156" s="3">
        <v>44998</v>
      </c>
      <c r="P2156" s="3">
        <v>47087</v>
      </c>
    </row>
    <row r="2157" spans="1:16" x14ac:dyDescent="0.15">
      <c r="A2157" s="2" t="s">
        <v>36</v>
      </c>
      <c r="B2157" s="2" t="s">
        <v>4439</v>
      </c>
      <c r="C2157" s="4" t="s">
        <v>6</v>
      </c>
      <c r="D2157" s="5" t="s">
        <v>91</v>
      </c>
      <c r="E2157" s="5" t="s">
        <v>4440</v>
      </c>
      <c r="F2157" s="6" t="s">
        <v>5</v>
      </c>
      <c r="G2157" s="2" t="s">
        <v>4434</v>
      </c>
      <c r="H2157" s="4" t="s">
        <v>9</v>
      </c>
      <c r="I2157" s="5" t="s">
        <v>6</v>
      </c>
      <c r="J2157" s="5" t="s">
        <v>4435</v>
      </c>
      <c r="K2157" s="5" t="s">
        <v>4436</v>
      </c>
      <c r="L2157" s="6" t="s">
        <v>5</v>
      </c>
      <c r="M2157" s="2" t="s">
        <v>4442</v>
      </c>
      <c r="N2157" s="3">
        <v>38421</v>
      </c>
      <c r="O2157" s="3">
        <v>44652</v>
      </c>
      <c r="P2157" s="3">
        <v>46843</v>
      </c>
    </row>
    <row r="2158" spans="1:16" x14ac:dyDescent="0.15">
      <c r="A2158" s="2" t="s">
        <v>49</v>
      </c>
      <c r="B2158" s="2" t="s">
        <v>7863</v>
      </c>
      <c r="C2158" s="4" t="s">
        <v>6</v>
      </c>
      <c r="D2158" s="5" t="s">
        <v>4145</v>
      </c>
      <c r="E2158" s="5" t="s">
        <v>5438</v>
      </c>
      <c r="F2158" s="6" t="s">
        <v>5</v>
      </c>
      <c r="G2158" s="2"/>
      <c r="H2158" s="4"/>
      <c r="I2158" s="5"/>
      <c r="J2158" s="5"/>
      <c r="K2158" s="5"/>
      <c r="L2158" s="6"/>
      <c r="M2158" s="2" t="s">
        <v>7864</v>
      </c>
      <c r="N2158" s="3">
        <v>35879</v>
      </c>
      <c r="O2158" s="3">
        <v>45017</v>
      </c>
      <c r="P2158" s="3">
        <v>46843</v>
      </c>
    </row>
    <row r="2159" spans="1:16" x14ac:dyDescent="0.15">
      <c r="A2159" s="2" t="s">
        <v>36</v>
      </c>
      <c r="B2159" s="2" t="s">
        <v>4443</v>
      </c>
      <c r="C2159" s="4" t="s">
        <v>6</v>
      </c>
      <c r="D2159" s="5" t="s">
        <v>1773</v>
      </c>
      <c r="E2159" s="5" t="s">
        <v>1751</v>
      </c>
      <c r="F2159" s="6" t="s">
        <v>4444</v>
      </c>
      <c r="G2159" s="2" t="s">
        <v>4434</v>
      </c>
      <c r="H2159" s="4" t="s">
        <v>9</v>
      </c>
      <c r="I2159" s="5" t="s">
        <v>6</v>
      </c>
      <c r="J2159" s="5" t="s">
        <v>4435</v>
      </c>
      <c r="K2159" s="5" t="s">
        <v>4436</v>
      </c>
      <c r="L2159" s="6" t="s">
        <v>5</v>
      </c>
      <c r="M2159" s="2" t="s">
        <v>4446</v>
      </c>
      <c r="N2159" s="3">
        <v>40495</v>
      </c>
      <c r="O2159" s="3">
        <v>45047</v>
      </c>
      <c r="P2159" s="3">
        <v>47238</v>
      </c>
    </row>
    <row r="2160" spans="1:16" x14ac:dyDescent="0.15">
      <c r="A2160" s="2" t="s">
        <v>36</v>
      </c>
      <c r="B2160" s="2" t="s">
        <v>4451</v>
      </c>
      <c r="C2160" s="4" t="s">
        <v>6</v>
      </c>
      <c r="D2160" s="5" t="s">
        <v>218</v>
      </c>
      <c r="E2160" s="5" t="s">
        <v>4452</v>
      </c>
      <c r="F2160" s="6" t="s">
        <v>5</v>
      </c>
      <c r="G2160" s="2" t="s">
        <v>4434</v>
      </c>
      <c r="H2160" s="4" t="s">
        <v>9</v>
      </c>
      <c r="I2160" s="5" t="s">
        <v>6</v>
      </c>
      <c r="J2160" s="5" t="s">
        <v>4435</v>
      </c>
      <c r="K2160" s="5" t="s">
        <v>4436</v>
      </c>
      <c r="L2160" s="6" t="s">
        <v>5</v>
      </c>
      <c r="M2160" s="2" t="s">
        <v>4454</v>
      </c>
      <c r="N2160" s="3">
        <v>45122</v>
      </c>
      <c r="O2160" s="3">
        <v>45122</v>
      </c>
      <c r="P2160" s="3">
        <v>47573</v>
      </c>
    </row>
    <row r="2161" spans="1:16" x14ac:dyDescent="0.15">
      <c r="A2161" s="2" t="s">
        <v>49</v>
      </c>
      <c r="B2161" s="2" t="s">
        <v>7870</v>
      </c>
      <c r="C2161" s="4" t="s">
        <v>6</v>
      </c>
      <c r="D2161" s="5" t="s">
        <v>2012</v>
      </c>
      <c r="E2161" s="5" t="s">
        <v>7871</v>
      </c>
      <c r="F2161" s="6" t="s">
        <v>7872</v>
      </c>
      <c r="G2161" s="2"/>
      <c r="H2161" s="4"/>
      <c r="I2161" s="5"/>
      <c r="J2161" s="5"/>
      <c r="K2161" s="5"/>
      <c r="L2161" s="6"/>
      <c r="M2161" s="2" t="s">
        <v>7873</v>
      </c>
      <c r="N2161" s="3">
        <v>38621</v>
      </c>
      <c r="O2161" s="3">
        <v>45017</v>
      </c>
      <c r="P2161" s="3">
        <v>47208</v>
      </c>
    </row>
    <row r="2162" spans="1:16" x14ac:dyDescent="0.15">
      <c r="A2162" s="2" t="s">
        <v>36</v>
      </c>
      <c r="B2162" s="2" t="s">
        <v>4906</v>
      </c>
      <c r="C2162" s="4" t="s">
        <v>6</v>
      </c>
      <c r="D2162" s="5" t="s">
        <v>4907</v>
      </c>
      <c r="E2162" s="5" t="s">
        <v>4908</v>
      </c>
      <c r="F2162" s="6" t="s">
        <v>5</v>
      </c>
      <c r="G2162" s="2" t="s">
        <v>4906</v>
      </c>
      <c r="H2162" s="4" t="s">
        <v>9</v>
      </c>
      <c r="I2162" s="5" t="s">
        <v>6</v>
      </c>
      <c r="J2162" s="5" t="s">
        <v>4907</v>
      </c>
      <c r="K2162" s="5" t="s">
        <v>4908</v>
      </c>
      <c r="L2162" s="6" t="s">
        <v>5</v>
      </c>
      <c r="M2162" s="2" t="s">
        <v>4909</v>
      </c>
      <c r="N2162" s="3">
        <v>40261</v>
      </c>
      <c r="O2162" s="3">
        <v>44682</v>
      </c>
      <c r="P2162" s="3">
        <v>46873</v>
      </c>
    </row>
    <row r="2163" spans="1:16" x14ac:dyDescent="0.15">
      <c r="A2163" s="2" t="s">
        <v>49</v>
      </c>
      <c r="B2163" s="2" t="s">
        <v>7881</v>
      </c>
      <c r="C2163" s="4" t="s">
        <v>6</v>
      </c>
      <c r="D2163" s="5" t="s">
        <v>2610</v>
      </c>
      <c r="E2163" s="5" t="s">
        <v>7882</v>
      </c>
      <c r="F2163" s="6" t="s">
        <v>5</v>
      </c>
      <c r="G2163" s="2"/>
      <c r="H2163" s="4"/>
      <c r="I2163" s="5"/>
      <c r="J2163" s="5"/>
      <c r="K2163" s="5"/>
      <c r="L2163" s="6"/>
      <c r="M2163" s="2" t="s">
        <v>7883</v>
      </c>
      <c r="N2163" s="3">
        <v>42551</v>
      </c>
      <c r="O2163" s="3">
        <v>45017</v>
      </c>
      <c r="P2163" s="3">
        <v>47208</v>
      </c>
    </row>
    <row r="2164" spans="1:16" x14ac:dyDescent="0.15">
      <c r="A2164" s="2" t="s">
        <v>16</v>
      </c>
      <c r="B2164" s="2" t="s">
        <v>7885</v>
      </c>
      <c r="C2164" s="4" t="s">
        <v>6</v>
      </c>
      <c r="D2164" s="5" t="s">
        <v>4652</v>
      </c>
      <c r="E2164" s="5" t="s">
        <v>7884</v>
      </c>
      <c r="F2164" s="6" t="s">
        <v>5</v>
      </c>
      <c r="G2164" s="2"/>
      <c r="H2164" s="4"/>
      <c r="I2164" s="5"/>
      <c r="J2164" s="5"/>
      <c r="K2164" s="5"/>
      <c r="L2164" s="6"/>
      <c r="M2164" s="2" t="s">
        <v>7886</v>
      </c>
      <c r="N2164" s="3">
        <v>30830</v>
      </c>
      <c r="O2164" s="3">
        <v>45047</v>
      </c>
      <c r="P2164" s="3">
        <v>46873</v>
      </c>
    </row>
    <row r="2165" spans="1:16" x14ac:dyDescent="0.15">
      <c r="A2165" s="2" t="s">
        <v>49</v>
      </c>
      <c r="B2165" s="2" t="s">
        <v>7887</v>
      </c>
      <c r="C2165" s="4" t="s">
        <v>6</v>
      </c>
      <c r="D2165" s="5" t="s">
        <v>4137</v>
      </c>
      <c r="E2165" s="5" t="s">
        <v>7888</v>
      </c>
      <c r="F2165" s="6" t="s">
        <v>7889</v>
      </c>
      <c r="G2165" s="2"/>
      <c r="H2165" s="4"/>
      <c r="I2165" s="5"/>
      <c r="J2165" s="5"/>
      <c r="K2165" s="5"/>
      <c r="L2165" s="6"/>
      <c r="M2165" s="2" t="s">
        <v>7890</v>
      </c>
      <c r="N2165" s="3">
        <v>42508</v>
      </c>
      <c r="O2165" s="3">
        <v>45017</v>
      </c>
      <c r="P2165" s="3">
        <v>47208</v>
      </c>
    </row>
    <row r="2166" spans="1:16" x14ac:dyDescent="0.15">
      <c r="A2166" s="2" t="s">
        <v>36</v>
      </c>
      <c r="B2166" s="2" t="s">
        <v>5204</v>
      </c>
      <c r="C2166" s="4" t="s">
        <v>6</v>
      </c>
      <c r="D2166" s="5" t="s">
        <v>2134</v>
      </c>
      <c r="E2166" s="5" t="s">
        <v>5205</v>
      </c>
      <c r="F2166" s="6" t="s">
        <v>5</v>
      </c>
      <c r="G2166" s="2" t="s">
        <v>5202</v>
      </c>
      <c r="H2166" s="4" t="s">
        <v>9</v>
      </c>
      <c r="I2166" s="5" t="s">
        <v>6</v>
      </c>
      <c r="J2166" s="5" t="s">
        <v>5203</v>
      </c>
      <c r="K2166" s="5" t="s">
        <v>5</v>
      </c>
      <c r="L2166" s="6" t="s">
        <v>5</v>
      </c>
      <c r="M2166" s="2" t="s">
        <v>5206</v>
      </c>
      <c r="N2166" s="3">
        <v>44699</v>
      </c>
      <c r="O2166" s="3">
        <v>44699</v>
      </c>
      <c r="P2166" s="3">
        <v>46934</v>
      </c>
    </row>
    <row r="2167" spans="1:16" x14ac:dyDescent="0.15">
      <c r="A2167" s="2" t="s">
        <v>36</v>
      </c>
      <c r="B2167" s="2" t="s">
        <v>5213</v>
      </c>
      <c r="C2167" s="4" t="s">
        <v>6</v>
      </c>
      <c r="D2167" s="5" t="s">
        <v>69</v>
      </c>
      <c r="E2167" s="5" t="s">
        <v>4456</v>
      </c>
      <c r="F2167" s="6" t="s">
        <v>5</v>
      </c>
      <c r="G2167" s="2" t="s">
        <v>5202</v>
      </c>
      <c r="H2167" s="4" t="s">
        <v>9</v>
      </c>
      <c r="I2167" s="5" t="s">
        <v>6</v>
      </c>
      <c r="J2167" s="5" t="s">
        <v>5203</v>
      </c>
      <c r="K2167" s="5" t="s">
        <v>5</v>
      </c>
      <c r="L2167" s="6" t="s">
        <v>5</v>
      </c>
      <c r="M2167" s="2" t="s">
        <v>5215</v>
      </c>
      <c r="N2167" s="3">
        <v>44267</v>
      </c>
      <c r="O2167" s="3">
        <v>44267</v>
      </c>
      <c r="P2167" s="3">
        <v>46538</v>
      </c>
    </row>
    <row r="2168" spans="1:16" x14ac:dyDescent="0.15">
      <c r="A2168" s="2" t="s">
        <v>49</v>
      </c>
      <c r="B2168" s="2" t="s">
        <v>7901</v>
      </c>
      <c r="C2168" s="4" t="s">
        <v>6</v>
      </c>
      <c r="D2168" s="5" t="s">
        <v>834</v>
      </c>
      <c r="E2168" s="5" t="s">
        <v>7900</v>
      </c>
      <c r="F2168" s="6" t="s">
        <v>5</v>
      </c>
      <c r="G2168" s="2"/>
      <c r="H2168" s="4"/>
      <c r="I2168" s="5"/>
      <c r="J2168" s="5"/>
      <c r="K2168" s="5"/>
      <c r="L2168" s="6"/>
      <c r="M2168" s="2" t="s">
        <v>7902</v>
      </c>
      <c r="N2168" s="3">
        <v>38460</v>
      </c>
      <c r="O2168" s="3">
        <v>45017</v>
      </c>
      <c r="P2168" s="3">
        <v>47208</v>
      </c>
    </row>
    <row r="2169" spans="1:16" x14ac:dyDescent="0.15">
      <c r="A2169" s="2" t="s">
        <v>36</v>
      </c>
      <c r="B2169" s="2" t="s">
        <v>5231</v>
      </c>
      <c r="C2169" s="4" t="s">
        <v>6</v>
      </c>
      <c r="D2169" s="5" t="s">
        <v>200</v>
      </c>
      <c r="E2169" s="5" t="s">
        <v>5232</v>
      </c>
      <c r="F2169" s="6" t="s">
        <v>5</v>
      </c>
      <c r="G2169" s="2" t="s">
        <v>5228</v>
      </c>
      <c r="H2169" s="4" t="s">
        <v>195</v>
      </c>
      <c r="I2169" s="5" t="s">
        <v>715</v>
      </c>
      <c r="J2169" s="5" t="s">
        <v>5229</v>
      </c>
      <c r="K2169" s="5" t="s">
        <v>5230</v>
      </c>
      <c r="L2169" s="6" t="s">
        <v>5</v>
      </c>
      <c r="M2169" s="2" t="s">
        <v>5234</v>
      </c>
      <c r="N2169" s="3">
        <v>45132</v>
      </c>
      <c r="O2169" s="3">
        <v>45132</v>
      </c>
      <c r="P2169" s="3">
        <v>47938</v>
      </c>
    </row>
    <row r="2170" spans="1:16" x14ac:dyDescent="0.15">
      <c r="A2170" s="2" t="s">
        <v>36</v>
      </c>
      <c r="B2170" s="2" t="s">
        <v>5430</v>
      </c>
      <c r="C2170" s="4" t="s">
        <v>6</v>
      </c>
      <c r="D2170" s="5" t="s">
        <v>5431</v>
      </c>
      <c r="E2170" s="5" t="s">
        <v>5432</v>
      </c>
      <c r="F2170" s="6" t="s">
        <v>5</v>
      </c>
      <c r="G2170" s="2" t="s">
        <v>5428</v>
      </c>
      <c r="H2170" s="4" t="s">
        <v>195</v>
      </c>
      <c r="I2170" s="5" t="s">
        <v>196</v>
      </c>
      <c r="J2170" s="5" t="s">
        <v>5429</v>
      </c>
      <c r="K2170" s="5" t="s">
        <v>5</v>
      </c>
      <c r="L2170" s="6" t="s">
        <v>5</v>
      </c>
      <c r="M2170" s="2" t="s">
        <v>5433</v>
      </c>
      <c r="N2170" s="3">
        <v>42292</v>
      </c>
      <c r="O2170" s="3">
        <v>44743</v>
      </c>
      <c r="P2170" s="3">
        <v>46934</v>
      </c>
    </row>
    <row r="2171" spans="1:16" x14ac:dyDescent="0.15">
      <c r="A2171" s="2" t="s">
        <v>36</v>
      </c>
      <c r="B2171" s="2" t="s">
        <v>5735</v>
      </c>
      <c r="C2171" s="4" t="s">
        <v>6</v>
      </c>
      <c r="D2171" s="5" t="s">
        <v>3744</v>
      </c>
      <c r="E2171" s="5" t="s">
        <v>5736</v>
      </c>
      <c r="F2171" s="6" t="s">
        <v>5</v>
      </c>
      <c r="G2171" s="2" t="s">
        <v>5733</v>
      </c>
      <c r="H2171" s="4" t="s">
        <v>9</v>
      </c>
      <c r="I2171" s="5" t="s">
        <v>6</v>
      </c>
      <c r="J2171" s="5" t="s">
        <v>911</v>
      </c>
      <c r="K2171" s="5" t="s">
        <v>5734</v>
      </c>
      <c r="L2171" s="6" t="s">
        <v>5</v>
      </c>
      <c r="M2171" s="2" t="s">
        <v>5737</v>
      </c>
      <c r="N2171" s="3">
        <v>44963</v>
      </c>
      <c r="O2171" s="3">
        <v>44963</v>
      </c>
      <c r="P2171" s="3">
        <v>47299</v>
      </c>
    </row>
    <row r="2172" spans="1:16" x14ac:dyDescent="0.15">
      <c r="A2172" s="2" t="s">
        <v>36</v>
      </c>
      <c r="B2172" s="2" t="s">
        <v>6377</v>
      </c>
      <c r="C2172" s="4" t="s">
        <v>6</v>
      </c>
      <c r="D2172" s="5" t="s">
        <v>5887</v>
      </c>
      <c r="E2172" s="5" t="s">
        <v>3352</v>
      </c>
      <c r="F2172" s="6" t="s">
        <v>5</v>
      </c>
      <c r="G2172" s="2" t="s">
        <v>6376</v>
      </c>
      <c r="H2172" s="4" t="s">
        <v>9</v>
      </c>
      <c r="I2172" s="5" t="s">
        <v>6</v>
      </c>
      <c r="J2172" s="5" t="s">
        <v>5887</v>
      </c>
      <c r="K2172" s="5" t="s">
        <v>3352</v>
      </c>
      <c r="L2172" s="6" t="s">
        <v>5</v>
      </c>
      <c r="M2172" s="2" t="s">
        <v>6378</v>
      </c>
      <c r="N2172" s="3">
        <v>42643</v>
      </c>
      <c r="O2172" s="3">
        <v>44835</v>
      </c>
      <c r="P2172" s="3">
        <v>47026</v>
      </c>
    </row>
    <row r="2173" spans="1:16" x14ac:dyDescent="0.15">
      <c r="A2173" s="2" t="s">
        <v>49</v>
      </c>
      <c r="B2173" s="2" t="s">
        <v>7912</v>
      </c>
      <c r="C2173" s="4" t="s">
        <v>6</v>
      </c>
      <c r="D2173" s="5" t="s">
        <v>4567</v>
      </c>
      <c r="E2173" s="5" t="s">
        <v>7913</v>
      </c>
      <c r="F2173" s="6" t="s">
        <v>5</v>
      </c>
      <c r="G2173" s="2"/>
      <c r="H2173" s="4"/>
      <c r="I2173" s="5"/>
      <c r="J2173" s="5"/>
      <c r="K2173" s="5"/>
      <c r="L2173" s="6"/>
      <c r="M2173" s="2" t="s">
        <v>7914</v>
      </c>
      <c r="N2173" s="3">
        <v>42668</v>
      </c>
      <c r="O2173" s="3">
        <v>45017</v>
      </c>
      <c r="P2173" s="3">
        <v>47208</v>
      </c>
    </row>
    <row r="2174" spans="1:16" x14ac:dyDescent="0.15">
      <c r="A2174" s="2" t="s">
        <v>49</v>
      </c>
      <c r="B2174" s="2" t="s">
        <v>7916</v>
      </c>
      <c r="C2174" s="4" t="s">
        <v>6</v>
      </c>
      <c r="D2174" s="5" t="s">
        <v>1248</v>
      </c>
      <c r="E2174" s="5" t="s">
        <v>7915</v>
      </c>
      <c r="F2174" s="6" t="s">
        <v>5</v>
      </c>
      <c r="G2174" s="2"/>
      <c r="H2174" s="4"/>
      <c r="I2174" s="5"/>
      <c r="J2174" s="5"/>
      <c r="K2174" s="5"/>
      <c r="L2174" s="6"/>
      <c r="M2174" s="2" t="s">
        <v>7917</v>
      </c>
      <c r="N2174" s="3">
        <v>37697</v>
      </c>
      <c r="O2174" s="3">
        <v>45017</v>
      </c>
      <c r="P2174" s="3">
        <v>46843</v>
      </c>
    </row>
    <row r="2175" spans="1:16" x14ac:dyDescent="0.15">
      <c r="A2175" s="2" t="s">
        <v>36</v>
      </c>
      <c r="B2175" s="2" t="s">
        <v>7461</v>
      </c>
      <c r="C2175" s="4" t="s">
        <v>6</v>
      </c>
      <c r="D2175" s="5" t="s">
        <v>6178</v>
      </c>
      <c r="E2175" s="5" t="s">
        <v>7462</v>
      </c>
      <c r="F2175" s="6" t="s">
        <v>5</v>
      </c>
      <c r="G2175" s="2" t="s">
        <v>7459</v>
      </c>
      <c r="H2175" s="4" t="s">
        <v>9</v>
      </c>
      <c r="I2175" s="5" t="s">
        <v>58</v>
      </c>
      <c r="J2175" s="5" t="s">
        <v>7460</v>
      </c>
      <c r="K2175" s="5" t="s">
        <v>5</v>
      </c>
      <c r="L2175" s="6" t="s">
        <v>5</v>
      </c>
      <c r="M2175" s="2" t="s">
        <v>7463</v>
      </c>
      <c r="N2175" s="3">
        <v>43025</v>
      </c>
      <c r="O2175" s="3">
        <v>45474</v>
      </c>
      <c r="P2175" s="3">
        <v>47664</v>
      </c>
    </row>
    <row r="2176" spans="1:16" x14ac:dyDescent="0.15">
      <c r="A2176" s="2" t="s">
        <v>49</v>
      </c>
      <c r="B2176" s="2" t="s">
        <v>7921</v>
      </c>
      <c r="C2176" s="4" t="s">
        <v>6</v>
      </c>
      <c r="D2176" s="5" t="s">
        <v>2350</v>
      </c>
      <c r="E2176" s="5" t="s">
        <v>7920</v>
      </c>
      <c r="F2176" s="6" t="s">
        <v>5</v>
      </c>
      <c r="G2176" s="2" t="s">
        <v>7919</v>
      </c>
      <c r="H2176" s="4" t="s">
        <v>9</v>
      </c>
      <c r="I2176" s="5" t="s">
        <v>6</v>
      </c>
      <c r="J2176" s="5" t="s">
        <v>2350</v>
      </c>
      <c r="K2176" s="5" t="s">
        <v>7920</v>
      </c>
      <c r="L2176" s="6" t="s">
        <v>5</v>
      </c>
      <c r="M2176" s="2" t="s">
        <v>7922</v>
      </c>
      <c r="N2176" s="3">
        <v>45003</v>
      </c>
      <c r="O2176" s="3">
        <v>45003</v>
      </c>
      <c r="P2176" s="3">
        <v>47422</v>
      </c>
    </row>
    <row r="2177" spans="1:16" x14ac:dyDescent="0.15">
      <c r="A2177" s="2" t="s">
        <v>49</v>
      </c>
      <c r="B2177" s="2" t="s">
        <v>7923</v>
      </c>
      <c r="C2177" s="4" t="s">
        <v>6</v>
      </c>
      <c r="D2177" s="5" t="s">
        <v>5236</v>
      </c>
      <c r="E2177" s="5" t="s">
        <v>7500</v>
      </c>
      <c r="F2177" s="6" t="s">
        <v>7924</v>
      </c>
      <c r="G2177" s="2"/>
      <c r="H2177" s="4"/>
      <c r="I2177" s="5"/>
      <c r="J2177" s="5"/>
      <c r="K2177" s="5"/>
      <c r="L2177" s="6"/>
      <c r="M2177" s="2" t="s">
        <v>7925</v>
      </c>
      <c r="N2177" s="3">
        <v>45001</v>
      </c>
      <c r="O2177" s="3">
        <v>45001</v>
      </c>
      <c r="P2177" s="3">
        <v>47299</v>
      </c>
    </row>
    <row r="2178" spans="1:16" x14ac:dyDescent="0.15">
      <c r="A2178" s="2" t="s">
        <v>36</v>
      </c>
      <c r="B2178" s="2" t="s">
        <v>8941</v>
      </c>
      <c r="C2178" s="4" t="s">
        <v>6</v>
      </c>
      <c r="D2178" s="5" t="s">
        <v>1810</v>
      </c>
      <c r="E2178" s="5" t="s">
        <v>8940</v>
      </c>
      <c r="F2178" s="6" t="s">
        <v>5</v>
      </c>
      <c r="G2178" s="2" t="s">
        <v>8939</v>
      </c>
      <c r="H2178" s="4" t="s">
        <v>9</v>
      </c>
      <c r="I2178" s="5" t="s">
        <v>6</v>
      </c>
      <c r="J2178" s="5" t="s">
        <v>1810</v>
      </c>
      <c r="K2178" s="5" t="s">
        <v>8940</v>
      </c>
      <c r="L2178" s="6" t="s">
        <v>5</v>
      </c>
      <c r="M2178" s="2" t="s">
        <v>8943</v>
      </c>
      <c r="N2178" s="3">
        <v>38559</v>
      </c>
      <c r="O2178" s="3">
        <v>45200</v>
      </c>
      <c r="P2178" s="3">
        <v>47391</v>
      </c>
    </row>
    <row r="2179" spans="1:16" x14ac:dyDescent="0.15">
      <c r="A2179" s="2" t="s">
        <v>36</v>
      </c>
      <c r="B2179" s="2" t="s">
        <v>9299</v>
      </c>
      <c r="C2179" s="4" t="s">
        <v>6</v>
      </c>
      <c r="D2179" s="5" t="s">
        <v>45</v>
      </c>
      <c r="E2179" s="5" t="s">
        <v>1255</v>
      </c>
      <c r="F2179" s="6" t="s">
        <v>9297</v>
      </c>
      <c r="G2179" s="2" t="s">
        <v>9292</v>
      </c>
      <c r="H2179" s="4" t="s">
        <v>9293</v>
      </c>
      <c r="I2179" s="5" t="s">
        <v>9294</v>
      </c>
      <c r="J2179" s="5" t="s">
        <v>9295</v>
      </c>
      <c r="K2179" s="5" t="s">
        <v>7625</v>
      </c>
      <c r="L2179" s="6" t="s">
        <v>5</v>
      </c>
      <c r="M2179" s="2" t="s">
        <v>9300</v>
      </c>
      <c r="N2179" s="3">
        <v>45200</v>
      </c>
      <c r="O2179" s="3">
        <v>45200</v>
      </c>
      <c r="P2179" s="3">
        <v>47452</v>
      </c>
    </row>
    <row r="2180" spans="1:16" x14ac:dyDescent="0.15">
      <c r="A2180" s="2" t="s">
        <v>49</v>
      </c>
      <c r="B2180" s="2" t="s">
        <v>7936</v>
      </c>
      <c r="C2180" s="4" t="s">
        <v>6</v>
      </c>
      <c r="D2180" s="5" t="s">
        <v>3019</v>
      </c>
      <c r="E2180" s="5" t="s">
        <v>7935</v>
      </c>
      <c r="F2180" s="6" t="s">
        <v>5</v>
      </c>
      <c r="G2180" s="2"/>
      <c r="H2180" s="4"/>
      <c r="I2180" s="5"/>
      <c r="J2180" s="5"/>
      <c r="K2180" s="5"/>
      <c r="L2180" s="6"/>
      <c r="M2180" s="2" t="s">
        <v>7937</v>
      </c>
      <c r="N2180" s="3">
        <v>38500</v>
      </c>
      <c r="O2180" s="3">
        <v>45047</v>
      </c>
      <c r="P2180" s="3">
        <v>47238</v>
      </c>
    </row>
    <row r="2181" spans="1:16" x14ac:dyDescent="0.15">
      <c r="A2181" s="2" t="s">
        <v>36</v>
      </c>
      <c r="B2181" s="2" t="s">
        <v>9449</v>
      </c>
      <c r="C2181" s="4" t="s">
        <v>6</v>
      </c>
      <c r="D2181" s="5" t="s">
        <v>1375</v>
      </c>
      <c r="E2181" s="5" t="s">
        <v>9451</v>
      </c>
      <c r="F2181" s="6" t="s">
        <v>5</v>
      </c>
      <c r="G2181" s="2" t="s">
        <v>9449</v>
      </c>
      <c r="H2181" s="4" t="s">
        <v>9</v>
      </c>
      <c r="I2181" s="5" t="s">
        <v>6</v>
      </c>
      <c r="J2181" s="5" t="s">
        <v>6009</v>
      </c>
      <c r="K2181" s="5" t="s">
        <v>9450</v>
      </c>
      <c r="L2181" s="6" t="s">
        <v>5</v>
      </c>
      <c r="M2181" s="2" t="s">
        <v>9453</v>
      </c>
      <c r="N2181" s="3">
        <v>35541</v>
      </c>
      <c r="O2181" s="3">
        <v>45231</v>
      </c>
      <c r="P2181" s="3">
        <v>47422</v>
      </c>
    </row>
    <row r="2182" spans="1:16" x14ac:dyDescent="0.15">
      <c r="A2182" s="2" t="s">
        <v>36</v>
      </c>
      <c r="B2182" s="2" t="s">
        <v>10991</v>
      </c>
      <c r="C2182" s="4" t="s">
        <v>6</v>
      </c>
      <c r="D2182" s="5" t="s">
        <v>3498</v>
      </c>
      <c r="E2182" s="5" t="s">
        <v>10992</v>
      </c>
      <c r="F2182" s="6" t="s">
        <v>5</v>
      </c>
      <c r="G2182" s="2" t="s">
        <v>193</v>
      </c>
      <c r="H2182" s="4" t="s">
        <v>195</v>
      </c>
      <c r="I2182" s="5" t="s">
        <v>196</v>
      </c>
      <c r="J2182" s="5" t="s">
        <v>197</v>
      </c>
      <c r="K2182" s="5" t="s">
        <v>198</v>
      </c>
      <c r="L2182" s="6" t="s">
        <v>5</v>
      </c>
      <c r="M2182" s="2" t="s">
        <v>10994</v>
      </c>
      <c r="N2182" s="3">
        <v>40855</v>
      </c>
      <c r="O2182" s="3">
        <v>45413</v>
      </c>
      <c r="P2182" s="3">
        <v>47603</v>
      </c>
    </row>
    <row r="2183" spans="1:16" x14ac:dyDescent="0.15">
      <c r="A2183" s="2" t="s">
        <v>16</v>
      </c>
      <c r="B2183" s="2" t="s">
        <v>7949</v>
      </c>
      <c r="C2183" s="4" t="s">
        <v>6</v>
      </c>
      <c r="D2183" s="5" t="s">
        <v>623</v>
      </c>
      <c r="E2183" s="5" t="s">
        <v>7948</v>
      </c>
      <c r="F2183" s="6" t="s">
        <v>5</v>
      </c>
      <c r="G2183" s="2"/>
      <c r="H2183" s="4"/>
      <c r="I2183" s="5"/>
      <c r="J2183" s="5"/>
      <c r="K2183" s="5"/>
      <c r="L2183" s="6"/>
      <c r="M2183" s="2" t="s">
        <v>7950</v>
      </c>
      <c r="N2183" s="3">
        <v>36484</v>
      </c>
      <c r="O2183" s="3">
        <v>45047</v>
      </c>
      <c r="P2183" s="3">
        <v>47238</v>
      </c>
    </row>
    <row r="2184" spans="1:16" x14ac:dyDescent="0.15">
      <c r="A2184" s="2" t="s">
        <v>49</v>
      </c>
      <c r="B2184" s="2" t="s">
        <v>7953</v>
      </c>
      <c r="C2184" s="4" t="s">
        <v>6</v>
      </c>
      <c r="D2184" s="5" t="s">
        <v>7951</v>
      </c>
      <c r="E2184" s="5" t="s">
        <v>7952</v>
      </c>
      <c r="F2184" s="6" t="s">
        <v>5</v>
      </c>
      <c r="G2184" s="2"/>
      <c r="H2184" s="4"/>
      <c r="I2184" s="5"/>
      <c r="J2184" s="5"/>
      <c r="K2184" s="5"/>
      <c r="L2184" s="6"/>
      <c r="M2184" s="2" t="s">
        <v>7954</v>
      </c>
      <c r="N2184" s="3">
        <v>36595</v>
      </c>
      <c r="O2184" s="3">
        <v>45047</v>
      </c>
      <c r="P2184" s="3">
        <v>47238</v>
      </c>
    </row>
    <row r="2185" spans="1:16" x14ac:dyDescent="0.15">
      <c r="A2185" s="2" t="s">
        <v>49</v>
      </c>
      <c r="B2185" s="2" t="s">
        <v>7956</v>
      </c>
      <c r="C2185" s="4" t="s">
        <v>6</v>
      </c>
      <c r="D2185" s="5" t="s">
        <v>207</v>
      </c>
      <c r="E2185" s="5" t="s">
        <v>7955</v>
      </c>
      <c r="F2185" s="6" t="s">
        <v>5</v>
      </c>
      <c r="G2185" s="2"/>
      <c r="H2185" s="4"/>
      <c r="I2185" s="5"/>
      <c r="J2185" s="5"/>
      <c r="K2185" s="5"/>
      <c r="L2185" s="6"/>
      <c r="M2185" s="2" t="s">
        <v>7957</v>
      </c>
      <c r="N2185" s="3">
        <v>41045</v>
      </c>
      <c r="O2185" s="3">
        <v>45047</v>
      </c>
      <c r="P2185" s="3">
        <v>46873</v>
      </c>
    </row>
    <row r="2186" spans="1:16" x14ac:dyDescent="0.15">
      <c r="A2186" s="2" t="s">
        <v>49</v>
      </c>
      <c r="B2186" s="2" t="s">
        <v>7959</v>
      </c>
      <c r="C2186" s="4" t="s">
        <v>6</v>
      </c>
      <c r="D2186" s="5" t="s">
        <v>7703</v>
      </c>
      <c r="E2186" s="5" t="s">
        <v>7958</v>
      </c>
      <c r="F2186" s="6" t="s">
        <v>5</v>
      </c>
      <c r="G2186" s="2"/>
      <c r="H2186" s="4"/>
      <c r="I2186" s="5"/>
      <c r="J2186" s="5"/>
      <c r="K2186" s="5"/>
      <c r="L2186" s="6"/>
      <c r="M2186" s="2" t="s">
        <v>7960</v>
      </c>
      <c r="N2186" s="3">
        <v>42954</v>
      </c>
      <c r="O2186" s="3">
        <v>45017</v>
      </c>
      <c r="P2186" s="3">
        <v>46843</v>
      </c>
    </row>
    <row r="2187" spans="1:16" x14ac:dyDescent="0.15">
      <c r="A2187" s="2" t="s">
        <v>66</v>
      </c>
      <c r="B2187" s="2" t="s">
        <v>61</v>
      </c>
      <c r="C2187" s="4" t="s">
        <v>6</v>
      </c>
      <c r="D2187" s="5" t="s">
        <v>62</v>
      </c>
      <c r="E2187" s="5" t="s">
        <v>63</v>
      </c>
      <c r="F2187" s="6" t="s">
        <v>5</v>
      </c>
      <c r="G2187" s="2" t="s">
        <v>57</v>
      </c>
      <c r="H2187" s="4" t="s">
        <v>9</v>
      </c>
      <c r="I2187" s="5" t="s">
        <v>58</v>
      </c>
      <c r="J2187" s="5" t="s">
        <v>59</v>
      </c>
      <c r="K2187" s="5" t="s">
        <v>60</v>
      </c>
      <c r="L2187" s="6" t="s">
        <v>5</v>
      </c>
      <c r="M2187" s="2" t="s">
        <v>67</v>
      </c>
      <c r="N2187" s="3">
        <v>45382</v>
      </c>
      <c r="O2187" s="3">
        <v>45382</v>
      </c>
      <c r="P2187" s="3">
        <v>47756</v>
      </c>
    </row>
    <row r="2188" spans="1:16" x14ac:dyDescent="0.15">
      <c r="A2188" s="2" t="s">
        <v>66</v>
      </c>
      <c r="B2188" s="2" t="s">
        <v>68</v>
      </c>
      <c r="C2188" s="4" t="s">
        <v>6</v>
      </c>
      <c r="D2188" s="5" t="s">
        <v>69</v>
      </c>
      <c r="E2188" s="5" t="s">
        <v>70</v>
      </c>
      <c r="F2188" s="6" t="s">
        <v>5</v>
      </c>
      <c r="G2188" s="2" t="s">
        <v>57</v>
      </c>
      <c r="H2188" s="4" t="s">
        <v>9</v>
      </c>
      <c r="I2188" s="5" t="s">
        <v>58</v>
      </c>
      <c r="J2188" s="5" t="s">
        <v>59</v>
      </c>
      <c r="K2188" s="5" t="s">
        <v>60</v>
      </c>
      <c r="L2188" s="6" t="s">
        <v>5</v>
      </c>
      <c r="M2188" s="2" t="s">
        <v>73</v>
      </c>
      <c r="N2188" s="3">
        <v>32813</v>
      </c>
      <c r="O2188" s="3">
        <v>45444</v>
      </c>
      <c r="P2188" s="3">
        <v>47634</v>
      </c>
    </row>
    <row r="2189" spans="1:16" x14ac:dyDescent="0.15">
      <c r="A2189" s="2" t="s">
        <v>66</v>
      </c>
      <c r="B2189" s="2" t="s">
        <v>74</v>
      </c>
      <c r="C2189" s="4" t="s">
        <v>6</v>
      </c>
      <c r="D2189" s="5" t="s">
        <v>75</v>
      </c>
      <c r="E2189" s="5" t="s">
        <v>76</v>
      </c>
      <c r="F2189" s="6" t="s">
        <v>5</v>
      </c>
      <c r="G2189" s="2" t="s">
        <v>57</v>
      </c>
      <c r="H2189" s="4" t="s">
        <v>9</v>
      </c>
      <c r="I2189" s="5" t="s">
        <v>58</v>
      </c>
      <c r="J2189" s="5" t="s">
        <v>59</v>
      </c>
      <c r="K2189" s="5" t="s">
        <v>60</v>
      </c>
      <c r="L2189" s="6" t="s">
        <v>5</v>
      </c>
      <c r="M2189" s="2" t="s">
        <v>77</v>
      </c>
      <c r="N2189" s="3">
        <v>44886</v>
      </c>
      <c r="O2189" s="3">
        <v>44886</v>
      </c>
      <c r="P2189" s="3">
        <v>47299</v>
      </c>
    </row>
    <row r="2190" spans="1:16" x14ac:dyDescent="0.15">
      <c r="A2190" s="2" t="s">
        <v>16</v>
      </c>
      <c r="B2190" s="2" t="s">
        <v>7970</v>
      </c>
      <c r="C2190" s="4" t="s">
        <v>6</v>
      </c>
      <c r="D2190" s="5" t="s">
        <v>755</v>
      </c>
      <c r="E2190" s="5" t="s">
        <v>7971</v>
      </c>
      <c r="F2190" s="6" t="s">
        <v>7972</v>
      </c>
      <c r="G2190" s="2"/>
      <c r="H2190" s="4"/>
      <c r="I2190" s="5"/>
      <c r="J2190" s="5"/>
      <c r="K2190" s="5"/>
      <c r="L2190" s="6"/>
      <c r="M2190" s="2" t="s">
        <v>7973</v>
      </c>
      <c r="N2190" s="3">
        <v>45012</v>
      </c>
      <c r="O2190" s="3">
        <v>45012</v>
      </c>
      <c r="P2190" s="3">
        <v>47208</v>
      </c>
    </row>
    <row r="2191" spans="1:16" x14ac:dyDescent="0.15">
      <c r="A2191" s="2" t="s">
        <v>66</v>
      </c>
      <c r="B2191" s="2" t="s">
        <v>78</v>
      </c>
      <c r="C2191" s="4" t="s">
        <v>6</v>
      </c>
      <c r="D2191" s="5" t="s">
        <v>79</v>
      </c>
      <c r="E2191" s="5" t="s">
        <v>80</v>
      </c>
      <c r="F2191" s="6" t="s">
        <v>5</v>
      </c>
      <c r="G2191" s="2" t="s">
        <v>57</v>
      </c>
      <c r="H2191" s="4" t="s">
        <v>9</v>
      </c>
      <c r="I2191" s="5" t="s">
        <v>58</v>
      </c>
      <c r="J2191" s="5" t="s">
        <v>59</v>
      </c>
      <c r="K2191" s="5" t="s">
        <v>60</v>
      </c>
      <c r="L2191" s="6" t="s">
        <v>5</v>
      </c>
      <c r="M2191" s="2" t="s">
        <v>83</v>
      </c>
      <c r="N2191" s="3">
        <v>36237</v>
      </c>
      <c r="O2191" s="3">
        <v>43040</v>
      </c>
      <c r="P2191" s="3">
        <v>45596</v>
      </c>
    </row>
    <row r="2192" spans="1:16" x14ac:dyDescent="0.15">
      <c r="A2192" s="2" t="s">
        <v>49</v>
      </c>
      <c r="B2192" s="2" t="s">
        <v>7980</v>
      </c>
      <c r="C2192" s="4" t="s">
        <v>6</v>
      </c>
      <c r="D2192" s="5" t="s">
        <v>1894</v>
      </c>
      <c r="E2192" s="5" t="s">
        <v>7981</v>
      </c>
      <c r="F2192" s="6" t="s">
        <v>5</v>
      </c>
      <c r="G2192" s="2"/>
      <c r="H2192" s="4"/>
      <c r="I2192" s="5"/>
      <c r="J2192" s="5"/>
      <c r="K2192" s="5"/>
      <c r="L2192" s="6"/>
      <c r="M2192" s="2" t="s">
        <v>7982</v>
      </c>
      <c r="N2192" s="3">
        <v>45071</v>
      </c>
      <c r="O2192" s="3">
        <v>45071</v>
      </c>
      <c r="P2192" s="3">
        <v>47391</v>
      </c>
    </row>
    <row r="2193" spans="1:16" x14ac:dyDescent="0.15">
      <c r="A2193" s="2" t="s">
        <v>66</v>
      </c>
      <c r="B2193" s="2" t="s">
        <v>84</v>
      </c>
      <c r="C2193" s="4" t="s">
        <v>6</v>
      </c>
      <c r="D2193" s="5" t="s">
        <v>85</v>
      </c>
      <c r="E2193" s="5" t="s">
        <v>86</v>
      </c>
      <c r="F2193" s="6" t="s">
        <v>5</v>
      </c>
      <c r="G2193" s="2" t="s">
        <v>57</v>
      </c>
      <c r="H2193" s="4" t="s">
        <v>9</v>
      </c>
      <c r="I2193" s="5" t="s">
        <v>58</v>
      </c>
      <c r="J2193" s="5" t="s">
        <v>59</v>
      </c>
      <c r="K2193" s="5" t="s">
        <v>60</v>
      </c>
      <c r="L2193" s="6" t="s">
        <v>5</v>
      </c>
      <c r="M2193" s="2" t="s">
        <v>89</v>
      </c>
      <c r="N2193" s="3">
        <v>40495</v>
      </c>
      <c r="O2193" s="3">
        <v>45047</v>
      </c>
      <c r="P2193" s="3">
        <v>47238</v>
      </c>
    </row>
    <row r="2194" spans="1:16" x14ac:dyDescent="0.15">
      <c r="A2194" s="2" t="s">
        <v>49</v>
      </c>
      <c r="B2194" s="2" t="s">
        <v>7989</v>
      </c>
      <c r="C2194" s="4" t="s">
        <v>6</v>
      </c>
      <c r="D2194" s="5" t="s">
        <v>1360</v>
      </c>
      <c r="E2194" s="5" t="s">
        <v>7990</v>
      </c>
      <c r="F2194" s="6" t="s">
        <v>5</v>
      </c>
      <c r="G2194" s="2"/>
      <c r="H2194" s="4"/>
      <c r="I2194" s="5"/>
      <c r="J2194" s="5"/>
      <c r="K2194" s="5"/>
      <c r="L2194" s="6"/>
      <c r="M2194" s="2" t="s">
        <v>7991</v>
      </c>
      <c r="N2194" s="3">
        <v>37420</v>
      </c>
      <c r="O2194" s="3">
        <v>45017</v>
      </c>
      <c r="P2194" s="3">
        <v>46843</v>
      </c>
    </row>
    <row r="2195" spans="1:16" x14ac:dyDescent="0.15">
      <c r="A2195" s="2" t="s">
        <v>66</v>
      </c>
      <c r="B2195" s="2" t="s">
        <v>90</v>
      </c>
      <c r="C2195" s="4" t="s">
        <v>6</v>
      </c>
      <c r="D2195" s="5" t="s">
        <v>91</v>
      </c>
      <c r="E2195" s="5" t="s">
        <v>92</v>
      </c>
      <c r="F2195" s="6" t="s">
        <v>5</v>
      </c>
      <c r="G2195" s="2" t="s">
        <v>57</v>
      </c>
      <c r="H2195" s="4" t="s">
        <v>9</v>
      </c>
      <c r="I2195" s="5" t="s">
        <v>58</v>
      </c>
      <c r="J2195" s="5" t="s">
        <v>59</v>
      </c>
      <c r="K2195" s="5" t="s">
        <v>60</v>
      </c>
      <c r="L2195" s="6" t="s">
        <v>5</v>
      </c>
      <c r="M2195" s="2" t="s">
        <v>95</v>
      </c>
      <c r="N2195" s="3">
        <v>39960</v>
      </c>
      <c r="O2195" s="3">
        <v>44287</v>
      </c>
      <c r="P2195" s="3">
        <v>46477</v>
      </c>
    </row>
    <row r="2196" spans="1:16" x14ac:dyDescent="0.15">
      <c r="A2196" s="2" t="s">
        <v>49</v>
      </c>
      <c r="B2196" s="2" t="s">
        <v>7998</v>
      </c>
      <c r="C2196" s="4" t="s">
        <v>6</v>
      </c>
      <c r="D2196" s="5" t="s">
        <v>1498</v>
      </c>
      <c r="E2196" s="5" t="s">
        <v>7999</v>
      </c>
      <c r="F2196" s="6" t="s">
        <v>5</v>
      </c>
      <c r="G2196" s="2"/>
      <c r="H2196" s="4"/>
      <c r="I2196" s="5"/>
      <c r="J2196" s="5"/>
      <c r="K2196" s="5"/>
      <c r="L2196" s="6"/>
      <c r="M2196" s="2" t="s">
        <v>8000</v>
      </c>
      <c r="N2196" s="3">
        <v>40488</v>
      </c>
      <c r="O2196" s="3">
        <v>45047</v>
      </c>
      <c r="P2196" s="3">
        <v>47238</v>
      </c>
    </row>
    <row r="2197" spans="1:16" x14ac:dyDescent="0.15">
      <c r="A2197" s="2" t="s">
        <v>66</v>
      </c>
      <c r="B2197" s="2" t="s">
        <v>98</v>
      </c>
      <c r="C2197" s="4" t="s">
        <v>6</v>
      </c>
      <c r="D2197" s="5" t="s">
        <v>99</v>
      </c>
      <c r="E2197" s="5" t="s">
        <v>100</v>
      </c>
      <c r="F2197" s="6" t="s">
        <v>5</v>
      </c>
      <c r="G2197" s="2" t="s">
        <v>57</v>
      </c>
      <c r="H2197" s="4" t="s">
        <v>9</v>
      </c>
      <c r="I2197" s="5" t="s">
        <v>58</v>
      </c>
      <c r="J2197" s="5" t="s">
        <v>59</v>
      </c>
      <c r="K2197" s="5" t="s">
        <v>60</v>
      </c>
      <c r="L2197" s="6" t="s">
        <v>5</v>
      </c>
      <c r="M2197" s="2" t="s">
        <v>103</v>
      </c>
      <c r="N2197" s="3">
        <v>40744</v>
      </c>
      <c r="O2197" s="3">
        <v>45474</v>
      </c>
      <c r="P2197" s="3">
        <v>47664</v>
      </c>
    </row>
    <row r="2198" spans="1:16" x14ac:dyDescent="0.15">
      <c r="A2198" s="2" t="s">
        <v>66</v>
      </c>
      <c r="B2198" s="2" t="s">
        <v>104</v>
      </c>
      <c r="C2198" s="4" t="s">
        <v>6</v>
      </c>
      <c r="D2198" s="5" t="s">
        <v>105</v>
      </c>
      <c r="E2198" s="5" t="s">
        <v>106</v>
      </c>
      <c r="F2198" s="6" t="s">
        <v>5</v>
      </c>
      <c r="G2198" s="2" t="s">
        <v>57</v>
      </c>
      <c r="H2198" s="4" t="s">
        <v>9</v>
      </c>
      <c r="I2198" s="5" t="s">
        <v>58</v>
      </c>
      <c r="J2198" s="5" t="s">
        <v>59</v>
      </c>
      <c r="K2198" s="5" t="s">
        <v>60</v>
      </c>
      <c r="L2198" s="6" t="s">
        <v>5</v>
      </c>
      <c r="M2198" s="2" t="s">
        <v>109</v>
      </c>
      <c r="N2198" s="3">
        <v>34857</v>
      </c>
      <c r="O2198" s="3">
        <v>45413</v>
      </c>
      <c r="P2198" s="3">
        <v>47603</v>
      </c>
    </row>
    <row r="2199" spans="1:16" x14ac:dyDescent="0.15">
      <c r="A2199" s="2" t="s">
        <v>49</v>
      </c>
      <c r="B2199" s="2" t="s">
        <v>8006</v>
      </c>
      <c r="C2199" s="4" t="s">
        <v>6</v>
      </c>
      <c r="D2199" s="5" t="s">
        <v>4565</v>
      </c>
      <c r="E2199" s="5" t="s">
        <v>8007</v>
      </c>
      <c r="F2199" s="6" t="s">
        <v>5</v>
      </c>
      <c r="G2199" s="2"/>
      <c r="H2199" s="4"/>
      <c r="I2199" s="5"/>
      <c r="J2199" s="5"/>
      <c r="K2199" s="5"/>
      <c r="L2199" s="6"/>
      <c r="M2199" s="2" t="s">
        <v>8008</v>
      </c>
      <c r="N2199" s="3">
        <v>36505</v>
      </c>
      <c r="O2199" s="3">
        <v>45047</v>
      </c>
      <c r="P2199" s="3">
        <v>47238</v>
      </c>
    </row>
    <row r="2200" spans="1:16" x14ac:dyDescent="0.15">
      <c r="A2200" s="2" t="s">
        <v>66</v>
      </c>
      <c r="B2200" s="2" t="s">
        <v>110</v>
      </c>
      <c r="C2200" s="4" t="s">
        <v>6</v>
      </c>
      <c r="D2200" s="5" t="s">
        <v>111</v>
      </c>
      <c r="E2200" s="5" t="s">
        <v>112</v>
      </c>
      <c r="F2200" s="6" t="s">
        <v>5</v>
      </c>
      <c r="G2200" s="2" t="s">
        <v>57</v>
      </c>
      <c r="H2200" s="4" t="s">
        <v>9</v>
      </c>
      <c r="I2200" s="5" t="s">
        <v>58</v>
      </c>
      <c r="J2200" s="5" t="s">
        <v>59</v>
      </c>
      <c r="K2200" s="5" t="s">
        <v>60</v>
      </c>
      <c r="L2200" s="6" t="s">
        <v>5</v>
      </c>
      <c r="M2200" s="2" t="s">
        <v>115</v>
      </c>
      <c r="N2200" s="3">
        <v>35481</v>
      </c>
      <c r="O2200" s="3">
        <v>45231</v>
      </c>
      <c r="P2200" s="3">
        <v>47422</v>
      </c>
    </row>
    <row r="2201" spans="1:16" x14ac:dyDescent="0.15">
      <c r="A2201" s="2" t="s">
        <v>49</v>
      </c>
      <c r="B2201" s="2" t="s">
        <v>8018</v>
      </c>
      <c r="C2201" s="4" t="s">
        <v>6</v>
      </c>
      <c r="D2201" s="5" t="s">
        <v>8017</v>
      </c>
      <c r="E2201" s="5" t="s">
        <v>6049</v>
      </c>
      <c r="F2201" s="6" t="s">
        <v>5</v>
      </c>
      <c r="G2201" s="2"/>
      <c r="H2201" s="4"/>
      <c r="I2201" s="5"/>
      <c r="J2201" s="5"/>
      <c r="K2201" s="5"/>
      <c r="L2201" s="6"/>
      <c r="M2201" s="2" t="s">
        <v>8019</v>
      </c>
      <c r="N2201" s="3">
        <v>45008</v>
      </c>
      <c r="O2201" s="3">
        <v>45008</v>
      </c>
      <c r="P2201" s="3">
        <v>47238</v>
      </c>
    </row>
    <row r="2202" spans="1:16" x14ac:dyDescent="0.15">
      <c r="A2202" s="2" t="s">
        <v>49</v>
      </c>
      <c r="B2202" s="2" t="s">
        <v>8020</v>
      </c>
      <c r="C2202" s="4" t="s">
        <v>6</v>
      </c>
      <c r="D2202" s="5" t="s">
        <v>270</v>
      </c>
      <c r="E2202" s="5" t="s">
        <v>8021</v>
      </c>
      <c r="F2202" s="6" t="s">
        <v>5</v>
      </c>
      <c r="G2202" s="2"/>
      <c r="H2202" s="4"/>
      <c r="I2202" s="5"/>
      <c r="J2202" s="5"/>
      <c r="K2202" s="5"/>
      <c r="L2202" s="6"/>
      <c r="M2202" s="2" t="s">
        <v>8022</v>
      </c>
      <c r="N2202" s="3">
        <v>45016</v>
      </c>
      <c r="O2202" s="3">
        <v>45016</v>
      </c>
      <c r="P2202" s="3">
        <v>47208</v>
      </c>
    </row>
    <row r="2203" spans="1:16" x14ac:dyDescent="0.15">
      <c r="A2203" s="2" t="s">
        <v>49</v>
      </c>
      <c r="B2203" s="2" t="s">
        <v>8023</v>
      </c>
      <c r="C2203" s="4" t="s">
        <v>6</v>
      </c>
      <c r="D2203" s="5" t="s">
        <v>456</v>
      </c>
      <c r="E2203" s="5" t="s">
        <v>520</v>
      </c>
      <c r="F2203" s="6" t="s">
        <v>5</v>
      </c>
      <c r="G2203" s="2"/>
      <c r="H2203" s="4"/>
      <c r="I2203" s="5"/>
      <c r="J2203" s="5"/>
      <c r="K2203" s="5"/>
      <c r="L2203" s="6"/>
      <c r="M2203" s="2" t="s">
        <v>8024</v>
      </c>
      <c r="N2203" s="3">
        <v>45362</v>
      </c>
      <c r="O2203" s="3">
        <v>45362</v>
      </c>
      <c r="P2203" s="3">
        <v>47269</v>
      </c>
    </row>
    <row r="2204" spans="1:16" x14ac:dyDescent="0.15">
      <c r="A2204" s="2" t="s">
        <v>49</v>
      </c>
      <c r="B2204" s="2" t="s">
        <v>8026</v>
      </c>
      <c r="C2204" s="4" t="s">
        <v>6</v>
      </c>
      <c r="D2204" s="5" t="s">
        <v>1250</v>
      </c>
      <c r="E2204" s="5" t="s">
        <v>8025</v>
      </c>
      <c r="F2204" s="6" t="s">
        <v>5</v>
      </c>
      <c r="G2204" s="2"/>
      <c r="H2204" s="4"/>
      <c r="I2204" s="5"/>
      <c r="J2204" s="5"/>
      <c r="K2204" s="5"/>
      <c r="L2204" s="6"/>
      <c r="M2204" s="2" t="s">
        <v>8027</v>
      </c>
      <c r="N2204" s="3">
        <v>36252</v>
      </c>
      <c r="O2204" s="3">
        <v>45017</v>
      </c>
      <c r="P2204" s="3">
        <v>47208</v>
      </c>
    </row>
    <row r="2205" spans="1:16" x14ac:dyDescent="0.15">
      <c r="A2205" s="2" t="s">
        <v>49</v>
      </c>
      <c r="B2205" s="2" t="s">
        <v>8028</v>
      </c>
      <c r="C2205" s="4" t="s">
        <v>6</v>
      </c>
      <c r="D2205" s="5" t="s">
        <v>1027</v>
      </c>
      <c r="E2205" s="5" t="s">
        <v>1597</v>
      </c>
      <c r="F2205" s="6" t="s">
        <v>8029</v>
      </c>
      <c r="G2205" s="2"/>
      <c r="H2205" s="4"/>
      <c r="I2205" s="5"/>
      <c r="J2205" s="5"/>
      <c r="K2205" s="5"/>
      <c r="L2205" s="6"/>
      <c r="M2205" s="2" t="s">
        <v>8030</v>
      </c>
      <c r="N2205" s="3">
        <v>45016</v>
      </c>
      <c r="O2205" s="3">
        <v>45016</v>
      </c>
      <c r="P2205" s="3">
        <v>47452</v>
      </c>
    </row>
    <row r="2206" spans="1:16" x14ac:dyDescent="0.15">
      <c r="A2206" s="2" t="s">
        <v>49</v>
      </c>
      <c r="B2206" s="2" t="s">
        <v>8031</v>
      </c>
      <c r="C2206" s="4" t="s">
        <v>6</v>
      </c>
      <c r="D2206" s="5" t="s">
        <v>1000</v>
      </c>
      <c r="E2206" s="5" t="s">
        <v>8032</v>
      </c>
      <c r="F2206" s="6" t="s">
        <v>8033</v>
      </c>
      <c r="G2206" s="2"/>
      <c r="H2206" s="4"/>
      <c r="I2206" s="5"/>
      <c r="J2206" s="5"/>
      <c r="K2206" s="5"/>
      <c r="L2206" s="6"/>
      <c r="M2206" s="2" t="s">
        <v>8034</v>
      </c>
      <c r="N2206" s="3">
        <v>45016</v>
      </c>
      <c r="O2206" s="3">
        <v>45016</v>
      </c>
      <c r="P2206" s="3">
        <v>47391</v>
      </c>
    </row>
    <row r="2207" spans="1:16" x14ac:dyDescent="0.15">
      <c r="A2207" s="2" t="s">
        <v>49</v>
      </c>
      <c r="B2207" s="2" t="s">
        <v>8035</v>
      </c>
      <c r="C2207" s="4" t="s">
        <v>6</v>
      </c>
      <c r="D2207" s="5" t="s">
        <v>91</v>
      </c>
      <c r="E2207" s="5" t="s">
        <v>8036</v>
      </c>
      <c r="F2207" s="6" t="s">
        <v>5</v>
      </c>
      <c r="G2207" s="2"/>
      <c r="H2207" s="4"/>
      <c r="I2207" s="5"/>
      <c r="J2207" s="5"/>
      <c r="K2207" s="5"/>
      <c r="L2207" s="6"/>
      <c r="M2207" s="2" t="s">
        <v>8037</v>
      </c>
      <c r="N2207" s="3">
        <v>42586</v>
      </c>
      <c r="O2207" s="3">
        <v>45017</v>
      </c>
      <c r="P2207" s="3">
        <v>47208</v>
      </c>
    </row>
    <row r="2208" spans="1:16" x14ac:dyDescent="0.15">
      <c r="A2208" s="2" t="s">
        <v>49</v>
      </c>
      <c r="B2208" s="2" t="s">
        <v>8038</v>
      </c>
      <c r="C2208" s="4" t="s">
        <v>6</v>
      </c>
      <c r="D2208" s="5" t="s">
        <v>4575</v>
      </c>
      <c r="E2208" s="5" t="s">
        <v>2623</v>
      </c>
      <c r="F2208" s="6" t="s">
        <v>5</v>
      </c>
      <c r="G2208" s="2"/>
      <c r="H2208" s="4"/>
      <c r="I2208" s="5"/>
      <c r="J2208" s="5"/>
      <c r="K2208" s="5"/>
      <c r="L2208" s="6"/>
      <c r="M2208" s="2" t="s">
        <v>8039</v>
      </c>
      <c r="N2208" s="3">
        <v>36290</v>
      </c>
      <c r="O2208" s="3">
        <v>45017</v>
      </c>
      <c r="P2208" s="3">
        <v>47208</v>
      </c>
    </row>
    <row r="2209" spans="1:16" x14ac:dyDescent="0.15">
      <c r="A2209" s="2" t="s">
        <v>66</v>
      </c>
      <c r="B2209" s="2" t="s">
        <v>116</v>
      </c>
      <c r="C2209" s="4" t="s">
        <v>6</v>
      </c>
      <c r="D2209" s="5" t="s">
        <v>117</v>
      </c>
      <c r="E2209" s="5" t="s">
        <v>118</v>
      </c>
      <c r="F2209" s="6" t="s">
        <v>5</v>
      </c>
      <c r="G2209" s="2" t="s">
        <v>57</v>
      </c>
      <c r="H2209" s="4" t="s">
        <v>9</v>
      </c>
      <c r="I2209" s="5" t="s">
        <v>58</v>
      </c>
      <c r="J2209" s="5" t="s">
        <v>59</v>
      </c>
      <c r="K2209" s="5" t="s">
        <v>60</v>
      </c>
      <c r="L2209" s="6" t="s">
        <v>5</v>
      </c>
      <c r="M2209" s="2" t="s">
        <v>121</v>
      </c>
      <c r="N2209" s="3">
        <v>39904</v>
      </c>
      <c r="O2209" s="3">
        <v>44501</v>
      </c>
      <c r="P2209" s="3">
        <v>46691</v>
      </c>
    </row>
    <row r="2210" spans="1:16" x14ac:dyDescent="0.15">
      <c r="A2210" s="2" t="s">
        <v>66</v>
      </c>
      <c r="B2210" s="2" t="s">
        <v>122</v>
      </c>
      <c r="C2210" s="4" t="s">
        <v>6</v>
      </c>
      <c r="D2210" s="5" t="s">
        <v>123</v>
      </c>
      <c r="E2210" s="5" t="s">
        <v>124</v>
      </c>
      <c r="F2210" s="6" t="s">
        <v>5</v>
      </c>
      <c r="G2210" s="2" t="s">
        <v>57</v>
      </c>
      <c r="H2210" s="4" t="s">
        <v>9</v>
      </c>
      <c r="I2210" s="5" t="s">
        <v>58</v>
      </c>
      <c r="J2210" s="5" t="s">
        <v>59</v>
      </c>
      <c r="K2210" s="5" t="s">
        <v>60</v>
      </c>
      <c r="L2210" s="6" t="s">
        <v>5</v>
      </c>
      <c r="M2210" s="2" t="s">
        <v>127</v>
      </c>
      <c r="N2210" s="3">
        <v>42620</v>
      </c>
      <c r="O2210" s="3">
        <v>45017</v>
      </c>
      <c r="P2210" s="3">
        <v>47208</v>
      </c>
    </row>
    <row r="2211" spans="1:16" x14ac:dyDescent="0.15">
      <c r="A2211" s="2" t="s">
        <v>49</v>
      </c>
      <c r="B2211" s="2" t="s">
        <v>8051</v>
      </c>
      <c r="C2211" s="4" t="s">
        <v>6</v>
      </c>
      <c r="D2211" s="5" t="s">
        <v>1069</v>
      </c>
      <c r="E2211" s="5" t="s">
        <v>8050</v>
      </c>
      <c r="F2211" s="6" t="s">
        <v>5</v>
      </c>
      <c r="G2211" s="2"/>
      <c r="H2211" s="4"/>
      <c r="I2211" s="5"/>
      <c r="J2211" s="5"/>
      <c r="K2211" s="5"/>
      <c r="L2211" s="6"/>
      <c r="M2211" s="2" t="s">
        <v>8052</v>
      </c>
      <c r="N2211" s="3">
        <v>38345</v>
      </c>
      <c r="O2211" s="3">
        <v>45047</v>
      </c>
      <c r="P2211" s="3">
        <v>47238</v>
      </c>
    </row>
    <row r="2212" spans="1:16" x14ac:dyDescent="0.15">
      <c r="A2212" s="2" t="s">
        <v>66</v>
      </c>
      <c r="B2212" s="2" t="s">
        <v>128</v>
      </c>
      <c r="C2212" s="4" t="s">
        <v>6</v>
      </c>
      <c r="D2212" s="5" t="s">
        <v>129</v>
      </c>
      <c r="E2212" s="5" t="s">
        <v>55</v>
      </c>
      <c r="F2212" s="6" t="s">
        <v>5</v>
      </c>
      <c r="G2212" s="2" t="s">
        <v>57</v>
      </c>
      <c r="H2212" s="4" t="s">
        <v>9</v>
      </c>
      <c r="I2212" s="5" t="s">
        <v>58</v>
      </c>
      <c r="J2212" s="5" t="s">
        <v>59</v>
      </c>
      <c r="K2212" s="5" t="s">
        <v>60</v>
      </c>
      <c r="L2212" s="6" t="s">
        <v>5</v>
      </c>
      <c r="M2212" s="2" t="s">
        <v>132</v>
      </c>
      <c r="N2212" s="3">
        <v>43292</v>
      </c>
      <c r="O2212" s="3">
        <v>43292</v>
      </c>
      <c r="P2212" s="3">
        <v>45777</v>
      </c>
    </row>
    <row r="2213" spans="1:16" x14ac:dyDescent="0.15">
      <c r="A2213" s="2" t="s">
        <v>66</v>
      </c>
      <c r="B2213" s="2" t="s">
        <v>133</v>
      </c>
      <c r="C2213" s="4" t="s">
        <v>6</v>
      </c>
      <c r="D2213" s="5" t="s">
        <v>134</v>
      </c>
      <c r="E2213" s="5" t="s">
        <v>135</v>
      </c>
      <c r="F2213" s="6" t="s">
        <v>5</v>
      </c>
      <c r="G2213" s="2" t="s">
        <v>57</v>
      </c>
      <c r="H2213" s="4" t="s">
        <v>9</v>
      </c>
      <c r="I2213" s="5" t="s">
        <v>58</v>
      </c>
      <c r="J2213" s="5" t="s">
        <v>59</v>
      </c>
      <c r="K2213" s="5" t="s">
        <v>60</v>
      </c>
      <c r="L2213" s="6" t="s">
        <v>5</v>
      </c>
      <c r="M2213" s="2" t="s">
        <v>138</v>
      </c>
      <c r="N2213" s="3">
        <v>39904</v>
      </c>
      <c r="O2213" s="3">
        <v>44501</v>
      </c>
      <c r="P2213" s="3">
        <v>46691</v>
      </c>
    </row>
    <row r="2214" spans="1:16" x14ac:dyDescent="0.15">
      <c r="A2214" s="2" t="s">
        <v>49</v>
      </c>
      <c r="B2214" s="2" t="s">
        <v>8061</v>
      </c>
      <c r="C2214" s="4" t="s">
        <v>6</v>
      </c>
      <c r="D2214" s="5" t="s">
        <v>755</v>
      </c>
      <c r="E2214" s="5" t="s">
        <v>8062</v>
      </c>
      <c r="F2214" s="6" t="s">
        <v>5</v>
      </c>
      <c r="G2214" s="2"/>
      <c r="H2214" s="4"/>
      <c r="I2214" s="5"/>
      <c r="J2214" s="5"/>
      <c r="K2214" s="5"/>
      <c r="L2214" s="6"/>
      <c r="M2214" s="2" t="s">
        <v>8063</v>
      </c>
      <c r="N2214" s="3">
        <v>42789</v>
      </c>
      <c r="O2214" s="3">
        <v>45017</v>
      </c>
      <c r="P2214" s="3">
        <v>47208</v>
      </c>
    </row>
    <row r="2215" spans="1:16" x14ac:dyDescent="0.15">
      <c r="A2215" s="2" t="s">
        <v>66</v>
      </c>
      <c r="B2215" s="2" t="s">
        <v>139</v>
      </c>
      <c r="C2215" s="4" t="s">
        <v>6</v>
      </c>
      <c r="D2215" s="5" t="s">
        <v>140</v>
      </c>
      <c r="E2215" s="5" t="s">
        <v>141</v>
      </c>
      <c r="F2215" s="6" t="s">
        <v>5</v>
      </c>
      <c r="G2215" s="2" t="s">
        <v>57</v>
      </c>
      <c r="H2215" s="4" t="s">
        <v>9</v>
      </c>
      <c r="I2215" s="5" t="s">
        <v>58</v>
      </c>
      <c r="J2215" s="5" t="s">
        <v>59</v>
      </c>
      <c r="K2215" s="5" t="s">
        <v>60</v>
      </c>
      <c r="L2215" s="6" t="s">
        <v>5</v>
      </c>
      <c r="M2215" s="2" t="s">
        <v>144</v>
      </c>
      <c r="N2215" s="3">
        <v>44243</v>
      </c>
      <c r="O2215" s="3">
        <v>44243</v>
      </c>
      <c r="P2215" s="3">
        <v>46660</v>
      </c>
    </row>
    <row r="2216" spans="1:16" x14ac:dyDescent="0.15">
      <c r="A2216" s="2" t="s">
        <v>66</v>
      </c>
      <c r="B2216" s="2" t="s">
        <v>145</v>
      </c>
      <c r="C2216" s="4" t="s">
        <v>6</v>
      </c>
      <c r="D2216" s="5" t="s">
        <v>146</v>
      </c>
      <c r="E2216" s="5" t="s">
        <v>147</v>
      </c>
      <c r="F2216" s="6" t="s">
        <v>5</v>
      </c>
      <c r="G2216" s="2" t="s">
        <v>57</v>
      </c>
      <c r="H2216" s="4" t="s">
        <v>9</v>
      </c>
      <c r="I2216" s="5" t="s">
        <v>58</v>
      </c>
      <c r="J2216" s="5" t="s">
        <v>59</v>
      </c>
      <c r="K2216" s="5" t="s">
        <v>60</v>
      </c>
      <c r="L2216" s="6" t="s">
        <v>5</v>
      </c>
      <c r="M2216" s="2" t="s">
        <v>150</v>
      </c>
      <c r="N2216" s="3">
        <v>42563</v>
      </c>
      <c r="O2216" s="3">
        <v>45017</v>
      </c>
      <c r="P2216" s="3">
        <v>47208</v>
      </c>
    </row>
    <row r="2217" spans="1:16" x14ac:dyDescent="0.15">
      <c r="A2217" s="2" t="s">
        <v>49</v>
      </c>
      <c r="B2217" s="2" t="s">
        <v>8075</v>
      </c>
      <c r="C2217" s="4" t="s">
        <v>6</v>
      </c>
      <c r="D2217" s="5" t="s">
        <v>1410</v>
      </c>
      <c r="E2217" s="5" t="s">
        <v>8076</v>
      </c>
      <c r="F2217" s="6" t="s">
        <v>5</v>
      </c>
      <c r="G2217" s="2"/>
      <c r="H2217" s="4"/>
      <c r="I2217" s="5"/>
      <c r="J2217" s="5"/>
      <c r="K2217" s="5"/>
      <c r="L2217" s="6"/>
      <c r="M2217" s="2" t="s">
        <v>8077</v>
      </c>
      <c r="N2217" s="3">
        <v>45028</v>
      </c>
      <c r="O2217" s="3">
        <v>45028</v>
      </c>
      <c r="P2217" s="3">
        <v>47391</v>
      </c>
    </row>
    <row r="2218" spans="1:16" x14ac:dyDescent="0.15">
      <c r="A2218" s="2" t="s">
        <v>49</v>
      </c>
      <c r="B2218" s="2" t="s">
        <v>8078</v>
      </c>
      <c r="C2218" s="4" t="s">
        <v>6</v>
      </c>
      <c r="D2218" s="5" t="s">
        <v>4589</v>
      </c>
      <c r="E2218" s="5" t="s">
        <v>1755</v>
      </c>
      <c r="F2218" s="6" t="s">
        <v>8079</v>
      </c>
      <c r="G2218" s="2"/>
      <c r="H2218" s="4"/>
      <c r="I2218" s="5"/>
      <c r="J2218" s="5"/>
      <c r="K2218" s="5"/>
      <c r="L2218" s="6"/>
      <c r="M2218" s="2" t="s">
        <v>8080</v>
      </c>
      <c r="N2218" s="3">
        <v>39416</v>
      </c>
      <c r="O2218" s="3">
        <v>45047</v>
      </c>
      <c r="P2218" s="3">
        <v>46873</v>
      </c>
    </row>
    <row r="2219" spans="1:16" x14ac:dyDescent="0.15">
      <c r="A2219" s="2" t="s">
        <v>49</v>
      </c>
      <c r="B2219" s="2" t="s">
        <v>8081</v>
      </c>
      <c r="C2219" s="4" t="s">
        <v>6</v>
      </c>
      <c r="D2219" s="5" t="s">
        <v>456</v>
      </c>
      <c r="E2219" s="5" t="s">
        <v>8082</v>
      </c>
      <c r="F2219" s="6" t="s">
        <v>5</v>
      </c>
      <c r="G2219" s="2"/>
      <c r="H2219" s="4"/>
      <c r="I2219" s="5"/>
      <c r="J2219" s="5"/>
      <c r="K2219" s="5"/>
      <c r="L2219" s="6"/>
      <c r="M2219" s="2" t="s">
        <v>8083</v>
      </c>
      <c r="N2219" s="3">
        <v>40346</v>
      </c>
      <c r="O2219" s="3">
        <v>45017</v>
      </c>
      <c r="P2219" s="3">
        <v>47208</v>
      </c>
    </row>
    <row r="2220" spans="1:16" x14ac:dyDescent="0.15">
      <c r="A2220" s="2" t="s">
        <v>49</v>
      </c>
      <c r="B2220" s="2" t="s">
        <v>8084</v>
      </c>
      <c r="C2220" s="4" t="s">
        <v>6</v>
      </c>
      <c r="D2220" s="5" t="s">
        <v>307</v>
      </c>
      <c r="E2220" s="5" t="s">
        <v>8085</v>
      </c>
      <c r="F2220" s="6" t="s">
        <v>5</v>
      </c>
      <c r="G2220" s="2"/>
      <c r="H2220" s="4"/>
      <c r="I2220" s="5"/>
      <c r="J2220" s="5"/>
      <c r="K2220" s="5"/>
      <c r="L2220" s="6"/>
      <c r="M2220" s="2" t="s">
        <v>8086</v>
      </c>
      <c r="N2220" s="3">
        <v>42780</v>
      </c>
      <c r="O2220" s="3">
        <v>45047</v>
      </c>
      <c r="P2220" s="3">
        <v>47238</v>
      </c>
    </row>
    <row r="2221" spans="1:16" x14ac:dyDescent="0.15">
      <c r="A2221" s="2" t="s">
        <v>66</v>
      </c>
      <c r="B2221" s="2" t="s">
        <v>151</v>
      </c>
      <c r="C2221" s="4" t="s">
        <v>6</v>
      </c>
      <c r="D2221" s="5" t="s">
        <v>152</v>
      </c>
      <c r="E2221" s="5" t="s">
        <v>153</v>
      </c>
      <c r="F2221" s="6" t="s">
        <v>5</v>
      </c>
      <c r="G2221" s="2" t="s">
        <v>57</v>
      </c>
      <c r="H2221" s="4" t="s">
        <v>9</v>
      </c>
      <c r="I2221" s="5" t="s">
        <v>58</v>
      </c>
      <c r="J2221" s="5" t="s">
        <v>59</v>
      </c>
      <c r="K2221" s="5" t="s">
        <v>60</v>
      </c>
      <c r="L2221" s="6" t="s">
        <v>5</v>
      </c>
      <c r="M2221" s="2" t="s">
        <v>156</v>
      </c>
      <c r="N2221" s="3">
        <v>44895</v>
      </c>
      <c r="O2221" s="3">
        <v>44895</v>
      </c>
      <c r="P2221" s="3">
        <v>47422</v>
      </c>
    </row>
    <row r="2222" spans="1:16" x14ac:dyDescent="0.15">
      <c r="A2222" s="2" t="s">
        <v>49</v>
      </c>
      <c r="B2222" s="2" t="s">
        <v>8090</v>
      </c>
      <c r="C2222" s="4" t="s">
        <v>6</v>
      </c>
      <c r="D2222" s="5" t="s">
        <v>608</v>
      </c>
      <c r="E2222" s="5" t="s">
        <v>3391</v>
      </c>
      <c r="F2222" s="6" t="s">
        <v>8091</v>
      </c>
      <c r="G2222" s="2"/>
      <c r="H2222" s="4"/>
      <c r="I2222" s="5"/>
      <c r="J2222" s="5"/>
      <c r="K2222" s="5"/>
      <c r="L2222" s="6"/>
      <c r="M2222" s="2" t="s">
        <v>8092</v>
      </c>
      <c r="N2222" s="3">
        <v>45019</v>
      </c>
      <c r="O2222" s="3">
        <v>45019</v>
      </c>
      <c r="P2222" s="3">
        <v>47087</v>
      </c>
    </row>
    <row r="2223" spans="1:16" x14ac:dyDescent="0.15">
      <c r="A2223" s="2" t="s">
        <v>49</v>
      </c>
      <c r="B2223" s="2" t="s">
        <v>8093</v>
      </c>
      <c r="C2223" s="4" t="s">
        <v>6</v>
      </c>
      <c r="D2223" s="5" t="s">
        <v>1027</v>
      </c>
      <c r="E2223" s="5" t="s">
        <v>5077</v>
      </c>
      <c r="F2223" s="6" t="s">
        <v>8094</v>
      </c>
      <c r="G2223" s="2"/>
      <c r="H2223" s="4"/>
      <c r="I2223" s="5"/>
      <c r="J2223" s="5"/>
      <c r="K2223" s="5"/>
      <c r="L2223" s="6"/>
      <c r="M2223" s="2" t="s">
        <v>8095</v>
      </c>
      <c r="N2223" s="3">
        <v>45085</v>
      </c>
      <c r="O2223" s="3">
        <v>45085</v>
      </c>
      <c r="P2223" s="3">
        <v>47452</v>
      </c>
    </row>
    <row r="2224" spans="1:16" x14ac:dyDescent="0.15">
      <c r="A2224" s="2" t="s">
        <v>66</v>
      </c>
      <c r="B2224" s="2" t="s">
        <v>199</v>
      </c>
      <c r="C2224" s="4" t="s">
        <v>6</v>
      </c>
      <c r="D2224" s="5" t="s">
        <v>200</v>
      </c>
      <c r="E2224" s="5" t="s">
        <v>201</v>
      </c>
      <c r="F2224" s="6" t="s">
        <v>5</v>
      </c>
      <c r="G2224" s="2" t="s">
        <v>193</v>
      </c>
      <c r="H2224" s="4" t="s">
        <v>195</v>
      </c>
      <c r="I2224" s="5" t="s">
        <v>196</v>
      </c>
      <c r="J2224" s="5" t="s">
        <v>197</v>
      </c>
      <c r="K2224" s="5" t="s">
        <v>198</v>
      </c>
      <c r="L2224" s="6" t="s">
        <v>5</v>
      </c>
      <c r="M2224" s="2" t="s">
        <v>203</v>
      </c>
      <c r="N2224" s="3">
        <v>40010</v>
      </c>
      <c r="O2224" s="3">
        <v>44652</v>
      </c>
      <c r="P2224" s="3">
        <v>46843</v>
      </c>
    </row>
    <row r="2225" spans="1:16" x14ac:dyDescent="0.15">
      <c r="A2225" s="2" t="s">
        <v>49</v>
      </c>
      <c r="B2225" s="2" t="s">
        <v>8101</v>
      </c>
      <c r="C2225" s="4" t="s">
        <v>6</v>
      </c>
      <c r="D2225" s="5" t="s">
        <v>456</v>
      </c>
      <c r="E2225" s="5" t="s">
        <v>520</v>
      </c>
      <c r="F2225" s="6" t="s">
        <v>5</v>
      </c>
      <c r="G2225" s="2"/>
      <c r="H2225" s="4"/>
      <c r="I2225" s="5"/>
      <c r="J2225" s="5"/>
      <c r="K2225" s="5"/>
      <c r="L2225" s="6"/>
      <c r="M2225" s="2" t="s">
        <v>8102</v>
      </c>
      <c r="N2225" s="3">
        <v>41117</v>
      </c>
      <c r="O2225" s="3">
        <v>45078</v>
      </c>
      <c r="P2225" s="3">
        <v>46904</v>
      </c>
    </row>
    <row r="2226" spans="1:16" x14ac:dyDescent="0.15">
      <c r="A2226" s="2" t="s">
        <v>49</v>
      </c>
      <c r="B2226" s="2" t="s">
        <v>8103</v>
      </c>
      <c r="C2226" s="4" t="s">
        <v>6</v>
      </c>
      <c r="D2226" s="5" t="s">
        <v>8104</v>
      </c>
      <c r="E2226" s="5" t="s">
        <v>8105</v>
      </c>
      <c r="F2226" s="6" t="s">
        <v>8106</v>
      </c>
      <c r="G2226" s="2"/>
      <c r="H2226" s="4"/>
      <c r="I2226" s="5"/>
      <c r="J2226" s="5"/>
      <c r="K2226" s="5"/>
      <c r="L2226" s="6"/>
      <c r="M2226" s="2" t="s">
        <v>8107</v>
      </c>
      <c r="N2226" s="3">
        <v>43006</v>
      </c>
      <c r="O2226" s="3">
        <v>45047</v>
      </c>
      <c r="P2226" s="3">
        <v>46873</v>
      </c>
    </row>
    <row r="2227" spans="1:16" x14ac:dyDescent="0.15">
      <c r="A2227" s="2" t="s">
        <v>66</v>
      </c>
      <c r="B2227" s="2" t="s">
        <v>217</v>
      </c>
      <c r="C2227" s="4" t="s">
        <v>6</v>
      </c>
      <c r="D2227" s="5" t="s">
        <v>218</v>
      </c>
      <c r="E2227" s="5" t="s">
        <v>219</v>
      </c>
      <c r="F2227" s="6" t="s">
        <v>5</v>
      </c>
      <c r="G2227" s="2" t="s">
        <v>213</v>
      </c>
      <c r="H2227" s="4" t="s">
        <v>184</v>
      </c>
      <c r="I2227" s="5" t="s">
        <v>214</v>
      </c>
      <c r="J2227" s="5" t="s">
        <v>215</v>
      </c>
      <c r="K2227" s="5" t="s">
        <v>216</v>
      </c>
      <c r="L2227" s="6" t="s">
        <v>5</v>
      </c>
      <c r="M2227" s="2" t="s">
        <v>221</v>
      </c>
      <c r="N2227" s="3">
        <v>34589</v>
      </c>
      <c r="O2227" s="3">
        <v>44652</v>
      </c>
      <c r="P2227" s="3">
        <v>46843</v>
      </c>
    </row>
    <row r="2228" spans="1:16" x14ac:dyDescent="0.15">
      <c r="A2228" s="2" t="s">
        <v>16</v>
      </c>
      <c r="B2228" s="2" t="s">
        <v>8116</v>
      </c>
      <c r="C2228" s="4" t="s">
        <v>6</v>
      </c>
      <c r="D2228" s="5" t="s">
        <v>207</v>
      </c>
      <c r="E2228" s="5" t="s">
        <v>8117</v>
      </c>
      <c r="F2228" s="6" t="s">
        <v>5</v>
      </c>
      <c r="G2228" s="2"/>
      <c r="H2228" s="4"/>
      <c r="I2228" s="5"/>
      <c r="J2228" s="5"/>
      <c r="K2228" s="5"/>
      <c r="L2228" s="6"/>
      <c r="M2228" s="2" t="s">
        <v>8118</v>
      </c>
      <c r="N2228" s="3">
        <v>36992</v>
      </c>
      <c r="O2228" s="3">
        <v>45047</v>
      </c>
      <c r="P2228" s="3">
        <v>47238</v>
      </c>
    </row>
    <row r="2229" spans="1:16" x14ac:dyDescent="0.15">
      <c r="A2229" s="2" t="s">
        <v>16</v>
      </c>
      <c r="B2229" s="2" t="s">
        <v>8119</v>
      </c>
      <c r="C2229" s="4" t="s">
        <v>6</v>
      </c>
      <c r="D2229" s="5" t="s">
        <v>8120</v>
      </c>
      <c r="E2229" s="5" t="s">
        <v>8121</v>
      </c>
      <c r="F2229" s="6" t="s">
        <v>8122</v>
      </c>
      <c r="G2229" s="2"/>
      <c r="H2229" s="4"/>
      <c r="I2229" s="5"/>
      <c r="J2229" s="5"/>
      <c r="K2229" s="5"/>
      <c r="L2229" s="6"/>
      <c r="M2229" s="2" t="s">
        <v>8123</v>
      </c>
      <c r="N2229" s="3">
        <v>42700</v>
      </c>
      <c r="O2229" s="3">
        <v>45047</v>
      </c>
      <c r="P2229" s="3">
        <v>47238</v>
      </c>
    </row>
    <row r="2230" spans="1:16" x14ac:dyDescent="0.15">
      <c r="A2230" s="2" t="s">
        <v>49</v>
      </c>
      <c r="B2230" s="2" t="s">
        <v>8124</v>
      </c>
      <c r="C2230" s="4" t="s">
        <v>6</v>
      </c>
      <c r="D2230" s="5" t="s">
        <v>45</v>
      </c>
      <c r="E2230" s="5" t="s">
        <v>5697</v>
      </c>
      <c r="F2230" s="6" t="s">
        <v>8125</v>
      </c>
      <c r="G2230" s="2"/>
      <c r="H2230" s="4"/>
      <c r="I2230" s="5"/>
      <c r="J2230" s="5"/>
      <c r="K2230" s="5"/>
      <c r="L2230" s="6"/>
      <c r="M2230" s="2" t="s">
        <v>8126</v>
      </c>
      <c r="N2230" s="3">
        <v>45027</v>
      </c>
      <c r="O2230" s="3">
        <v>45027</v>
      </c>
      <c r="P2230" s="3">
        <v>47087</v>
      </c>
    </row>
    <row r="2231" spans="1:16" x14ac:dyDescent="0.15">
      <c r="A2231" s="2" t="s">
        <v>49</v>
      </c>
      <c r="B2231" s="2" t="s">
        <v>8127</v>
      </c>
      <c r="C2231" s="4" t="s">
        <v>6</v>
      </c>
      <c r="D2231" s="5" t="s">
        <v>1027</v>
      </c>
      <c r="E2231" s="5" t="s">
        <v>2818</v>
      </c>
      <c r="F2231" s="6" t="s">
        <v>8128</v>
      </c>
      <c r="G2231" s="2"/>
      <c r="H2231" s="4"/>
      <c r="I2231" s="5"/>
      <c r="J2231" s="5"/>
      <c r="K2231" s="5"/>
      <c r="L2231" s="6"/>
      <c r="M2231" s="2" t="s">
        <v>8129</v>
      </c>
      <c r="N2231" s="3">
        <v>45029</v>
      </c>
      <c r="O2231" s="3">
        <v>45029</v>
      </c>
      <c r="P2231" s="3">
        <v>47452</v>
      </c>
    </row>
    <row r="2232" spans="1:16" x14ac:dyDescent="0.15">
      <c r="A2232" s="2" t="s">
        <v>66</v>
      </c>
      <c r="B2232" s="2" t="s">
        <v>223</v>
      </c>
      <c r="C2232" s="4" t="s">
        <v>6</v>
      </c>
      <c r="D2232" s="5" t="s">
        <v>224</v>
      </c>
      <c r="E2232" s="5" t="s">
        <v>225</v>
      </c>
      <c r="F2232" s="6" t="s">
        <v>5</v>
      </c>
      <c r="G2232" s="2" t="s">
        <v>213</v>
      </c>
      <c r="H2232" s="4" t="s">
        <v>184</v>
      </c>
      <c r="I2232" s="5" t="s">
        <v>214</v>
      </c>
      <c r="J2232" s="5" t="s">
        <v>215</v>
      </c>
      <c r="K2232" s="5" t="s">
        <v>216</v>
      </c>
      <c r="L2232" s="6" t="s">
        <v>5</v>
      </c>
      <c r="M2232" s="2" t="s">
        <v>228</v>
      </c>
      <c r="N2232" s="3">
        <v>36083</v>
      </c>
      <c r="O2232" s="3">
        <v>44682</v>
      </c>
      <c r="P2232" s="3">
        <v>46873</v>
      </c>
    </row>
    <row r="2233" spans="1:16" x14ac:dyDescent="0.15">
      <c r="A2233" s="2" t="s">
        <v>49</v>
      </c>
      <c r="B2233" s="2" t="s">
        <v>8135</v>
      </c>
      <c r="C2233" s="4" t="s">
        <v>6</v>
      </c>
      <c r="D2233" s="5" t="s">
        <v>2089</v>
      </c>
      <c r="E2233" s="5" t="s">
        <v>3178</v>
      </c>
      <c r="F2233" s="6" t="s">
        <v>8136</v>
      </c>
      <c r="G2233" s="2"/>
      <c r="H2233" s="4"/>
      <c r="I2233" s="5"/>
      <c r="J2233" s="5"/>
      <c r="K2233" s="5"/>
      <c r="L2233" s="6"/>
      <c r="M2233" s="2" t="s">
        <v>8137</v>
      </c>
      <c r="N2233" s="3">
        <v>45030</v>
      </c>
      <c r="O2233" s="3">
        <v>45030</v>
      </c>
      <c r="P2233" s="3">
        <v>47087</v>
      </c>
    </row>
    <row r="2234" spans="1:16" x14ac:dyDescent="0.15">
      <c r="A2234" s="2" t="s">
        <v>49</v>
      </c>
      <c r="B2234" s="2" t="s">
        <v>8138</v>
      </c>
      <c r="C2234" s="4" t="s">
        <v>6</v>
      </c>
      <c r="D2234" s="5" t="s">
        <v>3534</v>
      </c>
      <c r="E2234" s="5" t="s">
        <v>8139</v>
      </c>
      <c r="F2234" s="6" t="s">
        <v>5</v>
      </c>
      <c r="G2234" s="2"/>
      <c r="H2234" s="4"/>
      <c r="I2234" s="5"/>
      <c r="J2234" s="5"/>
      <c r="K2234" s="5"/>
      <c r="L2234" s="6"/>
      <c r="M2234" s="2" t="s">
        <v>8140</v>
      </c>
      <c r="N2234" s="3">
        <v>38534</v>
      </c>
      <c r="O2234" s="3">
        <v>45047</v>
      </c>
      <c r="P2234" s="3">
        <v>47238</v>
      </c>
    </row>
    <row r="2235" spans="1:16" x14ac:dyDescent="0.15">
      <c r="A2235" s="2" t="s">
        <v>49</v>
      </c>
      <c r="B2235" s="2" t="s">
        <v>8141</v>
      </c>
      <c r="C2235" s="4" t="s">
        <v>6</v>
      </c>
      <c r="D2235" s="5" t="s">
        <v>290</v>
      </c>
      <c r="E2235" s="5" t="s">
        <v>2158</v>
      </c>
      <c r="F2235" s="6" t="s">
        <v>5</v>
      </c>
      <c r="G2235" s="2"/>
      <c r="H2235" s="4"/>
      <c r="I2235" s="5"/>
      <c r="J2235" s="5"/>
      <c r="K2235" s="5"/>
      <c r="L2235" s="6"/>
      <c r="M2235" s="2" t="s">
        <v>8142</v>
      </c>
      <c r="N2235" s="3">
        <v>41240</v>
      </c>
      <c r="O2235" s="3">
        <v>45023</v>
      </c>
      <c r="P2235" s="3">
        <v>47208</v>
      </c>
    </row>
    <row r="2236" spans="1:16" x14ac:dyDescent="0.15">
      <c r="A2236" s="2" t="s">
        <v>66</v>
      </c>
      <c r="B2236" s="2" t="s">
        <v>229</v>
      </c>
      <c r="C2236" s="4" t="s">
        <v>6</v>
      </c>
      <c r="D2236" s="5" t="s">
        <v>230</v>
      </c>
      <c r="E2236" s="5" t="s">
        <v>231</v>
      </c>
      <c r="F2236" s="6" t="s">
        <v>5</v>
      </c>
      <c r="G2236" s="2" t="s">
        <v>213</v>
      </c>
      <c r="H2236" s="4" t="s">
        <v>184</v>
      </c>
      <c r="I2236" s="5" t="s">
        <v>214</v>
      </c>
      <c r="J2236" s="5" t="s">
        <v>215</v>
      </c>
      <c r="K2236" s="5" t="s">
        <v>216</v>
      </c>
      <c r="L2236" s="6" t="s">
        <v>5</v>
      </c>
      <c r="M2236" s="2" t="s">
        <v>232</v>
      </c>
      <c r="N2236" s="3">
        <v>36693</v>
      </c>
      <c r="O2236" s="3">
        <v>45200</v>
      </c>
      <c r="P2236" s="3">
        <v>47391</v>
      </c>
    </row>
    <row r="2237" spans="1:16" x14ac:dyDescent="0.15">
      <c r="A2237" s="2" t="s">
        <v>66</v>
      </c>
      <c r="B2237" s="2" t="s">
        <v>242</v>
      </c>
      <c r="C2237" s="4" t="s">
        <v>6</v>
      </c>
      <c r="D2237" s="5" t="s">
        <v>174</v>
      </c>
      <c r="E2237" s="5" t="s">
        <v>175</v>
      </c>
      <c r="F2237" s="6" t="s">
        <v>243</v>
      </c>
      <c r="G2237" s="2" t="s">
        <v>240</v>
      </c>
      <c r="H2237" s="4" t="s">
        <v>9</v>
      </c>
      <c r="I2237" s="5" t="s">
        <v>6</v>
      </c>
      <c r="J2237" s="5" t="s">
        <v>241</v>
      </c>
      <c r="K2237" s="5" t="s">
        <v>5</v>
      </c>
      <c r="L2237" s="6" t="s">
        <v>5</v>
      </c>
      <c r="M2237" s="2" t="s">
        <v>245</v>
      </c>
      <c r="N2237" s="3">
        <v>44621</v>
      </c>
      <c r="O2237" s="3">
        <v>44621</v>
      </c>
      <c r="P2237" s="3">
        <v>47026</v>
      </c>
    </row>
    <row r="2238" spans="1:16" x14ac:dyDescent="0.15">
      <c r="A2238" s="2" t="s">
        <v>49</v>
      </c>
      <c r="B2238" s="2" t="s">
        <v>8153</v>
      </c>
      <c r="C2238" s="4" t="s">
        <v>6</v>
      </c>
      <c r="D2238" s="5" t="s">
        <v>3063</v>
      </c>
      <c r="E2238" s="5" t="s">
        <v>8154</v>
      </c>
      <c r="F2238" s="6" t="s">
        <v>5</v>
      </c>
      <c r="G2238" s="2"/>
      <c r="H2238" s="4"/>
      <c r="I2238" s="5"/>
      <c r="J2238" s="5"/>
      <c r="K2238" s="5"/>
      <c r="L2238" s="6"/>
      <c r="M2238" s="2" t="s">
        <v>8155</v>
      </c>
      <c r="N2238" s="3">
        <v>29534</v>
      </c>
      <c r="O2238" s="3">
        <v>45047</v>
      </c>
      <c r="P2238" s="3">
        <v>47238</v>
      </c>
    </row>
    <row r="2239" spans="1:16" x14ac:dyDescent="0.15">
      <c r="A2239" s="2" t="s">
        <v>49</v>
      </c>
      <c r="B2239" s="2" t="s">
        <v>8156</v>
      </c>
      <c r="C2239" s="4" t="s">
        <v>6</v>
      </c>
      <c r="D2239" s="5" t="s">
        <v>1027</v>
      </c>
      <c r="E2239" s="5" t="s">
        <v>808</v>
      </c>
      <c r="F2239" s="6" t="s">
        <v>8157</v>
      </c>
      <c r="G2239" s="2"/>
      <c r="H2239" s="4"/>
      <c r="I2239" s="5"/>
      <c r="J2239" s="5"/>
      <c r="K2239" s="5"/>
      <c r="L2239" s="6"/>
      <c r="M2239" s="2" t="s">
        <v>8158</v>
      </c>
      <c r="N2239" s="3">
        <v>45027</v>
      </c>
      <c r="O2239" s="3">
        <v>45027</v>
      </c>
      <c r="P2239" s="3">
        <v>47087</v>
      </c>
    </row>
    <row r="2240" spans="1:16" x14ac:dyDescent="0.15">
      <c r="A2240" s="2" t="s">
        <v>49</v>
      </c>
      <c r="B2240" s="2" t="s">
        <v>8159</v>
      </c>
      <c r="C2240" s="4" t="s">
        <v>6</v>
      </c>
      <c r="D2240" s="5" t="s">
        <v>1000</v>
      </c>
      <c r="E2240" s="5" t="s">
        <v>8160</v>
      </c>
      <c r="F2240" s="6" t="s">
        <v>8161</v>
      </c>
      <c r="G2240" s="2"/>
      <c r="H2240" s="4"/>
      <c r="I2240" s="5"/>
      <c r="J2240" s="5"/>
      <c r="K2240" s="5"/>
      <c r="L2240" s="6"/>
      <c r="M2240" s="2" t="s">
        <v>8162</v>
      </c>
      <c r="N2240" s="3">
        <v>45030</v>
      </c>
      <c r="O2240" s="3">
        <v>45030</v>
      </c>
      <c r="P2240" s="3">
        <v>47391</v>
      </c>
    </row>
    <row r="2241" spans="1:16" x14ac:dyDescent="0.15">
      <c r="A2241" s="2" t="s">
        <v>49</v>
      </c>
      <c r="B2241" s="2" t="s">
        <v>8164</v>
      </c>
      <c r="C2241" s="4" t="s">
        <v>6</v>
      </c>
      <c r="D2241" s="5" t="s">
        <v>8163</v>
      </c>
      <c r="E2241" s="5" t="s">
        <v>35</v>
      </c>
      <c r="F2241" s="6" t="s">
        <v>5</v>
      </c>
      <c r="G2241" s="2"/>
      <c r="H2241" s="4"/>
      <c r="I2241" s="5"/>
      <c r="J2241" s="5"/>
      <c r="K2241" s="5"/>
      <c r="L2241" s="6"/>
      <c r="M2241" s="2" t="s">
        <v>8165</v>
      </c>
      <c r="N2241" s="3">
        <v>45064</v>
      </c>
      <c r="O2241" s="3">
        <v>45064</v>
      </c>
      <c r="P2241" s="3">
        <v>47422</v>
      </c>
    </row>
    <row r="2242" spans="1:16" x14ac:dyDescent="0.15">
      <c r="A2242" s="2" t="s">
        <v>66</v>
      </c>
      <c r="B2242" s="2" t="s">
        <v>246</v>
      </c>
      <c r="C2242" s="4" t="s">
        <v>6</v>
      </c>
      <c r="D2242" s="5" t="s">
        <v>247</v>
      </c>
      <c r="E2242" s="5" t="s">
        <v>248</v>
      </c>
      <c r="F2242" s="6" t="s">
        <v>249</v>
      </c>
      <c r="G2242" s="2" t="s">
        <v>240</v>
      </c>
      <c r="H2242" s="4" t="s">
        <v>9</v>
      </c>
      <c r="I2242" s="5" t="s">
        <v>6</v>
      </c>
      <c r="J2242" s="5" t="s">
        <v>241</v>
      </c>
      <c r="K2242" s="5" t="s">
        <v>5</v>
      </c>
      <c r="L2242" s="6" t="s">
        <v>5</v>
      </c>
      <c r="M2242" s="2" t="s">
        <v>251</v>
      </c>
      <c r="N2242" s="3">
        <v>43971</v>
      </c>
      <c r="O2242" s="3">
        <v>43971</v>
      </c>
      <c r="P2242" s="3">
        <v>46173</v>
      </c>
    </row>
    <row r="2243" spans="1:16" x14ac:dyDescent="0.15">
      <c r="A2243" s="2" t="s">
        <v>16</v>
      </c>
      <c r="B2243" s="2" t="s">
        <v>8172</v>
      </c>
      <c r="C2243" s="4" t="s">
        <v>6</v>
      </c>
      <c r="D2243" s="5" t="s">
        <v>4339</v>
      </c>
      <c r="E2243" s="5" t="s">
        <v>8173</v>
      </c>
      <c r="F2243" s="6" t="s">
        <v>5</v>
      </c>
      <c r="G2243" s="2"/>
      <c r="H2243" s="4"/>
      <c r="I2243" s="5"/>
      <c r="J2243" s="5"/>
      <c r="K2243" s="5"/>
      <c r="L2243" s="6"/>
      <c r="M2243" s="2" t="s">
        <v>8174</v>
      </c>
      <c r="N2243" s="3">
        <v>39457</v>
      </c>
      <c r="O2243" s="3">
        <v>45047</v>
      </c>
      <c r="P2243" s="3">
        <v>46873</v>
      </c>
    </row>
    <row r="2244" spans="1:16" x14ac:dyDescent="0.15">
      <c r="A2244" s="2" t="s">
        <v>49</v>
      </c>
      <c r="B2244" s="2" t="s">
        <v>8175</v>
      </c>
      <c r="C2244" s="4" t="s">
        <v>6</v>
      </c>
      <c r="D2244" s="5" t="s">
        <v>1027</v>
      </c>
      <c r="E2244" s="5" t="s">
        <v>4607</v>
      </c>
      <c r="F2244" s="6" t="s">
        <v>8176</v>
      </c>
      <c r="G2244" s="2"/>
      <c r="H2244" s="4"/>
      <c r="I2244" s="5"/>
      <c r="J2244" s="5"/>
      <c r="K2244" s="5"/>
      <c r="L2244" s="6"/>
      <c r="M2244" s="2" t="s">
        <v>8177</v>
      </c>
      <c r="N2244" s="3">
        <v>45166</v>
      </c>
      <c r="O2244" s="3">
        <v>45166</v>
      </c>
      <c r="P2244" s="3">
        <v>47087</v>
      </c>
    </row>
    <row r="2245" spans="1:16" x14ac:dyDescent="0.15">
      <c r="A2245" s="2" t="s">
        <v>66</v>
      </c>
      <c r="B2245" s="2" t="s">
        <v>463</v>
      </c>
      <c r="C2245" s="4" t="s">
        <v>6</v>
      </c>
      <c r="D2245" s="5" t="s">
        <v>464</v>
      </c>
      <c r="E2245" s="5" t="s">
        <v>465</v>
      </c>
      <c r="F2245" s="6" t="s">
        <v>468</v>
      </c>
      <c r="G2245" s="2" t="s">
        <v>461</v>
      </c>
      <c r="H2245" s="4" t="s">
        <v>9</v>
      </c>
      <c r="I2245" s="5" t="s">
        <v>6</v>
      </c>
      <c r="J2245" s="5" t="s">
        <v>462</v>
      </c>
      <c r="K2245" s="5" t="s">
        <v>5</v>
      </c>
      <c r="L2245" s="6" t="s">
        <v>5</v>
      </c>
      <c r="M2245" s="2" t="s">
        <v>469</v>
      </c>
      <c r="N2245" s="3">
        <v>44694</v>
      </c>
      <c r="O2245" s="3">
        <v>44694</v>
      </c>
      <c r="P2245" s="3">
        <v>46904</v>
      </c>
    </row>
    <row r="2246" spans="1:16" x14ac:dyDescent="0.15">
      <c r="A2246" s="2" t="s">
        <v>66</v>
      </c>
      <c r="B2246" s="2" t="s">
        <v>491</v>
      </c>
      <c r="C2246" s="4" t="s">
        <v>6</v>
      </c>
      <c r="D2246" s="5" t="s">
        <v>253</v>
      </c>
      <c r="E2246" s="5" t="s">
        <v>492</v>
      </c>
      <c r="F2246" s="6" t="s">
        <v>493</v>
      </c>
      <c r="G2246" s="2" t="s">
        <v>488</v>
      </c>
      <c r="H2246" s="4" t="s">
        <v>9</v>
      </c>
      <c r="I2246" s="5" t="s">
        <v>6</v>
      </c>
      <c r="J2246" s="5" t="s">
        <v>489</v>
      </c>
      <c r="K2246" s="5" t="s">
        <v>490</v>
      </c>
      <c r="L2246" s="6" t="s">
        <v>5</v>
      </c>
      <c r="M2246" s="2" t="s">
        <v>494</v>
      </c>
      <c r="N2246" s="3">
        <v>44349</v>
      </c>
      <c r="O2246" s="3">
        <v>44349</v>
      </c>
      <c r="P2246" s="3">
        <v>46904</v>
      </c>
    </row>
    <row r="2247" spans="1:16" x14ac:dyDescent="0.15">
      <c r="A2247" s="2" t="s">
        <v>66</v>
      </c>
      <c r="B2247" s="2" t="s">
        <v>666</v>
      </c>
      <c r="C2247" s="4" t="s">
        <v>6</v>
      </c>
      <c r="D2247" s="5" t="s">
        <v>230</v>
      </c>
      <c r="E2247" s="5" t="s">
        <v>667</v>
      </c>
      <c r="F2247" s="6" t="s">
        <v>5</v>
      </c>
      <c r="G2247" s="2" t="s">
        <v>662</v>
      </c>
      <c r="H2247" s="4" t="s">
        <v>9</v>
      </c>
      <c r="I2247" s="5" t="s">
        <v>663</v>
      </c>
      <c r="J2247" s="5" t="s">
        <v>664</v>
      </c>
      <c r="K2247" s="5" t="s">
        <v>665</v>
      </c>
      <c r="L2247" s="6" t="s">
        <v>5</v>
      </c>
      <c r="M2247" s="2" t="s">
        <v>668</v>
      </c>
      <c r="N2247" s="3">
        <v>44358</v>
      </c>
      <c r="O2247" s="3">
        <v>44358</v>
      </c>
      <c r="P2247" s="3">
        <v>46660</v>
      </c>
    </row>
    <row r="2248" spans="1:16" x14ac:dyDescent="0.15">
      <c r="A2248" s="2" t="s">
        <v>66</v>
      </c>
      <c r="B2248" s="2" t="s">
        <v>1060</v>
      </c>
      <c r="C2248" s="4" t="s">
        <v>6</v>
      </c>
      <c r="D2248" s="5" t="s">
        <v>558</v>
      </c>
      <c r="E2248" s="5" t="s">
        <v>1061</v>
      </c>
      <c r="F2248" s="6" t="s">
        <v>5</v>
      </c>
      <c r="G2248" s="2" t="s">
        <v>1057</v>
      </c>
      <c r="H2248" s="4" t="s">
        <v>384</v>
      </c>
      <c r="I2248" s="5" t="s">
        <v>1058</v>
      </c>
      <c r="J2248" s="5" t="s">
        <v>1059</v>
      </c>
      <c r="K2248" s="5" t="s">
        <v>5</v>
      </c>
      <c r="L2248" s="6" t="s">
        <v>5</v>
      </c>
      <c r="M2248" s="2" t="s">
        <v>1062</v>
      </c>
      <c r="N2248" s="3">
        <v>44733</v>
      </c>
      <c r="O2248" s="3">
        <v>44733</v>
      </c>
      <c r="P2248" s="3">
        <v>46934</v>
      </c>
    </row>
    <row r="2249" spans="1:16" x14ac:dyDescent="0.15">
      <c r="A2249" s="2" t="s">
        <v>49</v>
      </c>
      <c r="B2249" s="2" t="s">
        <v>8186</v>
      </c>
      <c r="C2249" s="4" t="s">
        <v>6</v>
      </c>
      <c r="D2249" s="5" t="s">
        <v>2089</v>
      </c>
      <c r="E2249" s="5" t="s">
        <v>1453</v>
      </c>
      <c r="F2249" s="6" t="s">
        <v>8187</v>
      </c>
      <c r="G2249" s="2"/>
      <c r="H2249" s="4"/>
      <c r="I2249" s="5"/>
      <c r="J2249" s="5"/>
      <c r="K2249" s="5"/>
      <c r="L2249" s="6"/>
      <c r="M2249" s="2" t="s">
        <v>8188</v>
      </c>
      <c r="N2249" s="3">
        <v>45037</v>
      </c>
      <c r="O2249" s="3">
        <v>45037</v>
      </c>
      <c r="P2249" s="3">
        <v>47452</v>
      </c>
    </row>
    <row r="2250" spans="1:16" x14ac:dyDescent="0.15">
      <c r="A2250" s="2" t="s">
        <v>66</v>
      </c>
      <c r="B2250" s="2" t="s">
        <v>1064</v>
      </c>
      <c r="C2250" s="4" t="s">
        <v>6</v>
      </c>
      <c r="D2250" s="5" t="s">
        <v>562</v>
      </c>
      <c r="E2250" s="5" t="s">
        <v>1065</v>
      </c>
      <c r="F2250" s="6" t="s">
        <v>5</v>
      </c>
      <c r="G2250" s="2" t="s">
        <v>1057</v>
      </c>
      <c r="H2250" s="4" t="s">
        <v>384</v>
      </c>
      <c r="I2250" s="5" t="s">
        <v>1058</v>
      </c>
      <c r="J2250" s="5" t="s">
        <v>1059</v>
      </c>
      <c r="K2250" s="5" t="s">
        <v>5</v>
      </c>
      <c r="L2250" s="6" t="s">
        <v>5</v>
      </c>
      <c r="M2250" s="2" t="s">
        <v>1066</v>
      </c>
      <c r="N2250" s="3">
        <v>45108</v>
      </c>
      <c r="O2250" s="3">
        <v>45108</v>
      </c>
      <c r="P2250" s="3">
        <v>47299</v>
      </c>
    </row>
    <row r="2251" spans="1:16" x14ac:dyDescent="0.15">
      <c r="A2251" s="2" t="s">
        <v>66</v>
      </c>
      <c r="B2251" s="2" t="s">
        <v>1648</v>
      </c>
      <c r="C2251" s="4" t="s">
        <v>6</v>
      </c>
      <c r="D2251" s="5" t="s">
        <v>1649</v>
      </c>
      <c r="E2251" s="5" t="s">
        <v>1650</v>
      </c>
      <c r="F2251" s="6" t="s">
        <v>5</v>
      </c>
      <c r="G2251" s="2" t="s">
        <v>1644</v>
      </c>
      <c r="H2251" s="4" t="s">
        <v>9</v>
      </c>
      <c r="I2251" s="5" t="s">
        <v>6</v>
      </c>
      <c r="J2251" s="5" t="s">
        <v>200</v>
      </c>
      <c r="K2251" s="5" t="s">
        <v>1645</v>
      </c>
      <c r="L2251" s="6" t="s">
        <v>5</v>
      </c>
      <c r="M2251" s="2" t="s">
        <v>1652</v>
      </c>
      <c r="N2251" s="3">
        <v>44804</v>
      </c>
      <c r="O2251" s="3">
        <v>44804</v>
      </c>
      <c r="P2251" s="3">
        <v>47422</v>
      </c>
    </row>
    <row r="2252" spans="1:16" x14ac:dyDescent="0.15">
      <c r="A2252" s="2" t="s">
        <v>66</v>
      </c>
      <c r="B2252" s="2" t="s">
        <v>1805</v>
      </c>
      <c r="C2252" s="4" t="s">
        <v>6</v>
      </c>
      <c r="D2252" s="5" t="s">
        <v>134</v>
      </c>
      <c r="E2252" s="5" t="s">
        <v>359</v>
      </c>
      <c r="F2252" s="6" t="s">
        <v>5</v>
      </c>
      <c r="G2252" s="2" t="s">
        <v>1802</v>
      </c>
      <c r="H2252" s="4" t="s">
        <v>9</v>
      </c>
      <c r="I2252" s="5" t="s">
        <v>6</v>
      </c>
      <c r="J2252" s="5" t="s">
        <v>1803</v>
      </c>
      <c r="K2252" s="5" t="s">
        <v>1804</v>
      </c>
      <c r="L2252" s="6" t="s">
        <v>5</v>
      </c>
      <c r="M2252" s="2" t="s">
        <v>1806</v>
      </c>
      <c r="N2252" s="3">
        <v>42186</v>
      </c>
      <c r="O2252" s="3">
        <v>44501</v>
      </c>
      <c r="P2252" s="3">
        <v>46691</v>
      </c>
    </row>
    <row r="2253" spans="1:16" x14ac:dyDescent="0.15">
      <c r="A2253" s="2" t="s">
        <v>66</v>
      </c>
      <c r="B2253" s="2" t="s">
        <v>1846</v>
      </c>
      <c r="C2253" s="4" t="s">
        <v>6</v>
      </c>
      <c r="D2253" s="5" t="s">
        <v>1000</v>
      </c>
      <c r="E2253" s="5" t="s">
        <v>1843</v>
      </c>
      <c r="F2253" s="6" t="s">
        <v>5</v>
      </c>
      <c r="G2253" s="2" t="s">
        <v>1842</v>
      </c>
      <c r="H2253" s="4" t="s">
        <v>9</v>
      </c>
      <c r="I2253" s="5" t="s">
        <v>6</v>
      </c>
      <c r="J2253" s="5" t="s">
        <v>1000</v>
      </c>
      <c r="K2253" s="5" t="s">
        <v>1843</v>
      </c>
      <c r="L2253" s="6" t="s">
        <v>5</v>
      </c>
      <c r="M2253" s="2" t="s">
        <v>1847</v>
      </c>
      <c r="N2253" s="3">
        <v>44508</v>
      </c>
      <c r="O2253" s="3">
        <v>44508</v>
      </c>
      <c r="P2253" s="3">
        <v>47026</v>
      </c>
    </row>
    <row r="2254" spans="1:16" x14ac:dyDescent="0.15">
      <c r="A2254" s="2" t="s">
        <v>66</v>
      </c>
      <c r="B2254" s="2" t="s">
        <v>2373</v>
      </c>
      <c r="C2254" s="4" t="s">
        <v>6</v>
      </c>
      <c r="D2254" s="5" t="s">
        <v>2374</v>
      </c>
      <c r="E2254" s="5" t="s">
        <v>5</v>
      </c>
      <c r="F2254" s="6" t="s">
        <v>5</v>
      </c>
      <c r="G2254" s="2" t="s">
        <v>2370</v>
      </c>
      <c r="H2254" s="4" t="s">
        <v>9</v>
      </c>
      <c r="I2254" s="5" t="s">
        <v>6</v>
      </c>
      <c r="J2254" s="5" t="s">
        <v>2371</v>
      </c>
      <c r="K2254" s="5" t="s">
        <v>2372</v>
      </c>
      <c r="L2254" s="6" t="s">
        <v>5</v>
      </c>
      <c r="M2254" s="2" t="s">
        <v>2377</v>
      </c>
      <c r="N2254" s="3">
        <v>37819</v>
      </c>
      <c r="O2254" s="3">
        <v>44682</v>
      </c>
      <c r="P2254" s="3">
        <v>46873</v>
      </c>
    </row>
    <row r="2255" spans="1:16" x14ac:dyDescent="0.15">
      <c r="A2255" s="2" t="s">
        <v>66</v>
      </c>
      <c r="B2255" s="2" t="s">
        <v>2445</v>
      </c>
      <c r="C2255" s="4" t="s">
        <v>6</v>
      </c>
      <c r="D2255" s="5" t="s">
        <v>2226</v>
      </c>
      <c r="E2255" s="5" t="s">
        <v>2446</v>
      </c>
      <c r="F2255" s="6" t="s">
        <v>5</v>
      </c>
      <c r="G2255" s="2" t="s">
        <v>2445</v>
      </c>
      <c r="H2255" s="4" t="s">
        <v>9</v>
      </c>
      <c r="I2255" s="5" t="s">
        <v>6</v>
      </c>
      <c r="J2255" s="5" t="s">
        <v>2226</v>
      </c>
      <c r="K2255" s="5" t="s">
        <v>2446</v>
      </c>
      <c r="L2255" s="6" t="s">
        <v>5</v>
      </c>
      <c r="M2255" s="2" t="s">
        <v>2448</v>
      </c>
      <c r="N2255" s="3">
        <v>42074</v>
      </c>
      <c r="O2255" s="3">
        <v>44470</v>
      </c>
      <c r="P2255" s="3">
        <v>46660</v>
      </c>
    </row>
    <row r="2256" spans="1:16" x14ac:dyDescent="0.15">
      <c r="A2256" s="2" t="s">
        <v>66</v>
      </c>
      <c r="B2256" s="2" t="s">
        <v>2900</v>
      </c>
      <c r="C2256" s="4" t="s">
        <v>6</v>
      </c>
      <c r="D2256" s="5" t="s">
        <v>2898</v>
      </c>
      <c r="E2256" s="5" t="s">
        <v>2899</v>
      </c>
      <c r="F2256" s="6" t="s">
        <v>5</v>
      </c>
      <c r="G2256" s="2" t="s">
        <v>2897</v>
      </c>
      <c r="H2256" s="4" t="s">
        <v>9</v>
      </c>
      <c r="I2256" s="5" t="s">
        <v>6</v>
      </c>
      <c r="J2256" s="5" t="s">
        <v>2898</v>
      </c>
      <c r="K2256" s="5" t="s">
        <v>2899</v>
      </c>
      <c r="L2256" s="6" t="s">
        <v>5</v>
      </c>
      <c r="M2256" s="2" t="s">
        <v>2901</v>
      </c>
      <c r="N2256" s="3">
        <v>38449</v>
      </c>
      <c r="O2256" s="3">
        <v>44501</v>
      </c>
      <c r="P2256" s="3">
        <v>46691</v>
      </c>
    </row>
    <row r="2257" spans="1:16" x14ac:dyDescent="0.15">
      <c r="A2257" s="2" t="s">
        <v>49</v>
      </c>
      <c r="B2257" s="2" t="s">
        <v>8207</v>
      </c>
      <c r="C2257" s="4" t="s">
        <v>6</v>
      </c>
      <c r="D2257" s="5" t="s">
        <v>3711</v>
      </c>
      <c r="E2257" s="5" t="s">
        <v>8208</v>
      </c>
      <c r="F2257" s="6" t="s">
        <v>5</v>
      </c>
      <c r="G2257" s="2"/>
      <c r="H2257" s="4"/>
      <c r="I2257" s="5"/>
      <c r="J2257" s="5"/>
      <c r="K2257" s="5"/>
      <c r="L2257" s="6"/>
      <c r="M2257" s="2" t="s">
        <v>8209</v>
      </c>
      <c r="N2257" s="3">
        <v>45036</v>
      </c>
      <c r="O2257" s="3">
        <v>45036</v>
      </c>
      <c r="P2257" s="3">
        <v>47057</v>
      </c>
    </row>
    <row r="2258" spans="1:16" x14ac:dyDescent="0.15">
      <c r="A2258" s="2" t="s">
        <v>66</v>
      </c>
      <c r="B2258" s="2" t="s">
        <v>2961</v>
      </c>
      <c r="C2258" s="4" t="s">
        <v>6</v>
      </c>
      <c r="D2258" s="5" t="s">
        <v>2962</v>
      </c>
      <c r="E2258" s="5" t="s">
        <v>2963</v>
      </c>
      <c r="F2258" s="6" t="s">
        <v>5</v>
      </c>
      <c r="G2258" s="2" t="s">
        <v>2959</v>
      </c>
      <c r="H2258" s="4" t="s">
        <v>9</v>
      </c>
      <c r="I2258" s="5" t="s">
        <v>6</v>
      </c>
      <c r="J2258" s="5" t="s">
        <v>2960</v>
      </c>
      <c r="K2258" s="5" t="s">
        <v>5</v>
      </c>
      <c r="L2258" s="6" t="s">
        <v>5</v>
      </c>
      <c r="M2258" s="2" t="s">
        <v>2964</v>
      </c>
      <c r="N2258" s="3">
        <v>33056</v>
      </c>
      <c r="O2258" s="3">
        <v>44682</v>
      </c>
      <c r="P2258" s="3">
        <v>46873</v>
      </c>
    </row>
    <row r="2259" spans="1:16" x14ac:dyDescent="0.15">
      <c r="A2259" s="2" t="s">
        <v>16</v>
      </c>
      <c r="B2259" s="2" t="s">
        <v>8215</v>
      </c>
      <c r="C2259" s="4" t="s">
        <v>6</v>
      </c>
      <c r="D2259" s="5" t="s">
        <v>2219</v>
      </c>
      <c r="E2259" s="5" t="s">
        <v>8214</v>
      </c>
      <c r="F2259" s="6" t="s">
        <v>5</v>
      </c>
      <c r="G2259" s="2"/>
      <c r="H2259" s="4"/>
      <c r="I2259" s="5"/>
      <c r="J2259" s="5"/>
      <c r="K2259" s="5"/>
      <c r="L2259" s="6"/>
      <c r="M2259" s="2" t="s">
        <v>8216</v>
      </c>
      <c r="N2259" s="3">
        <v>45031</v>
      </c>
      <c r="O2259" s="3">
        <v>45031</v>
      </c>
      <c r="P2259" s="3">
        <v>47391</v>
      </c>
    </row>
    <row r="2260" spans="1:16" x14ac:dyDescent="0.15">
      <c r="A2260" s="2" t="s">
        <v>49</v>
      </c>
      <c r="B2260" s="2" t="s">
        <v>8217</v>
      </c>
      <c r="C2260" s="4" t="s">
        <v>6</v>
      </c>
      <c r="D2260" s="5" t="s">
        <v>1027</v>
      </c>
      <c r="E2260" s="5" t="s">
        <v>8218</v>
      </c>
      <c r="F2260" s="6" t="s">
        <v>8219</v>
      </c>
      <c r="G2260" s="2"/>
      <c r="H2260" s="4"/>
      <c r="I2260" s="5"/>
      <c r="J2260" s="5"/>
      <c r="K2260" s="5"/>
      <c r="L2260" s="6"/>
      <c r="M2260" s="2" t="s">
        <v>8220</v>
      </c>
      <c r="N2260" s="3">
        <v>45056</v>
      </c>
      <c r="O2260" s="3">
        <v>45056</v>
      </c>
      <c r="P2260" s="3">
        <v>47452</v>
      </c>
    </row>
    <row r="2261" spans="1:16" x14ac:dyDescent="0.15">
      <c r="A2261" s="2" t="s">
        <v>66</v>
      </c>
      <c r="B2261" s="2" t="s">
        <v>3285</v>
      </c>
      <c r="C2261" s="4" t="s">
        <v>6</v>
      </c>
      <c r="D2261" s="5" t="s">
        <v>500</v>
      </c>
      <c r="E2261" s="5" t="s">
        <v>3284</v>
      </c>
      <c r="F2261" s="6" t="s">
        <v>5</v>
      </c>
      <c r="G2261" s="2" t="s">
        <v>3283</v>
      </c>
      <c r="H2261" s="4" t="s">
        <v>9</v>
      </c>
      <c r="I2261" s="5" t="s">
        <v>6</v>
      </c>
      <c r="J2261" s="5" t="s">
        <v>500</v>
      </c>
      <c r="K2261" s="5" t="s">
        <v>3284</v>
      </c>
      <c r="L2261" s="6" t="s">
        <v>5</v>
      </c>
      <c r="M2261" s="2" t="s">
        <v>3286</v>
      </c>
      <c r="N2261" s="3">
        <v>42724</v>
      </c>
      <c r="O2261" s="3">
        <v>45078</v>
      </c>
      <c r="P2261" s="3">
        <v>47269</v>
      </c>
    </row>
    <row r="2262" spans="1:16" x14ac:dyDescent="0.15">
      <c r="A2262" s="2" t="s">
        <v>49</v>
      </c>
      <c r="B2262" s="2" t="s">
        <v>8227</v>
      </c>
      <c r="C2262" s="4" t="s">
        <v>6</v>
      </c>
      <c r="D2262" s="5" t="s">
        <v>1027</v>
      </c>
      <c r="E2262" s="5" t="s">
        <v>4607</v>
      </c>
      <c r="F2262" s="6" t="s">
        <v>8228</v>
      </c>
      <c r="G2262" s="2"/>
      <c r="H2262" s="4"/>
      <c r="I2262" s="5"/>
      <c r="J2262" s="5"/>
      <c r="K2262" s="5"/>
      <c r="L2262" s="6"/>
      <c r="M2262" s="2" t="s">
        <v>8229</v>
      </c>
      <c r="N2262" s="3">
        <v>45056</v>
      </c>
      <c r="O2262" s="3">
        <v>45056</v>
      </c>
      <c r="P2262" s="3">
        <v>47452</v>
      </c>
    </row>
    <row r="2263" spans="1:16" x14ac:dyDescent="0.15">
      <c r="A2263" s="2" t="s">
        <v>66</v>
      </c>
      <c r="B2263" s="2" t="s">
        <v>3419</v>
      </c>
      <c r="C2263" s="4" t="s">
        <v>6</v>
      </c>
      <c r="D2263" s="5" t="s">
        <v>838</v>
      </c>
      <c r="E2263" s="5" t="s">
        <v>3421</v>
      </c>
      <c r="F2263" s="6" t="s">
        <v>5</v>
      </c>
      <c r="G2263" s="2" t="s">
        <v>3419</v>
      </c>
      <c r="H2263" s="4" t="s">
        <v>9</v>
      </c>
      <c r="I2263" s="5" t="s">
        <v>6</v>
      </c>
      <c r="J2263" s="5" t="s">
        <v>838</v>
      </c>
      <c r="K2263" s="5" t="s">
        <v>3420</v>
      </c>
      <c r="L2263" s="6" t="s">
        <v>5</v>
      </c>
      <c r="M2263" s="2" t="s">
        <v>3422</v>
      </c>
      <c r="N2263" s="3">
        <v>45282</v>
      </c>
      <c r="O2263" s="3">
        <v>45282</v>
      </c>
      <c r="P2263" s="3">
        <v>47603</v>
      </c>
    </row>
    <row r="2264" spans="1:16" x14ac:dyDescent="0.15">
      <c r="A2264" s="2" t="s">
        <v>66</v>
      </c>
      <c r="B2264" s="2" t="s">
        <v>4113</v>
      </c>
      <c r="C2264" s="4" t="s">
        <v>6</v>
      </c>
      <c r="D2264" s="5" t="s">
        <v>1148</v>
      </c>
      <c r="E2264" s="5" t="s">
        <v>1149</v>
      </c>
      <c r="F2264" s="6" t="s">
        <v>5</v>
      </c>
      <c r="G2264" s="2" t="s">
        <v>4113</v>
      </c>
      <c r="H2264" s="4" t="s">
        <v>9</v>
      </c>
      <c r="I2264" s="5" t="s">
        <v>6</v>
      </c>
      <c r="J2264" s="5" t="s">
        <v>1148</v>
      </c>
      <c r="K2264" s="5" t="s">
        <v>1149</v>
      </c>
      <c r="L2264" s="6" t="s">
        <v>5</v>
      </c>
      <c r="M2264" s="2" t="s">
        <v>4114</v>
      </c>
      <c r="N2264" s="3">
        <v>38888</v>
      </c>
      <c r="O2264" s="3">
        <v>44652</v>
      </c>
      <c r="P2264" s="3">
        <v>46477</v>
      </c>
    </row>
    <row r="2265" spans="1:16" x14ac:dyDescent="0.15">
      <c r="A2265" s="2" t="s">
        <v>49</v>
      </c>
      <c r="B2265" s="2" t="s">
        <v>8240</v>
      </c>
      <c r="C2265" s="4" t="s">
        <v>6</v>
      </c>
      <c r="D2265" s="5" t="s">
        <v>500</v>
      </c>
      <c r="E2265" s="5" t="s">
        <v>8241</v>
      </c>
      <c r="F2265" s="6" t="s">
        <v>8242</v>
      </c>
      <c r="G2265" s="2"/>
      <c r="H2265" s="4"/>
      <c r="I2265" s="5"/>
      <c r="J2265" s="5"/>
      <c r="K2265" s="5"/>
      <c r="L2265" s="6"/>
      <c r="M2265" s="2" t="s">
        <v>8243</v>
      </c>
      <c r="N2265" s="3">
        <v>45082</v>
      </c>
      <c r="O2265" s="3">
        <v>45082</v>
      </c>
      <c r="P2265" s="3">
        <v>47634</v>
      </c>
    </row>
    <row r="2266" spans="1:16" x14ac:dyDescent="0.15">
      <c r="A2266" s="2" t="s">
        <v>66</v>
      </c>
      <c r="B2266" s="2" t="s">
        <v>4237</v>
      </c>
      <c r="C2266" s="4" t="s">
        <v>6</v>
      </c>
      <c r="D2266" s="5" t="s">
        <v>1148</v>
      </c>
      <c r="E2266" s="5" t="s">
        <v>3383</v>
      </c>
      <c r="F2266" s="6" t="s">
        <v>5</v>
      </c>
      <c r="G2266" s="2" t="s">
        <v>4237</v>
      </c>
      <c r="H2266" s="4" t="s">
        <v>9</v>
      </c>
      <c r="I2266" s="5" t="s">
        <v>6</v>
      </c>
      <c r="J2266" s="5" t="s">
        <v>1148</v>
      </c>
      <c r="K2266" s="5" t="s">
        <v>3383</v>
      </c>
      <c r="L2266" s="6" t="s">
        <v>5</v>
      </c>
      <c r="M2266" s="2" t="s">
        <v>4238</v>
      </c>
      <c r="N2266" s="3">
        <v>36845</v>
      </c>
      <c r="O2266" s="3">
        <v>44652</v>
      </c>
      <c r="P2266" s="3">
        <v>46477</v>
      </c>
    </row>
    <row r="2267" spans="1:16" x14ac:dyDescent="0.15">
      <c r="A2267" s="2" t="s">
        <v>66</v>
      </c>
      <c r="B2267" s="2" t="s">
        <v>4253</v>
      </c>
      <c r="C2267" s="4" t="s">
        <v>6</v>
      </c>
      <c r="D2267" s="5" t="s">
        <v>1148</v>
      </c>
      <c r="E2267" s="5" t="s">
        <v>3383</v>
      </c>
      <c r="F2267" s="6" t="s">
        <v>5</v>
      </c>
      <c r="G2267" s="2" t="s">
        <v>4253</v>
      </c>
      <c r="H2267" s="4" t="s">
        <v>9</v>
      </c>
      <c r="I2267" s="5" t="s">
        <v>6</v>
      </c>
      <c r="J2267" s="5" t="s">
        <v>1148</v>
      </c>
      <c r="K2267" s="5" t="s">
        <v>3383</v>
      </c>
      <c r="L2267" s="6" t="s">
        <v>5</v>
      </c>
      <c r="M2267" s="2" t="s">
        <v>4256</v>
      </c>
      <c r="N2267" s="3">
        <v>38862</v>
      </c>
      <c r="O2267" s="3">
        <v>44652</v>
      </c>
      <c r="P2267" s="3">
        <v>46477</v>
      </c>
    </row>
    <row r="2268" spans="1:16" x14ac:dyDescent="0.15">
      <c r="A2268" s="2" t="s">
        <v>49</v>
      </c>
      <c r="B2268" s="2" t="s">
        <v>8250</v>
      </c>
      <c r="C2268" s="4" t="s">
        <v>6</v>
      </c>
      <c r="D2268" s="5" t="s">
        <v>1027</v>
      </c>
      <c r="E2268" s="5" t="s">
        <v>3933</v>
      </c>
      <c r="F2268" s="6" t="s">
        <v>3302</v>
      </c>
      <c r="G2268" s="2"/>
      <c r="H2268" s="4"/>
      <c r="I2268" s="5"/>
      <c r="J2268" s="5"/>
      <c r="K2268" s="5"/>
      <c r="L2268" s="6"/>
      <c r="M2268" s="2" t="s">
        <v>8251</v>
      </c>
      <c r="N2268" s="3">
        <v>45036</v>
      </c>
      <c r="O2268" s="3">
        <v>45036</v>
      </c>
      <c r="P2268" s="3">
        <v>47087</v>
      </c>
    </row>
    <row r="2269" spans="1:16" x14ac:dyDescent="0.15">
      <c r="A2269" s="2" t="s">
        <v>49</v>
      </c>
      <c r="B2269" s="2" t="s">
        <v>8252</v>
      </c>
      <c r="C2269" s="4" t="s">
        <v>6</v>
      </c>
      <c r="D2269" s="5" t="s">
        <v>3654</v>
      </c>
      <c r="E2269" s="5" t="s">
        <v>8253</v>
      </c>
      <c r="F2269" s="6" t="s">
        <v>8254</v>
      </c>
      <c r="G2269" s="2"/>
      <c r="H2269" s="4"/>
      <c r="I2269" s="5"/>
      <c r="J2269" s="5"/>
      <c r="K2269" s="5"/>
      <c r="L2269" s="6"/>
      <c r="M2269" s="2" t="s">
        <v>8255</v>
      </c>
      <c r="N2269" s="3">
        <v>42826</v>
      </c>
      <c r="O2269" s="3">
        <v>45047</v>
      </c>
      <c r="P2269" s="3">
        <v>47238</v>
      </c>
    </row>
    <row r="2270" spans="1:16" x14ac:dyDescent="0.15">
      <c r="A2270" s="2" t="s">
        <v>49</v>
      </c>
      <c r="B2270" s="2" t="s">
        <v>8256</v>
      </c>
      <c r="C2270" s="4" t="s">
        <v>6</v>
      </c>
      <c r="D2270" s="5" t="s">
        <v>1027</v>
      </c>
      <c r="E2270" s="5" t="s">
        <v>8257</v>
      </c>
      <c r="F2270" s="6" t="s">
        <v>8258</v>
      </c>
      <c r="G2270" s="2"/>
      <c r="H2270" s="4"/>
      <c r="I2270" s="5"/>
      <c r="J2270" s="5"/>
      <c r="K2270" s="5"/>
      <c r="L2270" s="6"/>
      <c r="M2270" s="2" t="s">
        <v>8259</v>
      </c>
      <c r="N2270" s="3">
        <v>45036</v>
      </c>
      <c r="O2270" s="3">
        <v>45036</v>
      </c>
      <c r="P2270" s="3">
        <v>47452</v>
      </c>
    </row>
    <row r="2271" spans="1:16" x14ac:dyDescent="0.15">
      <c r="A2271" s="2" t="s">
        <v>16</v>
      </c>
      <c r="B2271" s="2" t="s">
        <v>8260</v>
      </c>
      <c r="C2271" s="4" t="s">
        <v>6</v>
      </c>
      <c r="D2271" s="5" t="s">
        <v>3207</v>
      </c>
      <c r="E2271" s="5" t="s">
        <v>8261</v>
      </c>
      <c r="F2271" s="6" t="s">
        <v>5</v>
      </c>
      <c r="G2271" s="2"/>
      <c r="H2271" s="4"/>
      <c r="I2271" s="5"/>
      <c r="J2271" s="5"/>
      <c r="K2271" s="5"/>
      <c r="L2271" s="6"/>
      <c r="M2271" s="2" t="s">
        <v>8262</v>
      </c>
      <c r="N2271" s="3">
        <v>45047</v>
      </c>
      <c r="O2271" s="3">
        <v>45047</v>
      </c>
      <c r="P2271" s="3">
        <v>47026</v>
      </c>
    </row>
    <row r="2272" spans="1:16" x14ac:dyDescent="0.15">
      <c r="A2272" s="2" t="s">
        <v>66</v>
      </c>
      <c r="B2272" s="2" t="s">
        <v>4270</v>
      </c>
      <c r="C2272" s="4" t="s">
        <v>6</v>
      </c>
      <c r="D2272" s="5" t="s">
        <v>1148</v>
      </c>
      <c r="E2272" s="5" t="s">
        <v>3383</v>
      </c>
      <c r="F2272" s="6" t="s">
        <v>5</v>
      </c>
      <c r="G2272" s="2" t="s">
        <v>4270</v>
      </c>
      <c r="H2272" s="4" t="s">
        <v>9</v>
      </c>
      <c r="I2272" s="5" t="s">
        <v>6</v>
      </c>
      <c r="J2272" s="5" t="s">
        <v>1148</v>
      </c>
      <c r="K2272" s="5" t="s">
        <v>3383</v>
      </c>
      <c r="L2272" s="6" t="s">
        <v>5</v>
      </c>
      <c r="M2272" s="2" t="s">
        <v>4271</v>
      </c>
      <c r="N2272" s="3">
        <v>29757</v>
      </c>
      <c r="O2272" s="3">
        <v>44652</v>
      </c>
      <c r="P2272" s="3">
        <v>46477</v>
      </c>
    </row>
    <row r="2273" spans="1:16" x14ac:dyDescent="0.15">
      <c r="A2273" s="2" t="s">
        <v>49</v>
      </c>
      <c r="B2273" s="2" t="s">
        <v>8267</v>
      </c>
      <c r="C2273" s="4" t="s">
        <v>6</v>
      </c>
      <c r="D2273" s="5" t="s">
        <v>307</v>
      </c>
      <c r="E2273" s="5" t="s">
        <v>7682</v>
      </c>
      <c r="F2273" s="6" t="s">
        <v>5</v>
      </c>
      <c r="G2273" s="2"/>
      <c r="H2273" s="4"/>
      <c r="I2273" s="5"/>
      <c r="J2273" s="5"/>
      <c r="K2273" s="5"/>
      <c r="L2273" s="6"/>
      <c r="M2273" s="2" t="s">
        <v>8268</v>
      </c>
      <c r="N2273" s="3">
        <v>40478</v>
      </c>
      <c r="O2273" s="3">
        <v>45047</v>
      </c>
      <c r="P2273" s="3">
        <v>47238</v>
      </c>
    </row>
    <row r="2274" spans="1:16" x14ac:dyDescent="0.15">
      <c r="A2274" s="2" t="s">
        <v>66</v>
      </c>
      <c r="B2274" s="2" t="s">
        <v>4274</v>
      </c>
      <c r="C2274" s="4" t="s">
        <v>6</v>
      </c>
      <c r="D2274" s="5" t="s">
        <v>3891</v>
      </c>
      <c r="E2274" s="5" t="s">
        <v>4273</v>
      </c>
      <c r="F2274" s="6" t="s">
        <v>5</v>
      </c>
      <c r="G2274" s="2" t="s">
        <v>4272</v>
      </c>
      <c r="H2274" s="4" t="s">
        <v>9</v>
      </c>
      <c r="I2274" s="5" t="s">
        <v>6</v>
      </c>
      <c r="J2274" s="5" t="s">
        <v>3891</v>
      </c>
      <c r="K2274" s="5" t="s">
        <v>4273</v>
      </c>
      <c r="L2274" s="6" t="s">
        <v>5</v>
      </c>
      <c r="M2274" s="2" t="s">
        <v>4276</v>
      </c>
      <c r="N2274" s="3">
        <v>36315</v>
      </c>
      <c r="O2274" s="3">
        <v>44652</v>
      </c>
      <c r="P2274" s="3">
        <v>46843</v>
      </c>
    </row>
    <row r="2275" spans="1:16" x14ac:dyDescent="0.15">
      <c r="A2275" s="2" t="s">
        <v>49</v>
      </c>
      <c r="B2275" s="2" t="s">
        <v>8273</v>
      </c>
      <c r="C2275" s="4" t="s">
        <v>6</v>
      </c>
      <c r="D2275" s="5" t="s">
        <v>3259</v>
      </c>
      <c r="E2275" s="5" t="s">
        <v>8274</v>
      </c>
      <c r="F2275" s="6" t="s">
        <v>5</v>
      </c>
      <c r="G2275" s="2"/>
      <c r="H2275" s="4"/>
      <c r="I2275" s="5"/>
      <c r="J2275" s="5"/>
      <c r="K2275" s="5"/>
      <c r="L2275" s="6"/>
      <c r="M2275" s="2" t="s">
        <v>8275</v>
      </c>
      <c r="N2275" s="3">
        <v>35370</v>
      </c>
      <c r="O2275" s="3">
        <v>45047</v>
      </c>
      <c r="P2275" s="3">
        <v>47238</v>
      </c>
    </row>
    <row r="2276" spans="1:16" x14ac:dyDescent="0.15">
      <c r="A2276" s="2" t="s">
        <v>49</v>
      </c>
      <c r="B2276" s="2" t="s">
        <v>8276</v>
      </c>
      <c r="C2276" s="4" t="s">
        <v>6</v>
      </c>
      <c r="D2276" s="5" t="s">
        <v>247</v>
      </c>
      <c r="E2276" s="5" t="s">
        <v>1690</v>
      </c>
      <c r="F2276" s="6" t="s">
        <v>8277</v>
      </c>
      <c r="G2276" s="2"/>
      <c r="H2276" s="4"/>
      <c r="I2276" s="5"/>
      <c r="J2276" s="5"/>
      <c r="K2276" s="5"/>
      <c r="L2276" s="6"/>
      <c r="M2276" s="2" t="s">
        <v>8278</v>
      </c>
      <c r="N2276" s="3">
        <v>40498</v>
      </c>
      <c r="O2276" s="3">
        <v>45078</v>
      </c>
      <c r="P2276" s="3">
        <v>47269</v>
      </c>
    </row>
    <row r="2277" spans="1:16" x14ac:dyDescent="0.15">
      <c r="A2277" s="2" t="s">
        <v>66</v>
      </c>
      <c r="B2277" s="2" t="s">
        <v>4386</v>
      </c>
      <c r="C2277" s="4" t="s">
        <v>6</v>
      </c>
      <c r="D2277" s="5" t="s">
        <v>4388</v>
      </c>
      <c r="E2277" s="5" t="s">
        <v>5</v>
      </c>
      <c r="F2277" s="6" t="s">
        <v>5</v>
      </c>
      <c r="G2277" s="2" t="s">
        <v>4386</v>
      </c>
      <c r="H2277" s="4" t="s">
        <v>9</v>
      </c>
      <c r="I2277" s="5" t="s">
        <v>6</v>
      </c>
      <c r="J2277" s="5" t="s">
        <v>4387</v>
      </c>
      <c r="K2277" s="5" t="s">
        <v>5</v>
      </c>
      <c r="L2277" s="6" t="s">
        <v>5</v>
      </c>
      <c r="M2277" s="2" t="s">
        <v>4390</v>
      </c>
      <c r="N2277" s="3">
        <v>42452</v>
      </c>
      <c r="O2277" s="3">
        <v>44652</v>
      </c>
      <c r="P2277" s="3">
        <v>46843</v>
      </c>
    </row>
    <row r="2278" spans="1:16" x14ac:dyDescent="0.15">
      <c r="A2278" s="2" t="s">
        <v>66</v>
      </c>
      <c r="B2278" s="2" t="s">
        <v>4386</v>
      </c>
      <c r="C2278" s="4" t="s">
        <v>6</v>
      </c>
      <c r="D2278" s="5" t="s">
        <v>4391</v>
      </c>
      <c r="E2278" s="5" t="s">
        <v>5</v>
      </c>
      <c r="F2278" s="6" t="s">
        <v>5</v>
      </c>
      <c r="G2278" s="2" t="s">
        <v>4386</v>
      </c>
      <c r="H2278" s="4" t="s">
        <v>9</v>
      </c>
      <c r="I2278" s="5" t="s">
        <v>6</v>
      </c>
      <c r="J2278" s="5" t="s">
        <v>4387</v>
      </c>
      <c r="K2278" s="5" t="s">
        <v>5</v>
      </c>
      <c r="L2278" s="6" t="s">
        <v>5</v>
      </c>
      <c r="M2278" s="2" t="s">
        <v>4392</v>
      </c>
      <c r="N2278" s="3">
        <v>35649</v>
      </c>
      <c r="O2278" s="3">
        <v>44652</v>
      </c>
      <c r="P2278" s="3">
        <v>46477</v>
      </c>
    </row>
    <row r="2279" spans="1:16" x14ac:dyDescent="0.15">
      <c r="A2279" s="2" t="s">
        <v>49</v>
      </c>
      <c r="B2279" s="2" t="s">
        <v>8290</v>
      </c>
      <c r="C2279" s="4" t="s">
        <v>6</v>
      </c>
      <c r="D2279" s="5" t="s">
        <v>6828</v>
      </c>
      <c r="E2279" s="5" t="s">
        <v>8291</v>
      </c>
      <c r="F2279" s="6" t="s">
        <v>5</v>
      </c>
      <c r="G2279" s="2"/>
      <c r="H2279" s="4"/>
      <c r="I2279" s="5"/>
      <c r="J2279" s="5"/>
      <c r="K2279" s="5"/>
      <c r="L2279" s="6"/>
      <c r="M2279" s="2" t="s">
        <v>8292</v>
      </c>
      <c r="N2279" s="3">
        <v>45046</v>
      </c>
      <c r="O2279" s="3">
        <v>45046</v>
      </c>
      <c r="P2279" s="3">
        <v>47391</v>
      </c>
    </row>
    <row r="2280" spans="1:16" x14ac:dyDescent="0.15">
      <c r="A2280" s="2" t="s">
        <v>49</v>
      </c>
      <c r="B2280" s="2" t="s">
        <v>8293</v>
      </c>
      <c r="C2280" s="4" t="s">
        <v>6</v>
      </c>
      <c r="D2280" s="5" t="s">
        <v>2847</v>
      </c>
      <c r="E2280" s="5" t="s">
        <v>8294</v>
      </c>
      <c r="F2280" s="6" t="s">
        <v>5</v>
      </c>
      <c r="G2280" s="2"/>
      <c r="H2280" s="4"/>
      <c r="I2280" s="5"/>
      <c r="J2280" s="5"/>
      <c r="K2280" s="5"/>
      <c r="L2280" s="6"/>
      <c r="M2280" s="2" t="s">
        <v>8295</v>
      </c>
      <c r="N2280" s="3">
        <v>45281</v>
      </c>
      <c r="O2280" s="3">
        <v>45281</v>
      </c>
      <c r="P2280" s="3">
        <v>47573</v>
      </c>
    </row>
    <row r="2281" spans="1:16" x14ac:dyDescent="0.15">
      <c r="A2281" s="2" t="s">
        <v>16</v>
      </c>
      <c r="B2281" s="2" t="s">
        <v>8293</v>
      </c>
      <c r="C2281" s="4" t="s">
        <v>6</v>
      </c>
      <c r="D2281" s="5" t="s">
        <v>2847</v>
      </c>
      <c r="E2281" s="5" t="s">
        <v>8294</v>
      </c>
      <c r="F2281" s="6" t="s">
        <v>5</v>
      </c>
      <c r="G2281" s="2"/>
      <c r="H2281" s="4"/>
      <c r="I2281" s="5"/>
      <c r="J2281" s="5"/>
      <c r="K2281" s="5"/>
      <c r="L2281" s="6"/>
      <c r="M2281" s="2" t="s">
        <v>8296</v>
      </c>
      <c r="N2281" s="3">
        <v>45065</v>
      </c>
      <c r="O2281" s="3">
        <v>45065</v>
      </c>
      <c r="P2281" s="3">
        <v>47573</v>
      </c>
    </row>
    <row r="2282" spans="1:16" x14ac:dyDescent="0.15">
      <c r="A2282" s="2" t="s">
        <v>49</v>
      </c>
      <c r="B2282" s="2" t="s">
        <v>8297</v>
      </c>
      <c r="C2282" s="4" t="s">
        <v>6</v>
      </c>
      <c r="D2282" s="5" t="s">
        <v>253</v>
      </c>
      <c r="E2282" s="5" t="s">
        <v>4998</v>
      </c>
      <c r="F2282" s="6" t="s">
        <v>5</v>
      </c>
      <c r="G2282" s="2"/>
      <c r="H2282" s="4"/>
      <c r="I2282" s="5"/>
      <c r="J2282" s="5"/>
      <c r="K2282" s="5"/>
      <c r="L2282" s="6"/>
      <c r="M2282" s="2" t="s">
        <v>8298</v>
      </c>
      <c r="N2282" s="3">
        <v>41275</v>
      </c>
      <c r="O2282" s="3">
        <v>45078</v>
      </c>
      <c r="P2282" s="3">
        <v>46904</v>
      </c>
    </row>
    <row r="2283" spans="1:16" x14ac:dyDescent="0.15">
      <c r="A2283" s="2" t="s">
        <v>66</v>
      </c>
      <c r="B2283" s="2" t="s">
        <v>4491</v>
      </c>
      <c r="C2283" s="4" t="s">
        <v>6</v>
      </c>
      <c r="D2283" s="5" t="s">
        <v>69</v>
      </c>
      <c r="E2283" s="5" t="s">
        <v>3489</v>
      </c>
      <c r="F2283" s="6" t="s">
        <v>4492</v>
      </c>
      <c r="G2283" s="2" t="s">
        <v>4488</v>
      </c>
      <c r="H2283" s="4" t="s">
        <v>9</v>
      </c>
      <c r="I2283" s="5" t="s">
        <v>1182</v>
      </c>
      <c r="J2283" s="5" t="s">
        <v>4489</v>
      </c>
      <c r="K2283" s="5" t="s">
        <v>4490</v>
      </c>
      <c r="L2283" s="6" t="s">
        <v>5</v>
      </c>
      <c r="M2283" s="2" t="s">
        <v>4493</v>
      </c>
      <c r="N2283" s="3">
        <v>44632</v>
      </c>
      <c r="O2283" s="3">
        <v>44632</v>
      </c>
      <c r="P2283" s="3">
        <v>46904</v>
      </c>
    </row>
    <row r="2284" spans="1:16" x14ac:dyDescent="0.15">
      <c r="A2284" s="2" t="s">
        <v>66</v>
      </c>
      <c r="B2284" s="2" t="s">
        <v>4535</v>
      </c>
      <c r="C2284" s="4" t="s">
        <v>6</v>
      </c>
      <c r="D2284" s="5" t="s">
        <v>200</v>
      </c>
      <c r="E2284" s="5" t="s">
        <v>4536</v>
      </c>
      <c r="F2284" s="6" t="s">
        <v>5</v>
      </c>
      <c r="G2284" s="2" t="s">
        <v>4530</v>
      </c>
      <c r="H2284" s="4" t="s">
        <v>9</v>
      </c>
      <c r="I2284" s="5" t="s">
        <v>6</v>
      </c>
      <c r="J2284" s="5" t="s">
        <v>2833</v>
      </c>
      <c r="K2284" s="5" t="s">
        <v>4531</v>
      </c>
      <c r="L2284" s="6" t="s">
        <v>5</v>
      </c>
      <c r="M2284" s="2" t="s">
        <v>4537</v>
      </c>
      <c r="N2284" s="3">
        <v>45391</v>
      </c>
      <c r="O2284" s="3">
        <v>45391</v>
      </c>
      <c r="P2284" s="3">
        <v>47938</v>
      </c>
    </row>
    <row r="2285" spans="1:16" x14ac:dyDescent="0.15">
      <c r="A2285" s="2" t="s">
        <v>49</v>
      </c>
      <c r="B2285" s="2" t="s">
        <v>8305</v>
      </c>
      <c r="C2285" s="4" t="s">
        <v>6</v>
      </c>
      <c r="D2285" s="5" t="s">
        <v>5286</v>
      </c>
      <c r="E2285" s="5" t="s">
        <v>816</v>
      </c>
      <c r="F2285" s="6" t="s">
        <v>5</v>
      </c>
      <c r="G2285" s="2"/>
      <c r="H2285" s="4"/>
      <c r="I2285" s="5"/>
      <c r="J2285" s="5"/>
      <c r="K2285" s="5"/>
      <c r="L2285" s="6"/>
      <c r="M2285" s="2" t="s">
        <v>8306</v>
      </c>
      <c r="N2285" s="3">
        <v>45053</v>
      </c>
      <c r="O2285" s="3">
        <v>45053</v>
      </c>
      <c r="P2285" s="3">
        <v>47238</v>
      </c>
    </row>
    <row r="2286" spans="1:16" x14ac:dyDescent="0.15">
      <c r="A2286" s="2" t="s">
        <v>49</v>
      </c>
      <c r="B2286" s="2" t="s">
        <v>8308</v>
      </c>
      <c r="C2286" s="4" t="s">
        <v>6</v>
      </c>
      <c r="D2286" s="5" t="s">
        <v>8307</v>
      </c>
      <c r="E2286" s="5" t="s">
        <v>572</v>
      </c>
      <c r="F2286" s="6" t="s">
        <v>5</v>
      </c>
      <c r="G2286" s="2"/>
      <c r="H2286" s="4"/>
      <c r="I2286" s="5"/>
      <c r="J2286" s="5"/>
      <c r="K2286" s="5"/>
      <c r="L2286" s="6"/>
      <c r="M2286" s="2" t="s">
        <v>8309</v>
      </c>
      <c r="N2286" s="3">
        <v>40521</v>
      </c>
      <c r="O2286" s="3">
        <v>45108</v>
      </c>
      <c r="P2286" s="3">
        <v>47299</v>
      </c>
    </row>
    <row r="2287" spans="1:16" x14ac:dyDescent="0.15">
      <c r="A2287" s="2" t="s">
        <v>49</v>
      </c>
      <c r="B2287" s="2" t="s">
        <v>8310</v>
      </c>
      <c r="C2287" s="4" t="s">
        <v>6</v>
      </c>
      <c r="D2287" s="5" t="s">
        <v>1027</v>
      </c>
      <c r="E2287" s="5" t="s">
        <v>2818</v>
      </c>
      <c r="F2287" s="6" t="s">
        <v>8311</v>
      </c>
      <c r="G2287" s="2"/>
      <c r="H2287" s="4"/>
      <c r="I2287" s="5"/>
      <c r="J2287" s="5"/>
      <c r="K2287" s="5"/>
      <c r="L2287" s="6"/>
      <c r="M2287" s="2" t="s">
        <v>8312</v>
      </c>
      <c r="N2287" s="3">
        <v>45047</v>
      </c>
      <c r="O2287" s="3">
        <v>45047</v>
      </c>
      <c r="P2287" s="3">
        <v>47087</v>
      </c>
    </row>
    <row r="2288" spans="1:16" x14ac:dyDescent="0.15">
      <c r="A2288" s="2" t="s">
        <v>66</v>
      </c>
      <c r="B2288" s="2" t="s">
        <v>5395</v>
      </c>
      <c r="C2288" s="4" t="s">
        <v>6</v>
      </c>
      <c r="D2288" s="5" t="s">
        <v>3986</v>
      </c>
      <c r="E2288" s="5" t="s">
        <v>5396</v>
      </c>
      <c r="F2288" s="6" t="s">
        <v>5</v>
      </c>
      <c r="G2288" s="2" t="s">
        <v>5394</v>
      </c>
      <c r="H2288" s="4" t="s">
        <v>9</v>
      </c>
      <c r="I2288" s="5" t="s">
        <v>6</v>
      </c>
      <c r="J2288" s="5" t="s">
        <v>464</v>
      </c>
      <c r="K2288" s="5" t="s">
        <v>3463</v>
      </c>
      <c r="L2288" s="6" t="s">
        <v>5</v>
      </c>
      <c r="M2288" s="2" t="s">
        <v>5398</v>
      </c>
      <c r="N2288" s="3">
        <v>44733</v>
      </c>
      <c r="O2288" s="3">
        <v>44733</v>
      </c>
      <c r="P2288" s="3">
        <v>47208</v>
      </c>
    </row>
    <row r="2289" spans="1:16" x14ac:dyDescent="0.15">
      <c r="A2289" s="2" t="s">
        <v>66</v>
      </c>
      <c r="B2289" s="2" t="s">
        <v>5430</v>
      </c>
      <c r="C2289" s="4" t="s">
        <v>6</v>
      </c>
      <c r="D2289" s="5" t="s">
        <v>5431</v>
      </c>
      <c r="E2289" s="5" t="s">
        <v>5432</v>
      </c>
      <c r="F2289" s="6" t="s">
        <v>5</v>
      </c>
      <c r="G2289" s="2" t="s">
        <v>5428</v>
      </c>
      <c r="H2289" s="4" t="s">
        <v>195</v>
      </c>
      <c r="I2289" s="5" t="s">
        <v>196</v>
      </c>
      <c r="J2289" s="5" t="s">
        <v>5429</v>
      </c>
      <c r="K2289" s="5" t="s">
        <v>5</v>
      </c>
      <c r="L2289" s="6" t="s">
        <v>5</v>
      </c>
      <c r="M2289" s="2" t="s">
        <v>5434</v>
      </c>
      <c r="N2289" s="3">
        <v>42292</v>
      </c>
      <c r="O2289" s="3">
        <v>44743</v>
      </c>
      <c r="P2289" s="3">
        <v>46934</v>
      </c>
    </row>
    <row r="2290" spans="1:16" x14ac:dyDescent="0.15">
      <c r="A2290" s="2" t="s">
        <v>49</v>
      </c>
      <c r="B2290" s="2" t="s">
        <v>8321</v>
      </c>
      <c r="C2290" s="4" t="s">
        <v>6</v>
      </c>
      <c r="D2290" s="5" t="s">
        <v>848</v>
      </c>
      <c r="E2290" s="5" t="s">
        <v>8322</v>
      </c>
      <c r="F2290" s="6" t="s">
        <v>5</v>
      </c>
      <c r="G2290" s="2"/>
      <c r="H2290" s="4"/>
      <c r="I2290" s="5"/>
      <c r="J2290" s="5"/>
      <c r="K2290" s="5"/>
      <c r="L2290" s="6"/>
      <c r="M2290" s="2" t="s">
        <v>8323</v>
      </c>
      <c r="N2290" s="3">
        <v>31519</v>
      </c>
      <c r="O2290" s="3">
        <v>45078</v>
      </c>
      <c r="P2290" s="3">
        <v>46904</v>
      </c>
    </row>
    <row r="2291" spans="1:16" x14ac:dyDescent="0.15">
      <c r="A2291" s="2" t="s">
        <v>66</v>
      </c>
      <c r="B2291" s="2" t="s">
        <v>5682</v>
      </c>
      <c r="C2291" s="4" t="s">
        <v>6</v>
      </c>
      <c r="D2291" s="5" t="s">
        <v>5431</v>
      </c>
      <c r="E2291" s="5" t="s">
        <v>5432</v>
      </c>
      <c r="F2291" s="6" t="s">
        <v>5</v>
      </c>
      <c r="G2291" s="2" t="s">
        <v>5682</v>
      </c>
      <c r="H2291" s="4" t="s">
        <v>9</v>
      </c>
      <c r="I2291" s="5" t="s">
        <v>6</v>
      </c>
      <c r="J2291" s="5" t="s">
        <v>4717</v>
      </c>
      <c r="K2291" s="5" t="s">
        <v>5683</v>
      </c>
      <c r="L2291" s="6" t="s">
        <v>5</v>
      </c>
      <c r="M2291" s="2" t="s">
        <v>5684</v>
      </c>
      <c r="N2291" s="3">
        <v>42292</v>
      </c>
      <c r="O2291" s="3">
        <v>44743</v>
      </c>
      <c r="P2291" s="3">
        <v>46934</v>
      </c>
    </row>
    <row r="2292" spans="1:16" x14ac:dyDescent="0.15">
      <c r="A2292" s="2" t="s">
        <v>49</v>
      </c>
      <c r="B2292" s="2" t="s">
        <v>8328</v>
      </c>
      <c r="C2292" s="4" t="s">
        <v>6</v>
      </c>
      <c r="D2292" s="5" t="s">
        <v>85</v>
      </c>
      <c r="E2292" s="5" t="s">
        <v>8329</v>
      </c>
      <c r="F2292" s="6" t="s">
        <v>8330</v>
      </c>
      <c r="G2292" s="2"/>
      <c r="H2292" s="4"/>
      <c r="I2292" s="5"/>
      <c r="J2292" s="5"/>
      <c r="K2292" s="5"/>
      <c r="L2292" s="6"/>
      <c r="M2292" s="2" t="s">
        <v>8331</v>
      </c>
      <c r="N2292" s="3">
        <v>45071</v>
      </c>
      <c r="O2292" s="3">
        <v>45071</v>
      </c>
      <c r="P2292" s="3">
        <v>47603</v>
      </c>
    </row>
    <row r="2293" spans="1:16" x14ac:dyDescent="0.15">
      <c r="A2293" s="2" t="s">
        <v>16</v>
      </c>
      <c r="B2293" s="2" t="s">
        <v>8328</v>
      </c>
      <c r="C2293" s="4" t="s">
        <v>6</v>
      </c>
      <c r="D2293" s="5" t="s">
        <v>85</v>
      </c>
      <c r="E2293" s="5" t="s">
        <v>8329</v>
      </c>
      <c r="F2293" s="6" t="s">
        <v>8330</v>
      </c>
      <c r="G2293" s="2"/>
      <c r="H2293" s="4"/>
      <c r="I2293" s="5"/>
      <c r="J2293" s="5"/>
      <c r="K2293" s="5"/>
      <c r="L2293" s="6"/>
      <c r="M2293" s="2" t="s">
        <v>8332</v>
      </c>
      <c r="N2293" s="3">
        <v>45065</v>
      </c>
      <c r="O2293" s="3">
        <v>45065</v>
      </c>
      <c r="P2293" s="3">
        <v>47603</v>
      </c>
    </row>
    <row r="2294" spans="1:16" x14ac:dyDescent="0.15">
      <c r="A2294" s="2" t="s">
        <v>49</v>
      </c>
      <c r="B2294" s="2" t="s">
        <v>8333</v>
      </c>
      <c r="C2294" s="4" t="s">
        <v>6</v>
      </c>
      <c r="D2294" s="5" t="s">
        <v>500</v>
      </c>
      <c r="E2294" s="5" t="s">
        <v>6926</v>
      </c>
      <c r="F2294" s="6" t="s">
        <v>8334</v>
      </c>
      <c r="G2294" s="2"/>
      <c r="H2294" s="4"/>
      <c r="I2294" s="5"/>
      <c r="J2294" s="5"/>
      <c r="K2294" s="5"/>
      <c r="L2294" s="6"/>
      <c r="M2294" s="2" t="s">
        <v>8335</v>
      </c>
      <c r="N2294" s="3">
        <v>40554</v>
      </c>
      <c r="O2294" s="3">
        <v>45078</v>
      </c>
      <c r="P2294" s="3">
        <v>47269</v>
      </c>
    </row>
    <row r="2295" spans="1:16" x14ac:dyDescent="0.15">
      <c r="A2295" s="2" t="s">
        <v>49</v>
      </c>
      <c r="B2295" s="2" t="s">
        <v>8336</v>
      </c>
      <c r="C2295" s="4" t="s">
        <v>6</v>
      </c>
      <c r="D2295" s="5" t="s">
        <v>1785</v>
      </c>
      <c r="E2295" s="5" t="s">
        <v>1120</v>
      </c>
      <c r="F2295" s="6" t="s">
        <v>8337</v>
      </c>
      <c r="G2295" s="2"/>
      <c r="H2295" s="4"/>
      <c r="I2295" s="5"/>
      <c r="J2295" s="5"/>
      <c r="K2295" s="5"/>
      <c r="L2295" s="6"/>
      <c r="M2295" s="2" t="s">
        <v>8338</v>
      </c>
      <c r="N2295" s="3">
        <v>45047</v>
      </c>
      <c r="O2295" s="3">
        <v>45047</v>
      </c>
      <c r="P2295" s="3">
        <v>47573</v>
      </c>
    </row>
    <row r="2296" spans="1:16" x14ac:dyDescent="0.15">
      <c r="A2296" s="2" t="s">
        <v>66</v>
      </c>
      <c r="B2296" s="2" t="s">
        <v>6127</v>
      </c>
      <c r="C2296" s="4" t="s">
        <v>6</v>
      </c>
      <c r="D2296" s="5" t="s">
        <v>4403</v>
      </c>
      <c r="E2296" s="5" t="s">
        <v>3825</v>
      </c>
      <c r="F2296" s="6" t="s">
        <v>5</v>
      </c>
      <c r="G2296" s="2" t="s">
        <v>6125</v>
      </c>
      <c r="H2296" s="4" t="s">
        <v>9</v>
      </c>
      <c r="I2296" s="5" t="s">
        <v>6</v>
      </c>
      <c r="J2296" s="5" t="s">
        <v>2454</v>
      </c>
      <c r="K2296" s="5" t="s">
        <v>6126</v>
      </c>
      <c r="L2296" s="6" t="s">
        <v>5</v>
      </c>
      <c r="M2296" s="2" t="s">
        <v>6129</v>
      </c>
      <c r="N2296" s="3">
        <v>44827</v>
      </c>
      <c r="O2296" s="3">
        <v>44827</v>
      </c>
      <c r="P2296" s="3">
        <v>47208</v>
      </c>
    </row>
    <row r="2297" spans="1:16" x14ac:dyDescent="0.15">
      <c r="A2297" s="2" t="s">
        <v>66</v>
      </c>
      <c r="B2297" s="2" t="s">
        <v>6903</v>
      </c>
      <c r="C2297" s="4" t="s">
        <v>6</v>
      </c>
      <c r="D2297" s="5" t="s">
        <v>45</v>
      </c>
      <c r="E2297" s="5" t="s">
        <v>6902</v>
      </c>
      <c r="F2297" s="6" t="s">
        <v>5</v>
      </c>
      <c r="G2297" s="2" t="s">
        <v>6901</v>
      </c>
      <c r="H2297" s="4" t="s">
        <v>9</v>
      </c>
      <c r="I2297" s="5" t="s">
        <v>6</v>
      </c>
      <c r="J2297" s="5" t="s">
        <v>45</v>
      </c>
      <c r="K2297" s="5" t="s">
        <v>6902</v>
      </c>
      <c r="L2297" s="6" t="s">
        <v>5</v>
      </c>
      <c r="M2297" s="2" t="s">
        <v>6905</v>
      </c>
      <c r="N2297" s="3">
        <v>35376</v>
      </c>
      <c r="O2297" s="3">
        <v>44896</v>
      </c>
      <c r="P2297" s="3">
        <v>47087</v>
      </c>
    </row>
    <row r="2298" spans="1:16" x14ac:dyDescent="0.15">
      <c r="A2298" s="2" t="s">
        <v>49</v>
      </c>
      <c r="B2298" s="2" t="s">
        <v>8344</v>
      </c>
      <c r="C2298" s="4" t="s">
        <v>6</v>
      </c>
      <c r="D2298" s="5" t="s">
        <v>8345</v>
      </c>
      <c r="E2298" s="5" t="s">
        <v>2278</v>
      </c>
      <c r="F2298" s="6" t="s">
        <v>5</v>
      </c>
      <c r="G2298" s="2"/>
      <c r="H2298" s="4"/>
      <c r="I2298" s="5"/>
      <c r="J2298" s="5"/>
      <c r="K2298" s="5"/>
      <c r="L2298" s="6"/>
      <c r="M2298" s="2" t="s">
        <v>8346</v>
      </c>
      <c r="N2298" s="3">
        <v>41248</v>
      </c>
      <c r="O2298" s="3">
        <v>45047</v>
      </c>
      <c r="P2298" s="3">
        <v>46873</v>
      </c>
    </row>
    <row r="2299" spans="1:16" x14ac:dyDescent="0.15">
      <c r="A2299" s="2" t="s">
        <v>66</v>
      </c>
      <c r="B2299" s="2" t="s">
        <v>7599</v>
      </c>
      <c r="C2299" s="4" t="s">
        <v>6</v>
      </c>
      <c r="D2299" s="5" t="s">
        <v>6663</v>
      </c>
      <c r="E2299" s="5" t="s">
        <v>7600</v>
      </c>
      <c r="F2299" s="6" t="s">
        <v>5</v>
      </c>
      <c r="G2299" s="2" t="s">
        <v>7597</v>
      </c>
      <c r="H2299" s="4" t="s">
        <v>9</v>
      </c>
      <c r="I2299" s="5" t="s">
        <v>6</v>
      </c>
      <c r="J2299" s="5" t="s">
        <v>2328</v>
      </c>
      <c r="K2299" s="5" t="s">
        <v>7598</v>
      </c>
      <c r="L2299" s="6" t="s">
        <v>5</v>
      </c>
      <c r="M2299" s="2" t="s">
        <v>7602</v>
      </c>
      <c r="N2299" s="3">
        <v>44978</v>
      </c>
      <c r="O2299" s="3">
        <v>44978</v>
      </c>
      <c r="P2299" s="3">
        <v>47299</v>
      </c>
    </row>
    <row r="2300" spans="1:16" x14ac:dyDescent="0.15">
      <c r="A2300" s="2" t="s">
        <v>49</v>
      </c>
      <c r="B2300" s="2" t="s">
        <v>8351</v>
      </c>
      <c r="C2300" s="4" t="s">
        <v>6</v>
      </c>
      <c r="D2300" s="5" t="s">
        <v>570</v>
      </c>
      <c r="E2300" s="5" t="s">
        <v>8352</v>
      </c>
      <c r="F2300" s="6" t="s">
        <v>5</v>
      </c>
      <c r="G2300" s="2"/>
      <c r="H2300" s="4"/>
      <c r="I2300" s="5"/>
      <c r="J2300" s="5"/>
      <c r="K2300" s="5"/>
      <c r="L2300" s="6"/>
      <c r="M2300" s="2" t="s">
        <v>8353</v>
      </c>
      <c r="N2300" s="3">
        <v>45054</v>
      </c>
      <c r="O2300" s="3">
        <v>45054</v>
      </c>
      <c r="P2300" s="3">
        <v>47238</v>
      </c>
    </row>
    <row r="2301" spans="1:16" x14ac:dyDescent="0.15">
      <c r="A2301" s="2" t="s">
        <v>66</v>
      </c>
      <c r="B2301" s="2" t="s">
        <v>7691</v>
      </c>
      <c r="C2301" s="4" t="s">
        <v>6</v>
      </c>
      <c r="D2301" s="5" t="s">
        <v>1930</v>
      </c>
      <c r="E2301" s="5" t="s">
        <v>3134</v>
      </c>
      <c r="F2301" s="6" t="s">
        <v>7692</v>
      </c>
      <c r="G2301" s="2" t="s">
        <v>7689</v>
      </c>
      <c r="H2301" s="4" t="s">
        <v>9</v>
      </c>
      <c r="I2301" s="5" t="s">
        <v>6</v>
      </c>
      <c r="J2301" s="5" t="s">
        <v>290</v>
      </c>
      <c r="K2301" s="5" t="s">
        <v>7690</v>
      </c>
      <c r="L2301" s="6" t="s">
        <v>5</v>
      </c>
      <c r="M2301" s="2" t="s">
        <v>7693</v>
      </c>
      <c r="N2301" s="3">
        <v>45017</v>
      </c>
      <c r="O2301" s="3">
        <v>45017</v>
      </c>
      <c r="P2301" s="3">
        <v>47391</v>
      </c>
    </row>
    <row r="2302" spans="1:16" x14ac:dyDescent="0.15">
      <c r="A2302" s="2" t="s">
        <v>66</v>
      </c>
      <c r="B2302" s="2" t="s">
        <v>7768</v>
      </c>
      <c r="C2302" s="4" t="s">
        <v>6</v>
      </c>
      <c r="D2302" s="5" t="s">
        <v>85</v>
      </c>
      <c r="E2302" s="5" t="s">
        <v>7769</v>
      </c>
      <c r="F2302" s="6" t="s">
        <v>7770</v>
      </c>
      <c r="G2302" s="2" t="s">
        <v>7765</v>
      </c>
      <c r="H2302" s="4" t="s">
        <v>9</v>
      </c>
      <c r="I2302" s="5" t="s">
        <v>2449</v>
      </c>
      <c r="J2302" s="5" t="s">
        <v>7766</v>
      </c>
      <c r="K2302" s="5" t="s">
        <v>7767</v>
      </c>
      <c r="L2302" s="6" t="s">
        <v>5</v>
      </c>
      <c r="M2302" s="2" t="s">
        <v>7772</v>
      </c>
      <c r="N2302" s="3">
        <v>40495</v>
      </c>
      <c r="O2302" s="3">
        <v>45047</v>
      </c>
      <c r="P2302" s="3">
        <v>47238</v>
      </c>
    </row>
    <row r="2303" spans="1:16" x14ac:dyDescent="0.15">
      <c r="A2303" s="2" t="s">
        <v>66</v>
      </c>
      <c r="B2303" s="2" t="s">
        <v>7906</v>
      </c>
      <c r="C2303" s="4" t="s">
        <v>6</v>
      </c>
      <c r="D2303" s="5" t="s">
        <v>7904</v>
      </c>
      <c r="E2303" s="5" t="s">
        <v>7907</v>
      </c>
      <c r="F2303" s="6" t="s">
        <v>5</v>
      </c>
      <c r="G2303" s="2" t="s">
        <v>7903</v>
      </c>
      <c r="H2303" s="4" t="s">
        <v>9</v>
      </c>
      <c r="I2303" s="5" t="s">
        <v>6</v>
      </c>
      <c r="J2303" s="5" t="s">
        <v>7904</v>
      </c>
      <c r="K2303" s="5" t="s">
        <v>7905</v>
      </c>
      <c r="L2303" s="6" t="s">
        <v>5</v>
      </c>
      <c r="M2303" s="2" t="s">
        <v>7909</v>
      </c>
      <c r="N2303" s="3">
        <v>44999</v>
      </c>
      <c r="O2303" s="3">
        <v>44999</v>
      </c>
      <c r="P2303" s="3">
        <v>47208</v>
      </c>
    </row>
    <row r="2304" spans="1:16" x14ac:dyDescent="0.15">
      <c r="A2304" s="2" t="s">
        <v>66</v>
      </c>
      <c r="B2304" s="2" t="s">
        <v>8302</v>
      </c>
      <c r="C2304" s="4" t="s">
        <v>6</v>
      </c>
      <c r="D2304" s="5" t="s">
        <v>959</v>
      </c>
      <c r="E2304" s="5" t="s">
        <v>8253</v>
      </c>
      <c r="F2304" s="6" t="s">
        <v>5</v>
      </c>
      <c r="G2304" s="2" t="s">
        <v>8299</v>
      </c>
      <c r="H2304" s="4" t="s">
        <v>9</v>
      </c>
      <c r="I2304" s="5" t="s">
        <v>6</v>
      </c>
      <c r="J2304" s="5" t="s">
        <v>8300</v>
      </c>
      <c r="K2304" s="5" t="s">
        <v>8301</v>
      </c>
      <c r="L2304" s="6" t="s">
        <v>5</v>
      </c>
      <c r="M2304" s="2" t="s">
        <v>8304</v>
      </c>
      <c r="N2304" s="3">
        <v>45128</v>
      </c>
      <c r="O2304" s="3">
        <v>45128</v>
      </c>
      <c r="P2304" s="3">
        <v>47452</v>
      </c>
    </row>
    <row r="2305" spans="1:16" x14ac:dyDescent="0.15">
      <c r="A2305" s="2" t="s">
        <v>66</v>
      </c>
      <c r="B2305" s="2" t="s">
        <v>8918</v>
      </c>
      <c r="C2305" s="4" t="s">
        <v>6</v>
      </c>
      <c r="D2305" s="5" t="s">
        <v>284</v>
      </c>
      <c r="E2305" s="5" t="s">
        <v>285</v>
      </c>
      <c r="F2305" s="6" t="s">
        <v>5</v>
      </c>
      <c r="G2305" s="2" t="s">
        <v>8917</v>
      </c>
      <c r="H2305" s="4" t="s">
        <v>9</v>
      </c>
      <c r="I2305" s="5" t="s">
        <v>6</v>
      </c>
      <c r="J2305" s="5" t="s">
        <v>270</v>
      </c>
      <c r="K2305" s="5" t="s">
        <v>271</v>
      </c>
      <c r="L2305" s="6" t="s">
        <v>5</v>
      </c>
      <c r="M2305" s="2" t="s">
        <v>8919</v>
      </c>
      <c r="N2305" s="3">
        <v>43748</v>
      </c>
      <c r="O2305" s="3">
        <v>43748</v>
      </c>
      <c r="P2305" s="3">
        <v>46477</v>
      </c>
    </row>
    <row r="2306" spans="1:16" x14ac:dyDescent="0.15">
      <c r="A2306" s="2" t="s">
        <v>49</v>
      </c>
      <c r="B2306" s="2" t="s">
        <v>8371</v>
      </c>
      <c r="C2306" s="4" t="s">
        <v>6</v>
      </c>
      <c r="D2306" s="5" t="s">
        <v>396</v>
      </c>
      <c r="E2306" s="5" t="s">
        <v>397</v>
      </c>
      <c r="F2306" s="6" t="s">
        <v>8372</v>
      </c>
      <c r="G2306" s="2"/>
      <c r="H2306" s="4"/>
      <c r="I2306" s="5"/>
      <c r="J2306" s="5"/>
      <c r="K2306" s="5"/>
      <c r="L2306" s="6"/>
      <c r="M2306" s="2" t="s">
        <v>8373</v>
      </c>
      <c r="N2306" s="3">
        <v>38815</v>
      </c>
      <c r="O2306" s="3">
        <v>45108</v>
      </c>
      <c r="P2306" s="3">
        <v>47299</v>
      </c>
    </row>
    <row r="2307" spans="1:16" x14ac:dyDescent="0.15">
      <c r="A2307" s="2" t="s">
        <v>66</v>
      </c>
      <c r="B2307" s="2" t="s">
        <v>8920</v>
      </c>
      <c r="C2307" s="4" t="s">
        <v>6</v>
      </c>
      <c r="D2307" s="5" t="s">
        <v>342</v>
      </c>
      <c r="E2307" s="5" t="s">
        <v>343</v>
      </c>
      <c r="F2307" s="6" t="s">
        <v>8921</v>
      </c>
      <c r="G2307" s="2" t="s">
        <v>8917</v>
      </c>
      <c r="H2307" s="4" t="s">
        <v>9</v>
      </c>
      <c r="I2307" s="5" t="s">
        <v>6</v>
      </c>
      <c r="J2307" s="5" t="s">
        <v>270</v>
      </c>
      <c r="K2307" s="5" t="s">
        <v>271</v>
      </c>
      <c r="L2307" s="6" t="s">
        <v>5</v>
      </c>
      <c r="M2307" s="2" t="s">
        <v>8923</v>
      </c>
      <c r="N2307" s="3">
        <v>39427</v>
      </c>
      <c r="O2307" s="3">
        <v>43770</v>
      </c>
      <c r="P2307" s="3">
        <v>45961</v>
      </c>
    </row>
    <row r="2308" spans="1:16" x14ac:dyDescent="0.15">
      <c r="A2308" s="2" t="s">
        <v>49</v>
      </c>
      <c r="B2308" s="2" t="s">
        <v>8378</v>
      </c>
      <c r="C2308" s="4" t="s">
        <v>6</v>
      </c>
      <c r="D2308" s="5" t="s">
        <v>273</v>
      </c>
      <c r="E2308" s="5" t="s">
        <v>8377</v>
      </c>
      <c r="F2308" s="6" t="s">
        <v>5</v>
      </c>
      <c r="G2308" s="2"/>
      <c r="H2308" s="4"/>
      <c r="I2308" s="5"/>
      <c r="J2308" s="5"/>
      <c r="K2308" s="5"/>
      <c r="L2308" s="6"/>
      <c r="M2308" s="2" t="s">
        <v>8379</v>
      </c>
      <c r="N2308" s="3">
        <v>32429</v>
      </c>
      <c r="O2308" s="3">
        <v>45108</v>
      </c>
      <c r="P2308" s="3">
        <v>47299</v>
      </c>
    </row>
    <row r="2309" spans="1:16" x14ac:dyDescent="0.15">
      <c r="A2309" s="2" t="s">
        <v>49</v>
      </c>
      <c r="B2309" s="2" t="s">
        <v>8380</v>
      </c>
      <c r="C2309" s="4" t="s">
        <v>6</v>
      </c>
      <c r="D2309" s="5" t="s">
        <v>456</v>
      </c>
      <c r="E2309" s="5" t="s">
        <v>520</v>
      </c>
      <c r="F2309" s="6" t="s">
        <v>5</v>
      </c>
      <c r="G2309" s="2"/>
      <c r="H2309" s="4"/>
      <c r="I2309" s="5"/>
      <c r="J2309" s="5"/>
      <c r="K2309" s="5"/>
      <c r="L2309" s="6"/>
      <c r="M2309" s="2" t="s">
        <v>8381</v>
      </c>
      <c r="N2309" s="3">
        <v>45045</v>
      </c>
      <c r="O2309" s="3">
        <v>45045</v>
      </c>
      <c r="P2309" s="3">
        <v>46904</v>
      </c>
    </row>
    <row r="2310" spans="1:16" x14ac:dyDescent="0.15">
      <c r="A2310" s="2" t="s">
        <v>49</v>
      </c>
      <c r="B2310" s="2" t="s">
        <v>8382</v>
      </c>
      <c r="C2310" s="4" t="s">
        <v>6</v>
      </c>
      <c r="D2310" s="5" t="s">
        <v>456</v>
      </c>
      <c r="E2310" s="5" t="s">
        <v>520</v>
      </c>
      <c r="F2310" s="6" t="s">
        <v>5</v>
      </c>
      <c r="G2310" s="2"/>
      <c r="H2310" s="4"/>
      <c r="I2310" s="5"/>
      <c r="J2310" s="5"/>
      <c r="K2310" s="5"/>
      <c r="L2310" s="6"/>
      <c r="M2310" s="2" t="s">
        <v>8383</v>
      </c>
      <c r="N2310" s="3">
        <v>45045</v>
      </c>
      <c r="O2310" s="3">
        <v>45045</v>
      </c>
      <c r="P2310" s="3">
        <v>46904</v>
      </c>
    </row>
    <row r="2311" spans="1:16" x14ac:dyDescent="0.15">
      <c r="A2311" s="2" t="s">
        <v>66</v>
      </c>
      <c r="B2311" s="2" t="s">
        <v>8924</v>
      </c>
      <c r="C2311" s="4" t="s">
        <v>6</v>
      </c>
      <c r="D2311" s="5" t="s">
        <v>301</v>
      </c>
      <c r="E2311" s="5" t="s">
        <v>302</v>
      </c>
      <c r="F2311" s="6" t="s">
        <v>5</v>
      </c>
      <c r="G2311" s="2" t="s">
        <v>8917</v>
      </c>
      <c r="H2311" s="4" t="s">
        <v>9</v>
      </c>
      <c r="I2311" s="5" t="s">
        <v>6</v>
      </c>
      <c r="J2311" s="5" t="s">
        <v>270</v>
      </c>
      <c r="K2311" s="5" t="s">
        <v>271</v>
      </c>
      <c r="L2311" s="6" t="s">
        <v>5</v>
      </c>
      <c r="M2311" s="2" t="s">
        <v>8925</v>
      </c>
      <c r="N2311" s="3">
        <v>43353</v>
      </c>
      <c r="O2311" s="3">
        <v>43353</v>
      </c>
      <c r="P2311" s="3">
        <v>45747</v>
      </c>
    </row>
    <row r="2312" spans="1:16" x14ac:dyDescent="0.15">
      <c r="A2312" s="2" t="s">
        <v>66</v>
      </c>
      <c r="B2312" s="2" t="s">
        <v>8926</v>
      </c>
      <c r="C2312" s="4" t="s">
        <v>6</v>
      </c>
      <c r="D2312" s="5" t="s">
        <v>4244</v>
      </c>
      <c r="E2312" s="5" t="s">
        <v>8927</v>
      </c>
      <c r="F2312" s="6" t="s">
        <v>5</v>
      </c>
      <c r="G2312" s="2" t="s">
        <v>8917</v>
      </c>
      <c r="H2312" s="4" t="s">
        <v>9</v>
      </c>
      <c r="I2312" s="5" t="s">
        <v>6</v>
      </c>
      <c r="J2312" s="5" t="s">
        <v>270</v>
      </c>
      <c r="K2312" s="5" t="s">
        <v>271</v>
      </c>
      <c r="L2312" s="6" t="s">
        <v>5</v>
      </c>
      <c r="M2312" s="2" t="s">
        <v>8928</v>
      </c>
      <c r="N2312" s="3">
        <v>44147</v>
      </c>
      <c r="O2312" s="3">
        <v>44147</v>
      </c>
      <c r="P2312" s="3">
        <v>46934</v>
      </c>
    </row>
    <row r="2313" spans="1:16" x14ac:dyDescent="0.15">
      <c r="A2313" s="2" t="s">
        <v>49</v>
      </c>
      <c r="B2313" s="2" t="s">
        <v>8393</v>
      </c>
      <c r="C2313" s="4" t="s">
        <v>6</v>
      </c>
      <c r="D2313" s="5" t="s">
        <v>8394</v>
      </c>
      <c r="E2313" s="5" t="s">
        <v>8395</v>
      </c>
      <c r="F2313" s="6" t="s">
        <v>5</v>
      </c>
      <c r="G2313" s="2"/>
      <c r="H2313" s="4"/>
      <c r="I2313" s="5"/>
      <c r="J2313" s="5"/>
      <c r="K2313" s="5"/>
      <c r="L2313" s="6"/>
      <c r="M2313" s="2" t="s">
        <v>8396</v>
      </c>
      <c r="N2313" s="3">
        <v>43033</v>
      </c>
      <c r="O2313" s="3">
        <v>45047</v>
      </c>
      <c r="P2313" s="3">
        <v>46873</v>
      </c>
    </row>
    <row r="2314" spans="1:16" x14ac:dyDescent="0.15">
      <c r="A2314" s="2" t="s">
        <v>66</v>
      </c>
      <c r="B2314" s="2" t="s">
        <v>8929</v>
      </c>
      <c r="C2314" s="4" t="s">
        <v>6</v>
      </c>
      <c r="D2314" s="5" t="s">
        <v>270</v>
      </c>
      <c r="E2314" s="5" t="s">
        <v>8930</v>
      </c>
      <c r="F2314" s="6" t="s">
        <v>5</v>
      </c>
      <c r="G2314" s="2" t="s">
        <v>8917</v>
      </c>
      <c r="H2314" s="4" t="s">
        <v>9</v>
      </c>
      <c r="I2314" s="5" t="s">
        <v>6</v>
      </c>
      <c r="J2314" s="5" t="s">
        <v>270</v>
      </c>
      <c r="K2314" s="5" t="s">
        <v>271</v>
      </c>
      <c r="L2314" s="6" t="s">
        <v>5</v>
      </c>
      <c r="M2314" s="2" t="s">
        <v>8931</v>
      </c>
      <c r="N2314" s="3">
        <v>44943</v>
      </c>
      <c r="O2314" s="3">
        <v>44943</v>
      </c>
      <c r="P2314" s="3">
        <v>47208</v>
      </c>
    </row>
    <row r="2315" spans="1:16" x14ac:dyDescent="0.15">
      <c r="A2315" s="2" t="s">
        <v>66</v>
      </c>
      <c r="B2315" s="2" t="s">
        <v>9012</v>
      </c>
      <c r="C2315" s="4" t="s">
        <v>6</v>
      </c>
      <c r="D2315" s="5" t="s">
        <v>140</v>
      </c>
      <c r="E2315" s="5" t="s">
        <v>1942</v>
      </c>
      <c r="F2315" s="6" t="s">
        <v>5</v>
      </c>
      <c r="G2315" s="2" t="s">
        <v>9010</v>
      </c>
      <c r="H2315" s="4" t="s">
        <v>9</v>
      </c>
      <c r="I2315" s="5" t="s">
        <v>6</v>
      </c>
      <c r="J2315" s="5" t="s">
        <v>3544</v>
      </c>
      <c r="K2315" s="5" t="s">
        <v>9011</v>
      </c>
      <c r="L2315" s="6" t="s">
        <v>5</v>
      </c>
      <c r="M2315" s="2" t="s">
        <v>9013</v>
      </c>
      <c r="N2315" s="3">
        <v>36349</v>
      </c>
      <c r="O2315" s="3">
        <v>45200</v>
      </c>
      <c r="P2315" s="3">
        <v>47391</v>
      </c>
    </row>
    <row r="2316" spans="1:16" x14ac:dyDescent="0.15">
      <c r="A2316" s="2" t="s">
        <v>49</v>
      </c>
      <c r="B2316" s="2" t="s">
        <v>8405</v>
      </c>
      <c r="C2316" s="4" t="s">
        <v>6</v>
      </c>
      <c r="D2316" s="5" t="s">
        <v>45</v>
      </c>
      <c r="E2316" s="5" t="s">
        <v>5894</v>
      </c>
      <c r="F2316" s="6" t="s">
        <v>8406</v>
      </c>
      <c r="G2316" s="2"/>
      <c r="H2316" s="4"/>
      <c r="I2316" s="5"/>
      <c r="J2316" s="5"/>
      <c r="K2316" s="5"/>
      <c r="L2316" s="6"/>
      <c r="M2316" s="2" t="s">
        <v>8407</v>
      </c>
      <c r="N2316" s="3">
        <v>45064</v>
      </c>
      <c r="O2316" s="3">
        <v>45064</v>
      </c>
      <c r="P2316" s="3">
        <v>47452</v>
      </c>
    </row>
    <row r="2317" spans="1:16" x14ac:dyDescent="0.15">
      <c r="A2317" s="2" t="s">
        <v>49</v>
      </c>
      <c r="B2317" s="2" t="s">
        <v>8408</v>
      </c>
      <c r="C2317" s="4" t="s">
        <v>6</v>
      </c>
      <c r="D2317" s="5" t="s">
        <v>456</v>
      </c>
      <c r="E2317" s="5" t="s">
        <v>520</v>
      </c>
      <c r="F2317" s="6" t="s">
        <v>5</v>
      </c>
      <c r="G2317" s="2"/>
      <c r="H2317" s="4"/>
      <c r="I2317" s="5"/>
      <c r="J2317" s="5"/>
      <c r="K2317" s="5"/>
      <c r="L2317" s="6"/>
      <c r="M2317" s="2" t="s">
        <v>8409</v>
      </c>
      <c r="N2317" s="3">
        <v>43167</v>
      </c>
      <c r="O2317" s="3">
        <v>45078</v>
      </c>
      <c r="P2317" s="3">
        <v>46904</v>
      </c>
    </row>
    <row r="2318" spans="1:16" x14ac:dyDescent="0.15">
      <c r="A2318" s="2" t="s">
        <v>49</v>
      </c>
      <c r="B2318" s="2" t="s">
        <v>8410</v>
      </c>
      <c r="C2318" s="4" t="s">
        <v>6</v>
      </c>
      <c r="D2318" s="5" t="s">
        <v>500</v>
      </c>
      <c r="E2318" s="5" t="s">
        <v>3622</v>
      </c>
      <c r="F2318" s="6" t="s">
        <v>8411</v>
      </c>
      <c r="G2318" s="2"/>
      <c r="H2318" s="4"/>
      <c r="I2318" s="5"/>
      <c r="J2318" s="5"/>
      <c r="K2318" s="5"/>
      <c r="L2318" s="6"/>
      <c r="M2318" s="2" t="s">
        <v>8412</v>
      </c>
      <c r="N2318" s="3">
        <v>45055</v>
      </c>
      <c r="O2318" s="3">
        <v>45055</v>
      </c>
      <c r="P2318" s="3">
        <v>47269</v>
      </c>
    </row>
    <row r="2319" spans="1:16" x14ac:dyDescent="0.15">
      <c r="A2319" s="2" t="s">
        <v>16</v>
      </c>
      <c r="B2319" s="2" t="s">
        <v>8410</v>
      </c>
      <c r="C2319" s="4" t="s">
        <v>6</v>
      </c>
      <c r="D2319" s="5" t="s">
        <v>500</v>
      </c>
      <c r="E2319" s="5" t="s">
        <v>3622</v>
      </c>
      <c r="F2319" s="6" t="s">
        <v>8411</v>
      </c>
      <c r="G2319" s="2"/>
      <c r="H2319" s="4"/>
      <c r="I2319" s="5"/>
      <c r="J2319" s="5"/>
      <c r="K2319" s="5"/>
      <c r="L2319" s="6"/>
      <c r="M2319" s="2" t="s">
        <v>8413</v>
      </c>
      <c r="N2319" s="3">
        <v>45161</v>
      </c>
      <c r="O2319" s="3">
        <v>45161</v>
      </c>
      <c r="P2319" s="3">
        <v>47634</v>
      </c>
    </row>
    <row r="2320" spans="1:16" x14ac:dyDescent="0.15">
      <c r="A2320" s="2" t="s">
        <v>16</v>
      </c>
      <c r="B2320" s="2" t="s">
        <v>8415</v>
      </c>
      <c r="C2320" s="4" t="s">
        <v>6</v>
      </c>
      <c r="D2320" s="5" t="s">
        <v>2226</v>
      </c>
      <c r="E2320" s="5" t="s">
        <v>8414</v>
      </c>
      <c r="F2320" s="6" t="s">
        <v>5</v>
      </c>
      <c r="G2320" s="2"/>
      <c r="H2320" s="4"/>
      <c r="I2320" s="5"/>
      <c r="J2320" s="5"/>
      <c r="K2320" s="5"/>
      <c r="L2320" s="6"/>
      <c r="M2320" s="2" t="s">
        <v>8416</v>
      </c>
      <c r="N2320" s="3">
        <v>45078</v>
      </c>
      <c r="O2320" s="3">
        <v>45078</v>
      </c>
      <c r="P2320" s="3">
        <v>47391</v>
      </c>
    </row>
    <row r="2321" spans="1:16" x14ac:dyDescent="0.15">
      <c r="A2321" s="2" t="s">
        <v>49</v>
      </c>
      <c r="B2321" s="2" t="s">
        <v>8417</v>
      </c>
      <c r="C2321" s="4" t="s">
        <v>6</v>
      </c>
      <c r="D2321" s="5" t="s">
        <v>1037</v>
      </c>
      <c r="E2321" s="5" t="s">
        <v>8418</v>
      </c>
      <c r="F2321" s="6" t="s">
        <v>8419</v>
      </c>
      <c r="G2321" s="2"/>
      <c r="H2321" s="4"/>
      <c r="I2321" s="5"/>
      <c r="J2321" s="5"/>
      <c r="K2321" s="5"/>
      <c r="L2321" s="6"/>
      <c r="M2321" s="2" t="s">
        <v>8420</v>
      </c>
      <c r="N2321" s="3">
        <v>45102</v>
      </c>
      <c r="O2321" s="3">
        <v>45102</v>
      </c>
      <c r="P2321" s="3">
        <v>47057</v>
      </c>
    </row>
    <row r="2322" spans="1:16" x14ac:dyDescent="0.15">
      <c r="A2322" s="2" t="s">
        <v>66</v>
      </c>
      <c r="B2322" s="2" t="s">
        <v>4491</v>
      </c>
      <c r="C2322" s="4" t="s">
        <v>6</v>
      </c>
      <c r="D2322" s="5" t="s">
        <v>500</v>
      </c>
      <c r="E2322" s="5" t="s">
        <v>5101</v>
      </c>
      <c r="F2322" s="6" t="s">
        <v>10002</v>
      </c>
      <c r="G2322" s="2" t="s">
        <v>10001</v>
      </c>
      <c r="H2322" s="4" t="s">
        <v>9</v>
      </c>
      <c r="I2322" s="5" t="s">
        <v>1182</v>
      </c>
      <c r="J2322" s="5" t="s">
        <v>4489</v>
      </c>
      <c r="K2322" s="5" t="s">
        <v>4490</v>
      </c>
      <c r="L2322" s="6" t="s">
        <v>5</v>
      </c>
      <c r="M2322" s="2" t="s">
        <v>10004</v>
      </c>
      <c r="N2322" s="3">
        <v>45248</v>
      </c>
      <c r="O2322" s="3">
        <v>45248</v>
      </c>
      <c r="P2322" s="3">
        <v>47634</v>
      </c>
    </row>
    <row r="2323" spans="1:16" x14ac:dyDescent="0.15">
      <c r="A2323" s="2" t="s">
        <v>66</v>
      </c>
      <c r="B2323" s="2" t="s">
        <v>10479</v>
      </c>
      <c r="C2323" s="4" t="s">
        <v>6</v>
      </c>
      <c r="D2323" s="5" t="s">
        <v>1148</v>
      </c>
      <c r="E2323" s="5" t="s">
        <v>10483</v>
      </c>
      <c r="F2323" s="6" t="s">
        <v>5</v>
      </c>
      <c r="G2323" s="2" t="s">
        <v>10479</v>
      </c>
      <c r="H2323" s="4" t="s">
        <v>384</v>
      </c>
      <c r="I2323" s="5" t="s">
        <v>10480</v>
      </c>
      <c r="J2323" s="5" t="s">
        <v>10481</v>
      </c>
      <c r="K2323" s="5" t="s">
        <v>10482</v>
      </c>
      <c r="L2323" s="6" t="s">
        <v>5</v>
      </c>
      <c r="M2323" s="2" t="s">
        <v>10484</v>
      </c>
      <c r="N2323" s="3">
        <v>35642</v>
      </c>
      <c r="O2323" s="3">
        <v>45383</v>
      </c>
      <c r="P2323" s="3">
        <v>45747</v>
      </c>
    </row>
    <row r="2324" spans="1:16" x14ac:dyDescent="0.15">
      <c r="A2324" s="2" t="s">
        <v>66</v>
      </c>
      <c r="B2324" s="2" t="s">
        <v>10713</v>
      </c>
      <c r="C2324" s="4" t="s">
        <v>6</v>
      </c>
      <c r="D2324" s="5" t="s">
        <v>2371</v>
      </c>
      <c r="E2324" s="5" t="s">
        <v>10714</v>
      </c>
      <c r="F2324" s="6" t="s">
        <v>5</v>
      </c>
      <c r="G2324" s="2" t="s">
        <v>10713</v>
      </c>
      <c r="H2324" s="4" t="s">
        <v>9</v>
      </c>
      <c r="I2324" s="5" t="s">
        <v>6</v>
      </c>
      <c r="J2324" s="5" t="s">
        <v>2371</v>
      </c>
      <c r="K2324" s="5" t="s">
        <v>10714</v>
      </c>
      <c r="L2324" s="6" t="s">
        <v>5</v>
      </c>
      <c r="M2324" s="2" t="s">
        <v>10715</v>
      </c>
      <c r="N2324" s="3">
        <v>38553</v>
      </c>
      <c r="O2324" s="3">
        <v>45383</v>
      </c>
      <c r="P2324" s="3">
        <v>47573</v>
      </c>
    </row>
    <row r="2325" spans="1:16" x14ac:dyDescent="0.15">
      <c r="A2325" s="2" t="s">
        <v>49</v>
      </c>
      <c r="B2325" s="2" t="s">
        <v>8441</v>
      </c>
      <c r="C2325" s="4" t="s">
        <v>6</v>
      </c>
      <c r="D2325" s="5" t="s">
        <v>531</v>
      </c>
      <c r="E2325" s="5" t="s">
        <v>8440</v>
      </c>
      <c r="F2325" s="6" t="s">
        <v>5</v>
      </c>
      <c r="G2325" s="2"/>
      <c r="H2325" s="4"/>
      <c r="I2325" s="5"/>
      <c r="J2325" s="5"/>
      <c r="K2325" s="5"/>
      <c r="L2325" s="6"/>
      <c r="M2325" s="2" t="s">
        <v>8442</v>
      </c>
      <c r="N2325" s="3">
        <v>45079</v>
      </c>
      <c r="O2325" s="3">
        <v>45079</v>
      </c>
      <c r="P2325" s="3">
        <v>47422</v>
      </c>
    </row>
    <row r="2326" spans="1:16" x14ac:dyDescent="0.15">
      <c r="A2326" s="2" t="s">
        <v>16</v>
      </c>
      <c r="B2326" s="2" t="s">
        <v>8441</v>
      </c>
      <c r="C2326" s="4" t="s">
        <v>6</v>
      </c>
      <c r="D2326" s="5" t="s">
        <v>531</v>
      </c>
      <c r="E2326" s="5" t="s">
        <v>8440</v>
      </c>
      <c r="F2326" s="6" t="s">
        <v>5</v>
      </c>
      <c r="G2326" s="2"/>
      <c r="H2326" s="4"/>
      <c r="I2326" s="5"/>
      <c r="J2326" s="5"/>
      <c r="K2326" s="5"/>
      <c r="L2326" s="6"/>
      <c r="M2326" s="2" t="s">
        <v>8443</v>
      </c>
      <c r="N2326" s="3">
        <v>45079</v>
      </c>
      <c r="O2326" s="3">
        <v>45079</v>
      </c>
      <c r="P2326" s="3">
        <v>47422</v>
      </c>
    </row>
    <row r="2327" spans="1:16" x14ac:dyDescent="0.15">
      <c r="A2327" s="2" t="s">
        <v>49</v>
      </c>
      <c r="B2327" s="2" t="s">
        <v>8444</v>
      </c>
      <c r="C2327" s="4" t="s">
        <v>6</v>
      </c>
      <c r="D2327" s="5" t="s">
        <v>456</v>
      </c>
      <c r="E2327" s="5" t="s">
        <v>520</v>
      </c>
      <c r="F2327" s="6" t="s">
        <v>5</v>
      </c>
      <c r="G2327" s="2"/>
      <c r="H2327" s="4"/>
      <c r="I2327" s="5"/>
      <c r="J2327" s="5"/>
      <c r="K2327" s="5"/>
      <c r="L2327" s="6"/>
      <c r="M2327" s="2" t="s">
        <v>8445</v>
      </c>
      <c r="N2327" s="3">
        <v>41248</v>
      </c>
      <c r="O2327" s="3">
        <v>45078</v>
      </c>
      <c r="P2327" s="3">
        <v>46904</v>
      </c>
    </row>
    <row r="2328" spans="1:16" x14ac:dyDescent="0.15">
      <c r="A2328" s="2" t="s">
        <v>858</v>
      </c>
      <c r="B2328" s="2" t="s">
        <v>8447</v>
      </c>
      <c r="C2328" s="4" t="s">
        <v>6</v>
      </c>
      <c r="D2328" s="5" t="s">
        <v>5410</v>
      </c>
      <c r="E2328" s="5" t="s">
        <v>8446</v>
      </c>
      <c r="F2328" s="6" t="s">
        <v>5</v>
      </c>
      <c r="G2328" s="2"/>
      <c r="H2328" s="4"/>
      <c r="I2328" s="5"/>
      <c r="J2328" s="5"/>
      <c r="K2328" s="5"/>
      <c r="L2328" s="6"/>
      <c r="M2328" s="2" t="s">
        <v>8448</v>
      </c>
      <c r="N2328" s="3">
        <v>38351</v>
      </c>
      <c r="O2328" s="3">
        <v>45108</v>
      </c>
      <c r="P2328" s="3">
        <v>47299</v>
      </c>
    </row>
    <row r="2329" spans="1:16" x14ac:dyDescent="0.15">
      <c r="A2329" s="2" t="s">
        <v>66</v>
      </c>
      <c r="B2329" s="2" t="s">
        <v>10759</v>
      </c>
      <c r="C2329" s="4" t="s">
        <v>6</v>
      </c>
      <c r="D2329" s="5" t="s">
        <v>1977</v>
      </c>
      <c r="E2329" s="5" t="s">
        <v>10758</v>
      </c>
      <c r="F2329" s="6" t="s">
        <v>5</v>
      </c>
      <c r="G2329" s="2" t="s">
        <v>10757</v>
      </c>
      <c r="H2329" s="4" t="s">
        <v>9</v>
      </c>
      <c r="I2329" s="5" t="s">
        <v>6</v>
      </c>
      <c r="J2329" s="5" t="s">
        <v>1977</v>
      </c>
      <c r="K2329" s="5" t="s">
        <v>10758</v>
      </c>
      <c r="L2329" s="6" t="s">
        <v>5</v>
      </c>
      <c r="M2329" s="2" t="s">
        <v>10761</v>
      </c>
      <c r="N2329" s="3">
        <v>43785</v>
      </c>
      <c r="O2329" s="3">
        <v>45383</v>
      </c>
      <c r="P2329" s="3">
        <v>47208</v>
      </c>
    </row>
    <row r="2330" spans="1:16" x14ac:dyDescent="0.15">
      <c r="A2330" s="2" t="s">
        <v>66</v>
      </c>
      <c r="B2330" s="2" t="s">
        <v>10991</v>
      </c>
      <c r="C2330" s="4" t="s">
        <v>6</v>
      </c>
      <c r="D2330" s="5" t="s">
        <v>3498</v>
      </c>
      <c r="E2330" s="5" t="s">
        <v>10992</v>
      </c>
      <c r="F2330" s="6" t="s">
        <v>5</v>
      </c>
      <c r="G2330" s="2" t="s">
        <v>193</v>
      </c>
      <c r="H2330" s="4" t="s">
        <v>195</v>
      </c>
      <c r="I2330" s="5" t="s">
        <v>196</v>
      </c>
      <c r="J2330" s="5" t="s">
        <v>197</v>
      </c>
      <c r="K2330" s="5" t="s">
        <v>198</v>
      </c>
      <c r="L2330" s="6" t="s">
        <v>5</v>
      </c>
      <c r="M2330" s="2" t="s">
        <v>10995</v>
      </c>
      <c r="N2330" s="3">
        <v>40855</v>
      </c>
      <c r="O2330" s="3">
        <v>45413</v>
      </c>
      <c r="P2330" s="3">
        <v>47603</v>
      </c>
    </row>
    <row r="2331" spans="1:16" x14ac:dyDescent="0.15">
      <c r="A2331" s="2" t="s">
        <v>49</v>
      </c>
      <c r="B2331" s="2" t="s">
        <v>8454</v>
      </c>
      <c r="C2331" s="4" t="s">
        <v>6</v>
      </c>
      <c r="D2331" s="5" t="s">
        <v>500</v>
      </c>
      <c r="E2331" s="5" t="s">
        <v>8455</v>
      </c>
      <c r="F2331" s="6" t="s">
        <v>5</v>
      </c>
      <c r="G2331" s="2"/>
      <c r="H2331" s="4"/>
      <c r="I2331" s="5"/>
      <c r="J2331" s="5"/>
      <c r="K2331" s="5"/>
      <c r="L2331" s="6"/>
      <c r="M2331" s="2" t="s">
        <v>8456</v>
      </c>
      <c r="N2331" s="3">
        <v>42866</v>
      </c>
      <c r="O2331" s="3">
        <v>45078</v>
      </c>
      <c r="P2331" s="3">
        <v>47269</v>
      </c>
    </row>
    <row r="2332" spans="1:16" x14ac:dyDescent="0.15">
      <c r="A2332" s="2" t="s">
        <v>49</v>
      </c>
      <c r="B2332" s="2" t="s">
        <v>8457</v>
      </c>
      <c r="C2332" s="4" t="s">
        <v>6</v>
      </c>
      <c r="D2332" s="5" t="s">
        <v>378</v>
      </c>
      <c r="E2332" s="5" t="s">
        <v>8458</v>
      </c>
      <c r="F2332" s="6" t="s">
        <v>5</v>
      </c>
      <c r="G2332" s="2"/>
      <c r="H2332" s="4"/>
      <c r="I2332" s="5"/>
      <c r="J2332" s="5"/>
      <c r="K2332" s="5"/>
      <c r="L2332" s="6"/>
      <c r="M2332" s="2" t="s">
        <v>8459</v>
      </c>
      <c r="N2332" s="3">
        <v>40512</v>
      </c>
      <c r="O2332" s="3">
        <v>45078</v>
      </c>
      <c r="P2332" s="3">
        <v>47269</v>
      </c>
    </row>
    <row r="2333" spans="1:16" x14ac:dyDescent="0.15">
      <c r="A2333" s="2" t="s">
        <v>66</v>
      </c>
      <c r="B2333" s="2" t="s">
        <v>11241</v>
      </c>
      <c r="C2333" s="4" t="s">
        <v>6</v>
      </c>
      <c r="D2333" s="5" t="s">
        <v>2816</v>
      </c>
      <c r="E2333" s="5" t="s">
        <v>11242</v>
      </c>
      <c r="F2333" s="6" t="s">
        <v>5</v>
      </c>
      <c r="G2333" s="2" t="s">
        <v>11241</v>
      </c>
      <c r="H2333" s="4" t="s">
        <v>9</v>
      </c>
      <c r="I2333" s="5" t="s">
        <v>6</v>
      </c>
      <c r="J2333" s="5" t="s">
        <v>2816</v>
      </c>
      <c r="K2333" s="5" t="s">
        <v>11242</v>
      </c>
      <c r="L2333" s="6" t="s">
        <v>5</v>
      </c>
      <c r="M2333" s="2" t="s">
        <v>11243</v>
      </c>
      <c r="N2333" s="3">
        <v>34688</v>
      </c>
      <c r="O2333" s="3">
        <v>45474</v>
      </c>
      <c r="P2333" s="3">
        <v>48029</v>
      </c>
    </row>
    <row r="2334" spans="1:16" x14ac:dyDescent="0.15">
      <c r="A2334" s="2" t="s">
        <v>66</v>
      </c>
      <c r="B2334" s="2" t="s">
        <v>11278</v>
      </c>
      <c r="C2334" s="4" t="s">
        <v>6</v>
      </c>
      <c r="D2334" s="5" t="s">
        <v>1072</v>
      </c>
      <c r="E2334" s="5" t="s">
        <v>11279</v>
      </c>
      <c r="F2334" s="6" t="s">
        <v>5</v>
      </c>
      <c r="G2334" s="2" t="s">
        <v>11278</v>
      </c>
      <c r="H2334" s="4" t="s">
        <v>9</v>
      </c>
      <c r="I2334" s="5" t="s">
        <v>6</v>
      </c>
      <c r="J2334" s="5" t="s">
        <v>1072</v>
      </c>
      <c r="K2334" s="5" t="s">
        <v>11279</v>
      </c>
      <c r="L2334" s="6" t="s">
        <v>5</v>
      </c>
      <c r="M2334" s="2" t="s">
        <v>11281</v>
      </c>
      <c r="N2334" s="3">
        <v>36572</v>
      </c>
      <c r="O2334" s="3">
        <v>45474</v>
      </c>
      <c r="P2334" s="3">
        <v>47664</v>
      </c>
    </row>
    <row r="2335" spans="1:16" x14ac:dyDescent="0.15">
      <c r="A2335" s="2" t="s">
        <v>3385</v>
      </c>
      <c r="B2335" s="2" t="s">
        <v>3382</v>
      </c>
      <c r="C2335" s="4" t="s">
        <v>6</v>
      </c>
      <c r="D2335" s="5" t="s">
        <v>1148</v>
      </c>
      <c r="E2335" s="5" t="s">
        <v>3383</v>
      </c>
      <c r="F2335" s="6" t="s">
        <v>3384</v>
      </c>
      <c r="G2335" s="2" t="s">
        <v>3380</v>
      </c>
      <c r="H2335" s="4" t="s">
        <v>9</v>
      </c>
      <c r="I2335" s="5" t="s">
        <v>6</v>
      </c>
      <c r="J2335" s="5" t="s">
        <v>3381</v>
      </c>
      <c r="K2335" s="5" t="s">
        <v>5</v>
      </c>
      <c r="L2335" s="6" t="s">
        <v>5</v>
      </c>
      <c r="M2335" s="2" t="s">
        <v>3386</v>
      </c>
      <c r="N2335" s="3">
        <v>38888</v>
      </c>
      <c r="O2335" s="3">
        <v>44652</v>
      </c>
      <c r="P2335" s="3">
        <v>46477</v>
      </c>
    </row>
    <row r="2336" spans="1:16" x14ac:dyDescent="0.15">
      <c r="A2336" s="2" t="s">
        <v>16</v>
      </c>
      <c r="B2336" s="2" t="s">
        <v>8477</v>
      </c>
      <c r="C2336" s="4" t="s">
        <v>6</v>
      </c>
      <c r="D2336" s="5" t="s">
        <v>6822</v>
      </c>
      <c r="E2336" s="5" t="s">
        <v>8478</v>
      </c>
      <c r="F2336" s="6" t="s">
        <v>5</v>
      </c>
      <c r="G2336" s="2"/>
      <c r="H2336" s="4"/>
      <c r="I2336" s="5"/>
      <c r="J2336" s="5"/>
      <c r="K2336" s="5"/>
      <c r="L2336" s="6"/>
      <c r="M2336" s="2" t="s">
        <v>8479</v>
      </c>
      <c r="N2336" s="3">
        <v>45295</v>
      </c>
      <c r="O2336" s="3">
        <v>45295</v>
      </c>
      <c r="P2336" s="3">
        <v>47787</v>
      </c>
    </row>
    <row r="2337" spans="1:16" x14ac:dyDescent="0.15">
      <c r="A2337" s="2" t="s">
        <v>4215</v>
      </c>
      <c r="B2337" s="2" t="s">
        <v>4212</v>
      </c>
      <c r="C2337" s="4" t="s">
        <v>6</v>
      </c>
      <c r="D2337" s="5" t="s">
        <v>4213</v>
      </c>
      <c r="E2337" s="5" t="s">
        <v>4214</v>
      </c>
      <c r="F2337" s="6" t="s">
        <v>5</v>
      </c>
      <c r="G2337" s="2" t="s">
        <v>4212</v>
      </c>
      <c r="H2337" s="4" t="s">
        <v>9</v>
      </c>
      <c r="I2337" s="5" t="s">
        <v>6</v>
      </c>
      <c r="J2337" s="5" t="s">
        <v>4213</v>
      </c>
      <c r="K2337" s="5" t="s">
        <v>4214</v>
      </c>
      <c r="L2337" s="6" t="s">
        <v>5</v>
      </c>
      <c r="M2337" s="2" t="s">
        <v>4216</v>
      </c>
      <c r="N2337" s="3">
        <v>36393</v>
      </c>
      <c r="O2337" s="3">
        <v>44652</v>
      </c>
      <c r="P2337" s="3">
        <v>46843</v>
      </c>
    </row>
    <row r="2338" spans="1:16" x14ac:dyDescent="0.15">
      <c r="A2338" s="2" t="s">
        <v>2115</v>
      </c>
      <c r="B2338" s="2" t="s">
        <v>4212</v>
      </c>
      <c r="C2338" s="4" t="s">
        <v>6</v>
      </c>
      <c r="D2338" s="5" t="s">
        <v>4213</v>
      </c>
      <c r="E2338" s="5" t="s">
        <v>4214</v>
      </c>
      <c r="F2338" s="6" t="s">
        <v>5</v>
      </c>
      <c r="G2338" s="2" t="s">
        <v>4212</v>
      </c>
      <c r="H2338" s="4" t="s">
        <v>9</v>
      </c>
      <c r="I2338" s="5" t="s">
        <v>6</v>
      </c>
      <c r="J2338" s="5" t="s">
        <v>4213</v>
      </c>
      <c r="K2338" s="5" t="s">
        <v>4214</v>
      </c>
      <c r="L2338" s="6" t="s">
        <v>5</v>
      </c>
      <c r="M2338" s="2" t="s">
        <v>4217</v>
      </c>
      <c r="N2338" s="3">
        <v>36393</v>
      </c>
      <c r="O2338" s="3">
        <v>44652</v>
      </c>
      <c r="P2338" s="3">
        <v>46843</v>
      </c>
    </row>
    <row r="2339" spans="1:16" x14ac:dyDescent="0.15">
      <c r="A2339" s="2" t="s">
        <v>49</v>
      </c>
      <c r="B2339" s="2" t="s">
        <v>8489</v>
      </c>
      <c r="C2339" s="4" t="s">
        <v>6</v>
      </c>
      <c r="D2339" s="5" t="s">
        <v>45</v>
      </c>
      <c r="E2339" s="5" t="s">
        <v>8490</v>
      </c>
      <c r="F2339" s="6" t="s">
        <v>8491</v>
      </c>
      <c r="G2339" s="2"/>
      <c r="H2339" s="4"/>
      <c r="I2339" s="5"/>
      <c r="J2339" s="5"/>
      <c r="K2339" s="5"/>
      <c r="L2339" s="6"/>
      <c r="M2339" s="2" t="s">
        <v>8492</v>
      </c>
      <c r="N2339" s="3">
        <v>45078</v>
      </c>
      <c r="O2339" s="3">
        <v>45078</v>
      </c>
      <c r="P2339" s="3">
        <v>47452</v>
      </c>
    </row>
    <row r="2340" spans="1:16" x14ac:dyDescent="0.15">
      <c r="A2340" s="2" t="s">
        <v>49</v>
      </c>
      <c r="B2340" s="2" t="s">
        <v>8494</v>
      </c>
      <c r="C2340" s="4" t="s">
        <v>6</v>
      </c>
      <c r="D2340" s="5" t="s">
        <v>134</v>
      </c>
      <c r="E2340" s="5" t="s">
        <v>8493</v>
      </c>
      <c r="F2340" s="6" t="s">
        <v>5</v>
      </c>
      <c r="G2340" s="2"/>
      <c r="H2340" s="4"/>
      <c r="I2340" s="5"/>
      <c r="J2340" s="5"/>
      <c r="K2340" s="5"/>
      <c r="L2340" s="6"/>
      <c r="M2340" s="2" t="s">
        <v>8495</v>
      </c>
      <c r="N2340" s="3">
        <v>45075</v>
      </c>
      <c r="O2340" s="3">
        <v>45075</v>
      </c>
      <c r="P2340" s="3">
        <v>47057</v>
      </c>
    </row>
    <row r="2341" spans="1:16" x14ac:dyDescent="0.15">
      <c r="A2341" s="2" t="s">
        <v>49</v>
      </c>
      <c r="B2341" s="2" t="s">
        <v>8496</v>
      </c>
      <c r="C2341" s="4" t="s">
        <v>6</v>
      </c>
      <c r="D2341" s="5" t="s">
        <v>500</v>
      </c>
      <c r="E2341" s="5" t="s">
        <v>8497</v>
      </c>
      <c r="F2341" s="6" t="s">
        <v>5</v>
      </c>
      <c r="G2341" s="2"/>
      <c r="H2341" s="4"/>
      <c r="I2341" s="5"/>
      <c r="J2341" s="5"/>
      <c r="K2341" s="5"/>
      <c r="L2341" s="6"/>
      <c r="M2341" s="2" t="s">
        <v>8498</v>
      </c>
      <c r="N2341" s="3">
        <v>42587</v>
      </c>
      <c r="O2341" s="3">
        <v>45078</v>
      </c>
      <c r="P2341" s="3">
        <v>47269</v>
      </c>
    </row>
    <row r="2342" spans="1:16" x14ac:dyDescent="0.15">
      <c r="A2342" s="2" t="s">
        <v>2115</v>
      </c>
      <c r="B2342" s="2" t="s">
        <v>5674</v>
      </c>
      <c r="C2342" s="4" t="s">
        <v>6</v>
      </c>
      <c r="D2342" s="5" t="s">
        <v>2454</v>
      </c>
      <c r="E2342" s="5" t="s">
        <v>5673</v>
      </c>
      <c r="F2342" s="6" t="s">
        <v>5</v>
      </c>
      <c r="G2342" s="2" t="s">
        <v>5672</v>
      </c>
      <c r="H2342" s="4" t="s">
        <v>9</v>
      </c>
      <c r="I2342" s="5" t="s">
        <v>6</v>
      </c>
      <c r="J2342" s="5" t="s">
        <v>2454</v>
      </c>
      <c r="K2342" s="5" t="s">
        <v>5673</v>
      </c>
      <c r="L2342" s="6" t="s">
        <v>5</v>
      </c>
      <c r="M2342" s="2" t="s">
        <v>5675</v>
      </c>
      <c r="N2342" s="3">
        <v>34361</v>
      </c>
      <c r="O2342" s="3">
        <v>44743</v>
      </c>
      <c r="P2342" s="3">
        <v>46568</v>
      </c>
    </row>
    <row r="2343" spans="1:16" x14ac:dyDescent="0.15">
      <c r="A2343" s="2" t="s">
        <v>49</v>
      </c>
      <c r="B2343" s="2" t="s">
        <v>8505</v>
      </c>
      <c r="C2343" s="4" t="s">
        <v>6</v>
      </c>
      <c r="D2343" s="5" t="s">
        <v>456</v>
      </c>
      <c r="E2343" s="5" t="s">
        <v>520</v>
      </c>
      <c r="F2343" s="6" t="s">
        <v>5</v>
      </c>
      <c r="G2343" s="2"/>
      <c r="H2343" s="4"/>
      <c r="I2343" s="5"/>
      <c r="J2343" s="5"/>
      <c r="K2343" s="5"/>
      <c r="L2343" s="6"/>
      <c r="M2343" s="2" t="s">
        <v>8506</v>
      </c>
      <c r="N2343" s="3">
        <v>39288</v>
      </c>
      <c r="O2343" s="3">
        <v>45078</v>
      </c>
      <c r="P2343" s="3">
        <v>46904</v>
      </c>
    </row>
    <row r="2344" spans="1:16" x14ac:dyDescent="0.15">
      <c r="A2344" s="2" t="s">
        <v>2115</v>
      </c>
      <c r="B2344" s="2" t="s">
        <v>6981</v>
      </c>
      <c r="C2344" s="4" t="s">
        <v>6</v>
      </c>
      <c r="D2344" s="5" t="s">
        <v>2167</v>
      </c>
      <c r="E2344" s="5" t="s">
        <v>6982</v>
      </c>
      <c r="F2344" s="6" t="s">
        <v>5</v>
      </c>
      <c r="G2344" s="2" t="s">
        <v>6973</v>
      </c>
      <c r="H2344" s="4" t="s">
        <v>9</v>
      </c>
      <c r="I2344" s="5" t="s">
        <v>6</v>
      </c>
      <c r="J2344" s="5" t="s">
        <v>6974</v>
      </c>
      <c r="K2344" s="5" t="s">
        <v>2766</v>
      </c>
      <c r="L2344" s="6" t="s">
        <v>5</v>
      </c>
      <c r="M2344" s="2" t="s">
        <v>6983</v>
      </c>
      <c r="N2344" s="3">
        <v>42919</v>
      </c>
      <c r="O2344" s="3">
        <v>45383</v>
      </c>
      <c r="P2344" s="3">
        <v>47573</v>
      </c>
    </row>
    <row r="2345" spans="1:16" x14ac:dyDescent="0.15">
      <c r="A2345" s="2" t="s">
        <v>49</v>
      </c>
      <c r="B2345" s="2" t="s">
        <v>8511</v>
      </c>
      <c r="C2345" s="4" t="s">
        <v>6</v>
      </c>
      <c r="D2345" s="5" t="s">
        <v>378</v>
      </c>
      <c r="E2345" s="5" t="s">
        <v>8512</v>
      </c>
      <c r="F2345" s="6" t="s">
        <v>8513</v>
      </c>
      <c r="G2345" s="2"/>
      <c r="H2345" s="4"/>
      <c r="I2345" s="5"/>
      <c r="J2345" s="5"/>
      <c r="K2345" s="5"/>
      <c r="L2345" s="6"/>
      <c r="M2345" s="2" t="s">
        <v>8514</v>
      </c>
      <c r="N2345" s="3">
        <v>45072</v>
      </c>
      <c r="O2345" s="3">
        <v>45072</v>
      </c>
      <c r="P2345" s="3">
        <v>47269</v>
      </c>
    </row>
    <row r="2346" spans="1:16" x14ac:dyDescent="0.15">
      <c r="A2346" s="2" t="s">
        <v>49</v>
      </c>
      <c r="B2346" s="2" t="s">
        <v>8515</v>
      </c>
      <c r="C2346" s="4" t="s">
        <v>6</v>
      </c>
      <c r="D2346" s="5" t="s">
        <v>6170</v>
      </c>
      <c r="E2346" s="5" t="s">
        <v>8516</v>
      </c>
      <c r="F2346" s="6" t="s">
        <v>5</v>
      </c>
      <c r="G2346" s="2"/>
      <c r="H2346" s="4"/>
      <c r="I2346" s="5"/>
      <c r="J2346" s="5"/>
      <c r="K2346" s="5"/>
      <c r="L2346" s="6"/>
      <c r="M2346" s="2" t="s">
        <v>8517</v>
      </c>
      <c r="N2346" s="3">
        <v>45097</v>
      </c>
      <c r="O2346" s="3">
        <v>45097</v>
      </c>
      <c r="P2346" s="3">
        <v>47391</v>
      </c>
    </row>
    <row r="2347" spans="1:16" x14ac:dyDescent="0.15">
      <c r="A2347" s="2" t="s">
        <v>16</v>
      </c>
      <c r="B2347" s="2" t="s">
        <v>8518</v>
      </c>
      <c r="C2347" s="4" t="s">
        <v>6</v>
      </c>
      <c r="D2347" s="5" t="s">
        <v>2089</v>
      </c>
      <c r="E2347" s="5" t="s">
        <v>3178</v>
      </c>
      <c r="F2347" s="6" t="s">
        <v>8519</v>
      </c>
      <c r="G2347" s="2"/>
      <c r="H2347" s="4"/>
      <c r="I2347" s="5"/>
      <c r="J2347" s="5"/>
      <c r="K2347" s="5"/>
      <c r="L2347" s="6"/>
      <c r="M2347" s="2" t="s">
        <v>8520</v>
      </c>
      <c r="N2347" s="3">
        <v>45073</v>
      </c>
      <c r="O2347" s="3">
        <v>45073</v>
      </c>
      <c r="P2347" s="3">
        <v>47452</v>
      </c>
    </row>
    <row r="2348" spans="1:16" x14ac:dyDescent="0.15">
      <c r="A2348" s="2" t="s">
        <v>49</v>
      </c>
      <c r="B2348" s="2" t="s">
        <v>8521</v>
      </c>
      <c r="C2348" s="4" t="s">
        <v>6</v>
      </c>
      <c r="D2348" s="5" t="s">
        <v>558</v>
      </c>
      <c r="E2348" s="5" t="s">
        <v>8522</v>
      </c>
      <c r="F2348" s="6" t="s">
        <v>5</v>
      </c>
      <c r="G2348" s="2"/>
      <c r="H2348" s="4"/>
      <c r="I2348" s="5"/>
      <c r="J2348" s="5"/>
      <c r="K2348" s="5"/>
      <c r="L2348" s="6"/>
      <c r="M2348" s="2" t="s">
        <v>8523</v>
      </c>
      <c r="N2348" s="3">
        <v>31541</v>
      </c>
      <c r="O2348" s="3">
        <v>45108</v>
      </c>
      <c r="P2348" s="3">
        <v>46934</v>
      </c>
    </row>
    <row r="2349" spans="1:16" x14ac:dyDescent="0.15">
      <c r="A2349" s="2" t="s">
        <v>6987</v>
      </c>
      <c r="B2349" s="2" t="s">
        <v>6986</v>
      </c>
      <c r="C2349" s="4" t="s">
        <v>6</v>
      </c>
      <c r="D2349" s="5" t="s">
        <v>6974</v>
      </c>
      <c r="E2349" s="5" t="s">
        <v>2766</v>
      </c>
      <c r="F2349" s="6" t="s">
        <v>5</v>
      </c>
      <c r="G2349" s="2" t="s">
        <v>6973</v>
      </c>
      <c r="H2349" s="4" t="s">
        <v>9</v>
      </c>
      <c r="I2349" s="5" t="s">
        <v>6</v>
      </c>
      <c r="J2349" s="5" t="s">
        <v>6974</v>
      </c>
      <c r="K2349" s="5" t="s">
        <v>2766</v>
      </c>
      <c r="L2349" s="6" t="s">
        <v>5</v>
      </c>
      <c r="M2349" s="2" t="s">
        <v>6988</v>
      </c>
      <c r="N2349" s="3">
        <v>41982</v>
      </c>
      <c r="O2349" s="3">
        <v>44136</v>
      </c>
      <c r="P2349" s="3">
        <v>46326</v>
      </c>
    </row>
    <row r="2350" spans="1:16" x14ac:dyDescent="0.15">
      <c r="A2350" s="2" t="s">
        <v>49</v>
      </c>
      <c r="B2350" s="2" t="s">
        <v>8529</v>
      </c>
      <c r="C2350" s="4" t="s">
        <v>6</v>
      </c>
      <c r="D2350" s="5" t="s">
        <v>500</v>
      </c>
      <c r="E2350" s="5" t="s">
        <v>8530</v>
      </c>
      <c r="F2350" s="6" t="s">
        <v>8531</v>
      </c>
      <c r="G2350" s="2"/>
      <c r="H2350" s="4"/>
      <c r="I2350" s="5"/>
      <c r="J2350" s="5"/>
      <c r="K2350" s="5"/>
      <c r="L2350" s="6"/>
      <c r="M2350" s="2" t="s">
        <v>8532</v>
      </c>
      <c r="N2350" s="3">
        <v>38677</v>
      </c>
      <c r="O2350" s="3">
        <v>45078</v>
      </c>
      <c r="P2350" s="3">
        <v>47269</v>
      </c>
    </row>
    <row r="2351" spans="1:16" x14ac:dyDescent="0.15">
      <c r="A2351" s="2" t="s">
        <v>49</v>
      </c>
      <c r="B2351" s="2" t="s">
        <v>8534</v>
      </c>
      <c r="C2351" s="4" t="s">
        <v>6</v>
      </c>
      <c r="D2351" s="5" t="s">
        <v>8533</v>
      </c>
      <c r="E2351" s="5" t="s">
        <v>8535</v>
      </c>
      <c r="F2351" s="6" t="s">
        <v>5</v>
      </c>
      <c r="G2351" s="2"/>
      <c r="H2351" s="4"/>
      <c r="I2351" s="5"/>
      <c r="J2351" s="5"/>
      <c r="K2351" s="5"/>
      <c r="L2351" s="6"/>
      <c r="M2351" s="2" t="s">
        <v>8536</v>
      </c>
      <c r="N2351" s="3">
        <v>35271</v>
      </c>
      <c r="O2351" s="3">
        <v>45108</v>
      </c>
      <c r="P2351" s="3">
        <v>47299</v>
      </c>
    </row>
    <row r="2352" spans="1:16" x14ac:dyDescent="0.15">
      <c r="A2352" s="2" t="s">
        <v>49</v>
      </c>
      <c r="B2352" s="2" t="s">
        <v>8538</v>
      </c>
      <c r="C2352" s="4" t="s">
        <v>6</v>
      </c>
      <c r="D2352" s="5" t="s">
        <v>6663</v>
      </c>
      <c r="E2352" s="5" t="s">
        <v>8537</v>
      </c>
      <c r="F2352" s="6" t="s">
        <v>5</v>
      </c>
      <c r="G2352" s="2"/>
      <c r="H2352" s="4"/>
      <c r="I2352" s="5"/>
      <c r="J2352" s="5"/>
      <c r="K2352" s="5"/>
      <c r="L2352" s="6"/>
      <c r="M2352" s="2" t="s">
        <v>8539</v>
      </c>
      <c r="N2352" s="3">
        <v>31011</v>
      </c>
      <c r="O2352" s="3">
        <v>45108</v>
      </c>
      <c r="P2352" s="3">
        <v>47299</v>
      </c>
    </row>
    <row r="2353" spans="1:16" x14ac:dyDescent="0.15">
      <c r="A2353" s="2" t="s">
        <v>49</v>
      </c>
      <c r="B2353" s="2" t="s">
        <v>8540</v>
      </c>
      <c r="C2353" s="4" t="s">
        <v>6</v>
      </c>
      <c r="D2353" s="5" t="s">
        <v>247</v>
      </c>
      <c r="E2353" s="5" t="s">
        <v>8541</v>
      </c>
      <c r="F2353" s="6" t="s">
        <v>8542</v>
      </c>
      <c r="G2353" s="2"/>
      <c r="H2353" s="4"/>
      <c r="I2353" s="5"/>
      <c r="J2353" s="5"/>
      <c r="K2353" s="5"/>
      <c r="L2353" s="6"/>
      <c r="M2353" s="2" t="s">
        <v>8543</v>
      </c>
      <c r="N2353" s="3">
        <v>42563</v>
      </c>
      <c r="O2353" s="3">
        <v>45078</v>
      </c>
      <c r="P2353" s="3">
        <v>47269</v>
      </c>
    </row>
    <row r="2354" spans="1:16" x14ac:dyDescent="0.15">
      <c r="A2354" s="2" t="s">
        <v>49</v>
      </c>
      <c r="B2354" s="2" t="s">
        <v>8544</v>
      </c>
      <c r="C2354" s="4" t="s">
        <v>6</v>
      </c>
      <c r="D2354" s="5" t="s">
        <v>123</v>
      </c>
      <c r="E2354" s="5" t="s">
        <v>8545</v>
      </c>
      <c r="F2354" s="6" t="s">
        <v>5</v>
      </c>
      <c r="G2354" s="2"/>
      <c r="H2354" s="4"/>
      <c r="I2354" s="5"/>
      <c r="J2354" s="5"/>
      <c r="K2354" s="5"/>
      <c r="L2354" s="6"/>
      <c r="M2354" s="2" t="s">
        <v>8546</v>
      </c>
      <c r="N2354" s="3">
        <v>45075</v>
      </c>
      <c r="O2354" s="3">
        <v>45075</v>
      </c>
      <c r="P2354" s="3">
        <v>47573</v>
      </c>
    </row>
    <row r="2355" spans="1:16" x14ac:dyDescent="0.15">
      <c r="A2355" s="2" t="s">
        <v>6987</v>
      </c>
      <c r="B2355" s="2" t="s">
        <v>10438</v>
      </c>
      <c r="C2355" s="4" t="s">
        <v>6</v>
      </c>
      <c r="D2355" s="5" t="s">
        <v>10441</v>
      </c>
      <c r="E2355" s="5" t="s">
        <v>10440</v>
      </c>
      <c r="F2355" s="6" t="s">
        <v>5</v>
      </c>
      <c r="G2355" s="2" t="s">
        <v>10438</v>
      </c>
      <c r="H2355" s="4" t="s">
        <v>9</v>
      </c>
      <c r="I2355" s="5" t="s">
        <v>6</v>
      </c>
      <c r="J2355" s="5" t="s">
        <v>10439</v>
      </c>
      <c r="K2355" s="5" t="s">
        <v>10440</v>
      </c>
      <c r="L2355" s="6" t="s">
        <v>5</v>
      </c>
      <c r="M2355" s="2" t="s">
        <v>10442</v>
      </c>
      <c r="N2355" s="3">
        <v>34537</v>
      </c>
      <c r="O2355" s="3">
        <v>45383</v>
      </c>
      <c r="P2355" s="3">
        <v>47208</v>
      </c>
    </row>
    <row r="2356" spans="1:16" x14ac:dyDescent="0.15">
      <c r="A2356" s="2" t="s">
        <v>49</v>
      </c>
      <c r="B2356" s="2" t="s">
        <v>8553</v>
      </c>
      <c r="C2356" s="4" t="s">
        <v>6</v>
      </c>
      <c r="D2356" s="5" t="s">
        <v>247</v>
      </c>
      <c r="E2356" s="5" t="s">
        <v>1307</v>
      </c>
      <c r="F2356" s="6" t="s">
        <v>8554</v>
      </c>
      <c r="G2356" s="2"/>
      <c r="H2356" s="4"/>
      <c r="I2356" s="5"/>
      <c r="J2356" s="5"/>
      <c r="K2356" s="5"/>
      <c r="L2356" s="6"/>
      <c r="M2356" s="2" t="s">
        <v>8555</v>
      </c>
      <c r="N2356" s="3">
        <v>40694</v>
      </c>
      <c r="O2356" s="3">
        <v>45078</v>
      </c>
      <c r="P2356" s="3">
        <v>47269</v>
      </c>
    </row>
    <row r="2357" spans="1:16" x14ac:dyDescent="0.15">
      <c r="A2357" s="2" t="s">
        <v>16</v>
      </c>
      <c r="B2357" s="2" t="s">
        <v>8557</v>
      </c>
      <c r="C2357" s="4" t="s">
        <v>6</v>
      </c>
      <c r="D2357" s="5" t="s">
        <v>7294</v>
      </c>
      <c r="E2357" s="5" t="s">
        <v>8556</v>
      </c>
      <c r="F2357" s="6" t="s">
        <v>5</v>
      </c>
      <c r="G2357" s="2"/>
      <c r="H2357" s="4"/>
      <c r="I2357" s="5"/>
      <c r="J2357" s="5"/>
      <c r="K2357" s="5"/>
      <c r="L2357" s="6"/>
      <c r="M2357" s="2" t="s">
        <v>8558</v>
      </c>
      <c r="N2357" s="3">
        <v>34075</v>
      </c>
      <c r="O2357" s="3">
        <v>45108</v>
      </c>
      <c r="P2357" s="3">
        <v>47299</v>
      </c>
    </row>
    <row r="2358" spans="1:16" x14ac:dyDescent="0.15">
      <c r="A2358" s="2" t="s">
        <v>16</v>
      </c>
      <c r="B2358" s="2" t="s">
        <v>11</v>
      </c>
      <c r="C2358" s="4" t="s">
        <v>6</v>
      </c>
      <c r="D2358" s="5" t="s">
        <v>12</v>
      </c>
      <c r="E2358" s="5" t="s">
        <v>13</v>
      </c>
      <c r="F2358" s="6" t="s">
        <v>5</v>
      </c>
      <c r="G2358" s="2" t="s">
        <v>7</v>
      </c>
      <c r="H2358" s="4" t="s">
        <v>9</v>
      </c>
      <c r="I2358" s="5" t="s">
        <v>6</v>
      </c>
      <c r="J2358" s="5" t="s">
        <v>10</v>
      </c>
      <c r="K2358" s="5" t="s">
        <v>5</v>
      </c>
      <c r="L2358" s="6" t="s">
        <v>5</v>
      </c>
      <c r="M2358" s="2" t="s">
        <v>17</v>
      </c>
      <c r="N2358" s="3">
        <v>39981</v>
      </c>
      <c r="O2358" s="3">
        <v>45047</v>
      </c>
      <c r="P2358" s="3">
        <v>47603</v>
      </c>
    </row>
    <row r="2359" spans="1:16" x14ac:dyDescent="0.15">
      <c r="A2359" s="2" t="s">
        <v>49</v>
      </c>
      <c r="B2359" s="2" t="s">
        <v>8563</v>
      </c>
      <c r="C2359" s="4" t="s">
        <v>6</v>
      </c>
      <c r="D2359" s="5" t="s">
        <v>7800</v>
      </c>
      <c r="E2359" s="5" t="s">
        <v>4829</v>
      </c>
      <c r="F2359" s="6" t="s">
        <v>5</v>
      </c>
      <c r="G2359" s="2"/>
      <c r="H2359" s="4"/>
      <c r="I2359" s="5"/>
      <c r="J2359" s="5"/>
      <c r="K2359" s="5"/>
      <c r="L2359" s="6"/>
      <c r="M2359" s="2" t="s">
        <v>8564</v>
      </c>
      <c r="N2359" s="3">
        <v>45072</v>
      </c>
      <c r="O2359" s="3">
        <v>45072</v>
      </c>
      <c r="P2359" s="3">
        <v>47603</v>
      </c>
    </row>
    <row r="2360" spans="1:16" x14ac:dyDescent="0.15">
      <c r="A2360" s="2" t="s">
        <v>49</v>
      </c>
      <c r="B2360" s="2" t="s">
        <v>8566</v>
      </c>
      <c r="C2360" s="4" t="s">
        <v>6</v>
      </c>
      <c r="D2360" s="5" t="s">
        <v>762</v>
      </c>
      <c r="E2360" s="5" t="s">
        <v>8565</v>
      </c>
      <c r="F2360" s="6" t="s">
        <v>5</v>
      </c>
      <c r="G2360" s="2"/>
      <c r="H2360" s="4"/>
      <c r="I2360" s="5"/>
      <c r="J2360" s="5"/>
      <c r="K2360" s="5"/>
      <c r="L2360" s="6"/>
      <c r="M2360" s="2" t="s">
        <v>8567</v>
      </c>
      <c r="N2360" s="3">
        <v>40682</v>
      </c>
      <c r="O2360" s="3">
        <v>45108</v>
      </c>
      <c r="P2360" s="3">
        <v>47299</v>
      </c>
    </row>
    <row r="2361" spans="1:16" x14ac:dyDescent="0.15">
      <c r="A2361" s="2" t="s">
        <v>49</v>
      </c>
      <c r="B2361" s="2" t="s">
        <v>8568</v>
      </c>
      <c r="C2361" s="4" t="s">
        <v>6</v>
      </c>
      <c r="D2361" s="5" t="s">
        <v>378</v>
      </c>
      <c r="E2361" s="5" t="s">
        <v>8569</v>
      </c>
      <c r="F2361" s="6" t="s">
        <v>5</v>
      </c>
      <c r="G2361" s="2"/>
      <c r="H2361" s="4"/>
      <c r="I2361" s="5"/>
      <c r="J2361" s="5"/>
      <c r="K2361" s="5"/>
      <c r="L2361" s="6"/>
      <c r="M2361" s="2" t="s">
        <v>8570</v>
      </c>
      <c r="N2361" s="3">
        <v>45085</v>
      </c>
      <c r="O2361" s="3">
        <v>45085</v>
      </c>
      <c r="P2361" s="3">
        <v>47269</v>
      </c>
    </row>
    <row r="2362" spans="1:16" x14ac:dyDescent="0.15">
      <c r="A2362" s="2" t="s">
        <v>49</v>
      </c>
      <c r="B2362" s="2" t="s">
        <v>8571</v>
      </c>
      <c r="C2362" s="4" t="s">
        <v>6</v>
      </c>
      <c r="D2362" s="5" t="s">
        <v>500</v>
      </c>
      <c r="E2362" s="5" t="s">
        <v>5268</v>
      </c>
      <c r="F2362" s="6" t="s">
        <v>8572</v>
      </c>
      <c r="G2362" s="2"/>
      <c r="H2362" s="4"/>
      <c r="I2362" s="5"/>
      <c r="J2362" s="5"/>
      <c r="K2362" s="5"/>
      <c r="L2362" s="6"/>
      <c r="M2362" s="2" t="s">
        <v>8573</v>
      </c>
      <c r="N2362" s="3">
        <v>45073</v>
      </c>
      <c r="O2362" s="3">
        <v>45073</v>
      </c>
      <c r="P2362" s="3">
        <v>46904</v>
      </c>
    </row>
    <row r="2363" spans="1:16" x14ac:dyDescent="0.15">
      <c r="A2363" s="2" t="s">
        <v>49</v>
      </c>
      <c r="B2363" s="2" t="s">
        <v>8574</v>
      </c>
      <c r="C2363" s="4" t="s">
        <v>6</v>
      </c>
      <c r="D2363" s="5" t="s">
        <v>247</v>
      </c>
      <c r="E2363" s="5" t="s">
        <v>8575</v>
      </c>
      <c r="F2363" s="6" t="s">
        <v>5</v>
      </c>
      <c r="G2363" s="2"/>
      <c r="H2363" s="4"/>
      <c r="I2363" s="5"/>
      <c r="J2363" s="5"/>
      <c r="K2363" s="5"/>
      <c r="L2363" s="6"/>
      <c r="M2363" s="2" t="s">
        <v>8576</v>
      </c>
      <c r="N2363" s="3">
        <v>45086</v>
      </c>
      <c r="O2363" s="3">
        <v>45086</v>
      </c>
      <c r="P2363" s="3">
        <v>47634</v>
      </c>
    </row>
    <row r="2364" spans="1:16" x14ac:dyDescent="0.15">
      <c r="A2364" s="2" t="s">
        <v>49</v>
      </c>
      <c r="B2364" s="2" t="s">
        <v>8579</v>
      </c>
      <c r="C2364" s="4" t="s">
        <v>6</v>
      </c>
      <c r="D2364" s="5" t="s">
        <v>6043</v>
      </c>
      <c r="E2364" s="5" t="s">
        <v>8565</v>
      </c>
      <c r="F2364" s="6" t="s">
        <v>5</v>
      </c>
      <c r="G2364" s="2" t="s">
        <v>8577</v>
      </c>
      <c r="H2364" s="4" t="s">
        <v>9</v>
      </c>
      <c r="I2364" s="5" t="s">
        <v>6</v>
      </c>
      <c r="J2364" s="5" t="s">
        <v>3031</v>
      </c>
      <c r="K2364" s="5" t="s">
        <v>8578</v>
      </c>
      <c r="L2364" s="6" t="s">
        <v>5</v>
      </c>
      <c r="M2364" s="2" t="s">
        <v>8580</v>
      </c>
      <c r="N2364" s="3">
        <v>45079</v>
      </c>
      <c r="O2364" s="3">
        <v>45079</v>
      </c>
      <c r="P2364" s="3">
        <v>47238</v>
      </c>
    </row>
    <row r="2365" spans="1:16" x14ac:dyDescent="0.15">
      <c r="A2365" s="2" t="s">
        <v>16</v>
      </c>
      <c r="B2365" s="2" t="s">
        <v>8579</v>
      </c>
      <c r="C2365" s="4" t="s">
        <v>6</v>
      </c>
      <c r="D2365" s="5" t="s">
        <v>6043</v>
      </c>
      <c r="E2365" s="5" t="s">
        <v>8565</v>
      </c>
      <c r="F2365" s="6" t="s">
        <v>5</v>
      </c>
      <c r="G2365" s="2" t="s">
        <v>8577</v>
      </c>
      <c r="H2365" s="4" t="s">
        <v>9</v>
      </c>
      <c r="I2365" s="5" t="s">
        <v>6</v>
      </c>
      <c r="J2365" s="5" t="s">
        <v>3031</v>
      </c>
      <c r="K2365" s="5" t="s">
        <v>8578</v>
      </c>
      <c r="L2365" s="6" t="s">
        <v>5</v>
      </c>
      <c r="M2365" s="2" t="s">
        <v>8581</v>
      </c>
      <c r="N2365" s="3">
        <v>45079</v>
      </c>
      <c r="O2365" s="3">
        <v>45079</v>
      </c>
      <c r="P2365" s="3">
        <v>47238</v>
      </c>
    </row>
    <row r="2366" spans="1:16" x14ac:dyDescent="0.15">
      <c r="A2366" s="2" t="s">
        <v>486</v>
      </c>
      <c r="B2366" s="2" t="s">
        <v>8579</v>
      </c>
      <c r="C2366" s="4" t="s">
        <v>6</v>
      </c>
      <c r="D2366" s="5" t="s">
        <v>6043</v>
      </c>
      <c r="E2366" s="5" t="s">
        <v>8565</v>
      </c>
      <c r="F2366" s="6" t="s">
        <v>5</v>
      </c>
      <c r="G2366" s="2" t="s">
        <v>8577</v>
      </c>
      <c r="H2366" s="4" t="s">
        <v>9</v>
      </c>
      <c r="I2366" s="5" t="s">
        <v>6</v>
      </c>
      <c r="J2366" s="5" t="s">
        <v>3031</v>
      </c>
      <c r="K2366" s="5" t="s">
        <v>8578</v>
      </c>
      <c r="L2366" s="6" t="s">
        <v>5</v>
      </c>
      <c r="M2366" s="2" t="s">
        <v>8582</v>
      </c>
      <c r="N2366" s="3">
        <v>45079</v>
      </c>
      <c r="O2366" s="3">
        <v>45079</v>
      </c>
      <c r="P2366" s="3">
        <v>47238</v>
      </c>
    </row>
    <row r="2367" spans="1:16" x14ac:dyDescent="0.15">
      <c r="A2367" s="2" t="s">
        <v>49</v>
      </c>
      <c r="B2367" s="2" t="s">
        <v>8583</v>
      </c>
      <c r="C2367" s="4" t="s">
        <v>6</v>
      </c>
      <c r="D2367" s="5" t="s">
        <v>3031</v>
      </c>
      <c r="E2367" s="5" t="s">
        <v>8584</v>
      </c>
      <c r="F2367" s="6" t="s">
        <v>5</v>
      </c>
      <c r="G2367" s="2" t="s">
        <v>8577</v>
      </c>
      <c r="H2367" s="4" t="s">
        <v>9</v>
      </c>
      <c r="I2367" s="5" t="s">
        <v>6</v>
      </c>
      <c r="J2367" s="5" t="s">
        <v>3031</v>
      </c>
      <c r="K2367" s="5" t="s">
        <v>8578</v>
      </c>
      <c r="L2367" s="6" t="s">
        <v>5</v>
      </c>
      <c r="M2367" s="2" t="s">
        <v>8585</v>
      </c>
      <c r="N2367" s="3">
        <v>45243</v>
      </c>
      <c r="O2367" s="3">
        <v>45243</v>
      </c>
      <c r="P2367" s="3">
        <v>47299</v>
      </c>
    </row>
    <row r="2368" spans="1:16" x14ac:dyDescent="0.15">
      <c r="A2368" s="2" t="s">
        <v>42</v>
      </c>
      <c r="B2368" s="2" t="s">
        <v>8583</v>
      </c>
      <c r="C2368" s="4" t="s">
        <v>6</v>
      </c>
      <c r="D2368" s="5" t="s">
        <v>3031</v>
      </c>
      <c r="E2368" s="5" t="s">
        <v>8584</v>
      </c>
      <c r="F2368" s="6" t="s">
        <v>5</v>
      </c>
      <c r="G2368" s="2" t="s">
        <v>8577</v>
      </c>
      <c r="H2368" s="4" t="s">
        <v>9</v>
      </c>
      <c r="I2368" s="5" t="s">
        <v>6</v>
      </c>
      <c r="J2368" s="5" t="s">
        <v>3031</v>
      </c>
      <c r="K2368" s="5" t="s">
        <v>8578</v>
      </c>
      <c r="L2368" s="6" t="s">
        <v>5</v>
      </c>
      <c r="M2368" s="2" t="s">
        <v>8586</v>
      </c>
      <c r="N2368" s="3">
        <v>45243</v>
      </c>
      <c r="O2368" s="3">
        <v>45243</v>
      </c>
      <c r="P2368" s="3">
        <v>47299</v>
      </c>
    </row>
    <row r="2369" spans="1:16" x14ac:dyDescent="0.15">
      <c r="A2369" s="2" t="s">
        <v>49</v>
      </c>
      <c r="B2369" s="2" t="s">
        <v>8587</v>
      </c>
      <c r="C2369" s="4" t="s">
        <v>6</v>
      </c>
      <c r="D2369" s="5" t="s">
        <v>500</v>
      </c>
      <c r="E2369" s="5" t="s">
        <v>8588</v>
      </c>
      <c r="F2369" s="6" t="s">
        <v>8589</v>
      </c>
      <c r="G2369" s="2"/>
      <c r="H2369" s="4"/>
      <c r="I2369" s="5"/>
      <c r="J2369" s="5"/>
      <c r="K2369" s="5"/>
      <c r="L2369" s="6"/>
      <c r="M2369" s="2" t="s">
        <v>8590</v>
      </c>
      <c r="N2369" s="3">
        <v>37727</v>
      </c>
      <c r="O2369" s="3">
        <v>45078</v>
      </c>
      <c r="P2369" s="3">
        <v>46904</v>
      </c>
    </row>
    <row r="2370" spans="1:16" x14ac:dyDescent="0.15">
      <c r="A2370" s="2" t="s">
        <v>16</v>
      </c>
      <c r="B2370" s="2" t="s">
        <v>8591</v>
      </c>
      <c r="C2370" s="4" t="s">
        <v>6</v>
      </c>
      <c r="D2370" s="5" t="s">
        <v>2477</v>
      </c>
      <c r="E2370" s="5" t="s">
        <v>8592</v>
      </c>
      <c r="F2370" s="6" t="s">
        <v>5</v>
      </c>
      <c r="G2370" s="2"/>
      <c r="H2370" s="4"/>
      <c r="I2370" s="5"/>
      <c r="J2370" s="5"/>
      <c r="K2370" s="5"/>
      <c r="L2370" s="6"/>
      <c r="M2370" s="2" t="s">
        <v>8593</v>
      </c>
      <c r="N2370" s="3">
        <v>43147</v>
      </c>
      <c r="O2370" s="3">
        <v>45108</v>
      </c>
      <c r="P2370" s="3">
        <v>46934</v>
      </c>
    </row>
    <row r="2371" spans="1:16" x14ac:dyDescent="0.15">
      <c r="A2371" s="2" t="s">
        <v>49</v>
      </c>
      <c r="B2371" s="2" t="s">
        <v>8594</v>
      </c>
      <c r="C2371" s="4" t="s">
        <v>6</v>
      </c>
      <c r="D2371" s="5" t="s">
        <v>456</v>
      </c>
      <c r="E2371" s="5" t="s">
        <v>520</v>
      </c>
      <c r="F2371" s="6" t="s">
        <v>5</v>
      </c>
      <c r="G2371" s="2"/>
      <c r="H2371" s="4"/>
      <c r="I2371" s="5"/>
      <c r="J2371" s="5"/>
      <c r="K2371" s="5"/>
      <c r="L2371" s="6"/>
      <c r="M2371" s="2" t="s">
        <v>8595</v>
      </c>
      <c r="N2371" s="3">
        <v>42978</v>
      </c>
      <c r="O2371" s="3">
        <v>45078</v>
      </c>
      <c r="P2371" s="3">
        <v>46904</v>
      </c>
    </row>
    <row r="2372" spans="1:16" x14ac:dyDescent="0.15">
      <c r="A2372" s="2" t="s">
        <v>16</v>
      </c>
      <c r="B2372" s="2" t="s">
        <v>21</v>
      </c>
      <c r="C2372" s="4" t="s">
        <v>6</v>
      </c>
      <c r="D2372" s="5" t="s">
        <v>23</v>
      </c>
      <c r="E2372" s="5" t="s">
        <v>24</v>
      </c>
      <c r="F2372" s="6" t="s">
        <v>5</v>
      </c>
      <c r="G2372" s="2" t="s">
        <v>21</v>
      </c>
      <c r="H2372" s="4" t="s">
        <v>9</v>
      </c>
      <c r="I2372" s="5" t="s">
        <v>6</v>
      </c>
      <c r="J2372" s="5" t="s">
        <v>22</v>
      </c>
      <c r="K2372" s="5" t="s">
        <v>5</v>
      </c>
      <c r="L2372" s="6" t="s">
        <v>5</v>
      </c>
      <c r="M2372" s="2" t="s">
        <v>26</v>
      </c>
      <c r="N2372" s="3">
        <v>45065</v>
      </c>
      <c r="O2372" s="3">
        <v>45065</v>
      </c>
      <c r="P2372" s="3">
        <v>47299</v>
      </c>
    </row>
    <row r="2373" spans="1:16" x14ac:dyDescent="0.15">
      <c r="A2373" s="2" t="s">
        <v>16</v>
      </c>
      <c r="B2373" s="2" t="s">
        <v>32</v>
      </c>
      <c r="C2373" s="4" t="s">
        <v>6</v>
      </c>
      <c r="D2373" s="5" t="s">
        <v>33</v>
      </c>
      <c r="E2373" s="5" t="s">
        <v>34</v>
      </c>
      <c r="F2373" s="6" t="s">
        <v>5</v>
      </c>
      <c r="G2373" s="2" t="s">
        <v>27</v>
      </c>
      <c r="H2373" s="4" t="s">
        <v>29</v>
      </c>
      <c r="I2373" s="5" t="s">
        <v>30</v>
      </c>
      <c r="J2373" s="5" t="s">
        <v>31</v>
      </c>
      <c r="K2373" s="5" t="s">
        <v>5</v>
      </c>
      <c r="L2373" s="6" t="s">
        <v>5</v>
      </c>
      <c r="M2373" s="2" t="s">
        <v>38</v>
      </c>
      <c r="N2373" s="3">
        <v>44782</v>
      </c>
      <c r="O2373" s="3">
        <v>44782</v>
      </c>
      <c r="P2373" s="3">
        <v>47238</v>
      </c>
    </row>
    <row r="2374" spans="1:16" x14ac:dyDescent="0.15">
      <c r="A2374" s="2" t="s">
        <v>49</v>
      </c>
      <c r="B2374" s="2" t="s">
        <v>8602</v>
      </c>
      <c r="C2374" s="4" t="s">
        <v>6</v>
      </c>
      <c r="D2374" s="5" t="s">
        <v>2237</v>
      </c>
      <c r="E2374" s="5" t="s">
        <v>8603</v>
      </c>
      <c r="F2374" s="6" t="s">
        <v>5</v>
      </c>
      <c r="G2374" s="2"/>
      <c r="H2374" s="4"/>
      <c r="I2374" s="5"/>
      <c r="J2374" s="5"/>
      <c r="K2374" s="5"/>
      <c r="L2374" s="6"/>
      <c r="M2374" s="2" t="s">
        <v>8604</v>
      </c>
      <c r="N2374" s="3">
        <v>45097</v>
      </c>
      <c r="O2374" s="3">
        <v>45097</v>
      </c>
      <c r="P2374" s="3">
        <v>47087</v>
      </c>
    </row>
    <row r="2375" spans="1:16" x14ac:dyDescent="0.15">
      <c r="A2375" s="2" t="s">
        <v>16</v>
      </c>
      <c r="B2375" s="2" t="s">
        <v>199</v>
      </c>
      <c r="C2375" s="4" t="s">
        <v>6</v>
      </c>
      <c r="D2375" s="5" t="s">
        <v>200</v>
      </c>
      <c r="E2375" s="5" t="s">
        <v>201</v>
      </c>
      <c r="F2375" s="6" t="s">
        <v>5</v>
      </c>
      <c r="G2375" s="2" t="s">
        <v>193</v>
      </c>
      <c r="H2375" s="4" t="s">
        <v>195</v>
      </c>
      <c r="I2375" s="5" t="s">
        <v>196</v>
      </c>
      <c r="J2375" s="5" t="s">
        <v>197</v>
      </c>
      <c r="K2375" s="5" t="s">
        <v>198</v>
      </c>
      <c r="L2375" s="6" t="s">
        <v>5</v>
      </c>
      <c r="M2375" s="2" t="s">
        <v>205</v>
      </c>
      <c r="N2375" s="3">
        <v>40010</v>
      </c>
      <c r="O2375" s="3">
        <v>44652</v>
      </c>
      <c r="P2375" s="3">
        <v>46843</v>
      </c>
    </row>
    <row r="2376" spans="1:16" x14ac:dyDescent="0.15">
      <c r="A2376" s="2" t="s">
        <v>49</v>
      </c>
      <c r="B2376" s="2" t="s">
        <v>8611</v>
      </c>
      <c r="C2376" s="4" t="s">
        <v>6</v>
      </c>
      <c r="D2376" s="5" t="s">
        <v>5049</v>
      </c>
      <c r="E2376" s="5" t="s">
        <v>8610</v>
      </c>
      <c r="F2376" s="6" t="s">
        <v>5</v>
      </c>
      <c r="G2376" s="2"/>
      <c r="H2376" s="4"/>
      <c r="I2376" s="5"/>
      <c r="J2376" s="5"/>
      <c r="K2376" s="5"/>
      <c r="L2376" s="6"/>
      <c r="M2376" s="2" t="s">
        <v>8612</v>
      </c>
      <c r="N2376" s="3">
        <v>32969</v>
      </c>
      <c r="O2376" s="3">
        <v>45108</v>
      </c>
      <c r="P2376" s="3">
        <v>46934</v>
      </c>
    </row>
    <row r="2377" spans="1:16" x14ac:dyDescent="0.15">
      <c r="A2377" s="2" t="s">
        <v>36</v>
      </c>
      <c r="B2377" s="2" t="s">
        <v>8611</v>
      </c>
      <c r="C2377" s="4" t="s">
        <v>6</v>
      </c>
      <c r="D2377" s="5" t="s">
        <v>5049</v>
      </c>
      <c r="E2377" s="5" t="s">
        <v>8610</v>
      </c>
      <c r="F2377" s="6" t="s">
        <v>5</v>
      </c>
      <c r="G2377" s="2"/>
      <c r="H2377" s="4"/>
      <c r="I2377" s="5"/>
      <c r="J2377" s="5"/>
      <c r="K2377" s="5"/>
      <c r="L2377" s="6"/>
      <c r="M2377" s="2" t="s">
        <v>8613</v>
      </c>
      <c r="N2377" s="3">
        <v>32969</v>
      </c>
      <c r="O2377" s="3">
        <v>45108</v>
      </c>
      <c r="P2377" s="3">
        <v>46934</v>
      </c>
    </row>
    <row r="2378" spans="1:16" x14ac:dyDescent="0.15">
      <c r="A2378" s="2" t="s">
        <v>49</v>
      </c>
      <c r="B2378" s="2" t="s">
        <v>8614</v>
      </c>
      <c r="C2378" s="4" t="s">
        <v>6</v>
      </c>
      <c r="D2378" s="5" t="s">
        <v>5049</v>
      </c>
      <c r="E2378" s="5" t="s">
        <v>8615</v>
      </c>
      <c r="F2378" s="6" t="s">
        <v>5</v>
      </c>
      <c r="G2378" s="2"/>
      <c r="H2378" s="4"/>
      <c r="I2378" s="5"/>
      <c r="J2378" s="5"/>
      <c r="K2378" s="5"/>
      <c r="L2378" s="6"/>
      <c r="M2378" s="2" t="s">
        <v>8616</v>
      </c>
      <c r="N2378" s="3">
        <v>40648</v>
      </c>
      <c r="O2378" s="3">
        <v>45108</v>
      </c>
      <c r="P2378" s="3">
        <v>47299</v>
      </c>
    </row>
    <row r="2379" spans="1:16" x14ac:dyDescent="0.15">
      <c r="A2379" s="2" t="s">
        <v>49</v>
      </c>
      <c r="B2379" s="2" t="s">
        <v>8617</v>
      </c>
      <c r="C2379" s="4" t="s">
        <v>6</v>
      </c>
      <c r="D2379" s="5" t="s">
        <v>8618</v>
      </c>
      <c r="E2379" s="5" t="s">
        <v>8619</v>
      </c>
      <c r="F2379" s="6" t="s">
        <v>5</v>
      </c>
      <c r="G2379" s="2"/>
      <c r="H2379" s="4"/>
      <c r="I2379" s="5"/>
      <c r="J2379" s="5"/>
      <c r="K2379" s="5"/>
      <c r="L2379" s="6"/>
      <c r="M2379" s="2" t="s">
        <v>8620</v>
      </c>
      <c r="N2379" s="3">
        <v>42662</v>
      </c>
      <c r="O2379" s="3">
        <v>45108</v>
      </c>
      <c r="P2379" s="3">
        <v>47299</v>
      </c>
    </row>
    <row r="2380" spans="1:16" x14ac:dyDescent="0.15">
      <c r="A2380" s="2" t="s">
        <v>16</v>
      </c>
      <c r="B2380" s="2" t="s">
        <v>209</v>
      </c>
      <c r="C2380" s="4" t="s">
        <v>6</v>
      </c>
      <c r="D2380" s="5" t="s">
        <v>210</v>
      </c>
      <c r="E2380" s="5" t="s">
        <v>5</v>
      </c>
      <c r="F2380" s="6" t="s">
        <v>5</v>
      </c>
      <c r="G2380" s="2" t="s">
        <v>206</v>
      </c>
      <c r="H2380" s="4" t="s">
        <v>9</v>
      </c>
      <c r="I2380" s="5" t="s">
        <v>6</v>
      </c>
      <c r="J2380" s="5" t="s">
        <v>207</v>
      </c>
      <c r="K2380" s="5" t="s">
        <v>208</v>
      </c>
      <c r="L2380" s="6" t="s">
        <v>5</v>
      </c>
      <c r="M2380" s="2" t="s">
        <v>212</v>
      </c>
      <c r="N2380" s="3">
        <v>42515</v>
      </c>
      <c r="O2380" s="3">
        <v>44835</v>
      </c>
      <c r="P2380" s="3">
        <v>47026</v>
      </c>
    </row>
    <row r="2381" spans="1:16" x14ac:dyDescent="0.15">
      <c r="A2381" s="2" t="s">
        <v>49</v>
      </c>
      <c r="B2381" s="2" t="s">
        <v>8626</v>
      </c>
      <c r="C2381" s="4" t="s">
        <v>6</v>
      </c>
      <c r="D2381" s="5" t="s">
        <v>1027</v>
      </c>
      <c r="E2381" s="5" t="s">
        <v>2830</v>
      </c>
      <c r="F2381" s="6" t="s">
        <v>2831</v>
      </c>
      <c r="G2381" s="2"/>
      <c r="H2381" s="4"/>
      <c r="I2381" s="5"/>
      <c r="J2381" s="5"/>
      <c r="K2381" s="5"/>
      <c r="L2381" s="6"/>
      <c r="M2381" s="2" t="s">
        <v>8627</v>
      </c>
      <c r="N2381" s="3">
        <v>45096</v>
      </c>
      <c r="O2381" s="3">
        <v>45096</v>
      </c>
      <c r="P2381" s="3">
        <v>47087</v>
      </c>
    </row>
    <row r="2382" spans="1:16" x14ac:dyDescent="0.15">
      <c r="A2382" s="2" t="s">
        <v>49</v>
      </c>
      <c r="B2382" s="2" t="s">
        <v>8628</v>
      </c>
      <c r="C2382" s="4" t="s">
        <v>6</v>
      </c>
      <c r="D2382" s="5" t="s">
        <v>456</v>
      </c>
      <c r="E2382" s="5" t="s">
        <v>520</v>
      </c>
      <c r="F2382" s="6" t="s">
        <v>5</v>
      </c>
      <c r="G2382" s="2"/>
      <c r="H2382" s="4"/>
      <c r="I2382" s="5"/>
      <c r="J2382" s="5"/>
      <c r="K2382" s="5"/>
      <c r="L2382" s="6"/>
      <c r="M2382" s="2" t="s">
        <v>8629</v>
      </c>
      <c r="N2382" s="3">
        <v>45080</v>
      </c>
      <c r="O2382" s="3">
        <v>45080</v>
      </c>
      <c r="P2382" s="3">
        <v>47269</v>
      </c>
    </row>
    <row r="2383" spans="1:16" x14ac:dyDescent="0.15">
      <c r="A2383" s="2" t="s">
        <v>16</v>
      </c>
      <c r="B2383" s="2" t="s">
        <v>8632</v>
      </c>
      <c r="C2383" s="4" t="s">
        <v>6</v>
      </c>
      <c r="D2383" s="5" t="s">
        <v>8630</v>
      </c>
      <c r="E2383" s="5" t="s">
        <v>8631</v>
      </c>
      <c r="F2383" s="6" t="s">
        <v>5</v>
      </c>
      <c r="G2383" s="2"/>
      <c r="H2383" s="4"/>
      <c r="I2383" s="5"/>
      <c r="J2383" s="5"/>
      <c r="K2383" s="5"/>
      <c r="L2383" s="6"/>
      <c r="M2383" s="2" t="s">
        <v>8633</v>
      </c>
      <c r="N2383" s="3">
        <v>39358</v>
      </c>
      <c r="O2383" s="3">
        <v>45108</v>
      </c>
      <c r="P2383" s="3">
        <v>46934</v>
      </c>
    </row>
    <row r="2384" spans="1:16" x14ac:dyDescent="0.15">
      <c r="A2384" s="2" t="s">
        <v>16</v>
      </c>
      <c r="B2384" s="2" t="s">
        <v>8635</v>
      </c>
      <c r="C2384" s="4" t="s">
        <v>6</v>
      </c>
      <c r="D2384" s="5" t="s">
        <v>4187</v>
      </c>
      <c r="E2384" s="5" t="s">
        <v>8634</v>
      </c>
      <c r="F2384" s="6" t="s">
        <v>5</v>
      </c>
      <c r="G2384" s="2"/>
      <c r="H2384" s="4"/>
      <c r="I2384" s="5"/>
      <c r="J2384" s="5"/>
      <c r="K2384" s="5"/>
      <c r="L2384" s="6"/>
      <c r="M2384" s="2" t="s">
        <v>8636</v>
      </c>
      <c r="N2384" s="3">
        <v>38504</v>
      </c>
      <c r="O2384" s="3">
        <v>45108</v>
      </c>
      <c r="P2384" s="3">
        <v>47299</v>
      </c>
    </row>
    <row r="2385" spans="1:16" x14ac:dyDescent="0.15">
      <c r="A2385" s="2" t="s">
        <v>16</v>
      </c>
      <c r="B2385" s="2" t="s">
        <v>236</v>
      </c>
      <c r="C2385" s="4" t="s">
        <v>6</v>
      </c>
      <c r="D2385" s="5" t="s">
        <v>174</v>
      </c>
      <c r="E2385" s="5" t="s">
        <v>237</v>
      </c>
      <c r="F2385" s="6" t="s">
        <v>238</v>
      </c>
      <c r="G2385" s="2" t="s">
        <v>233</v>
      </c>
      <c r="H2385" s="4" t="s">
        <v>29</v>
      </c>
      <c r="I2385" s="5" t="s">
        <v>30</v>
      </c>
      <c r="J2385" s="5" t="s">
        <v>234</v>
      </c>
      <c r="K2385" s="5" t="s">
        <v>235</v>
      </c>
      <c r="L2385" s="6" t="s">
        <v>5</v>
      </c>
      <c r="M2385" s="2" t="s">
        <v>239</v>
      </c>
      <c r="N2385" s="3">
        <v>44630</v>
      </c>
      <c r="O2385" s="3">
        <v>44630</v>
      </c>
      <c r="P2385" s="3">
        <v>47026</v>
      </c>
    </row>
    <row r="2386" spans="1:16" x14ac:dyDescent="0.15">
      <c r="A2386" s="2" t="s">
        <v>16</v>
      </c>
      <c r="B2386" s="2" t="s">
        <v>261</v>
      </c>
      <c r="C2386" s="4" t="s">
        <v>6</v>
      </c>
      <c r="D2386" s="5" t="s">
        <v>230</v>
      </c>
      <c r="E2386" s="5" t="s">
        <v>262</v>
      </c>
      <c r="F2386" s="6" t="s">
        <v>263</v>
      </c>
      <c r="G2386" s="2" t="s">
        <v>257</v>
      </c>
      <c r="H2386" s="4" t="s">
        <v>184</v>
      </c>
      <c r="I2386" s="5" t="s">
        <v>258</v>
      </c>
      <c r="J2386" s="5" t="s">
        <v>259</v>
      </c>
      <c r="K2386" s="5" t="s">
        <v>260</v>
      </c>
      <c r="L2386" s="6" t="s">
        <v>5</v>
      </c>
      <c r="M2386" s="2" t="s">
        <v>264</v>
      </c>
      <c r="N2386" s="3">
        <v>45428</v>
      </c>
      <c r="O2386" s="3">
        <v>45428</v>
      </c>
      <c r="P2386" s="3">
        <v>47756</v>
      </c>
    </row>
    <row r="2387" spans="1:16" x14ac:dyDescent="0.15">
      <c r="A2387" s="2" t="s">
        <v>16</v>
      </c>
      <c r="B2387" s="2" t="s">
        <v>272</v>
      </c>
      <c r="C2387" s="4" t="s">
        <v>6</v>
      </c>
      <c r="D2387" s="5" t="s">
        <v>273</v>
      </c>
      <c r="E2387" s="5" t="s">
        <v>274</v>
      </c>
      <c r="F2387" s="6" t="s">
        <v>5</v>
      </c>
      <c r="G2387" s="2" t="s">
        <v>269</v>
      </c>
      <c r="H2387" s="4" t="s">
        <v>9</v>
      </c>
      <c r="I2387" s="5" t="s">
        <v>6</v>
      </c>
      <c r="J2387" s="5" t="s">
        <v>270</v>
      </c>
      <c r="K2387" s="5" t="s">
        <v>271</v>
      </c>
      <c r="L2387" s="6" t="s">
        <v>5</v>
      </c>
      <c r="M2387" s="2" t="s">
        <v>277</v>
      </c>
      <c r="N2387" s="3">
        <v>42164</v>
      </c>
      <c r="O2387" s="3">
        <v>44378</v>
      </c>
      <c r="P2387" s="3">
        <v>46568</v>
      </c>
    </row>
    <row r="2388" spans="1:16" x14ac:dyDescent="0.15">
      <c r="A2388" s="2" t="s">
        <v>49</v>
      </c>
      <c r="B2388" s="2" t="s">
        <v>8649</v>
      </c>
      <c r="C2388" s="4" t="s">
        <v>6</v>
      </c>
      <c r="D2388" s="5" t="s">
        <v>2533</v>
      </c>
      <c r="E2388" s="5" t="s">
        <v>8650</v>
      </c>
      <c r="F2388" s="6" t="s">
        <v>5</v>
      </c>
      <c r="G2388" s="2"/>
      <c r="H2388" s="4"/>
      <c r="I2388" s="5"/>
      <c r="J2388" s="5"/>
      <c r="K2388" s="5"/>
      <c r="L2388" s="6"/>
      <c r="M2388" s="2" t="s">
        <v>8651</v>
      </c>
      <c r="N2388" s="3">
        <v>37135</v>
      </c>
      <c r="O2388" s="3">
        <v>45108</v>
      </c>
      <c r="P2388" s="3">
        <v>47299</v>
      </c>
    </row>
    <row r="2389" spans="1:16" x14ac:dyDescent="0.15">
      <c r="A2389" s="2" t="s">
        <v>16</v>
      </c>
      <c r="B2389" s="2" t="s">
        <v>8652</v>
      </c>
      <c r="C2389" s="4" t="s">
        <v>6</v>
      </c>
      <c r="D2389" s="5" t="s">
        <v>838</v>
      </c>
      <c r="E2389" s="5" t="s">
        <v>8653</v>
      </c>
      <c r="F2389" s="6" t="s">
        <v>5</v>
      </c>
      <c r="G2389" s="2"/>
      <c r="H2389" s="4"/>
      <c r="I2389" s="5"/>
      <c r="J2389" s="5"/>
      <c r="K2389" s="5"/>
      <c r="L2389" s="6"/>
      <c r="M2389" s="2" t="s">
        <v>8654</v>
      </c>
      <c r="N2389" s="3">
        <v>45090</v>
      </c>
      <c r="O2389" s="3">
        <v>45090</v>
      </c>
      <c r="P2389" s="3">
        <v>47603</v>
      </c>
    </row>
    <row r="2390" spans="1:16" x14ac:dyDescent="0.15">
      <c r="A2390" s="2" t="s">
        <v>49</v>
      </c>
      <c r="B2390" s="2" t="s">
        <v>8655</v>
      </c>
      <c r="C2390" s="4" t="s">
        <v>6</v>
      </c>
      <c r="D2390" s="5" t="s">
        <v>762</v>
      </c>
      <c r="E2390" s="5" t="s">
        <v>8656</v>
      </c>
      <c r="F2390" s="6" t="s">
        <v>5</v>
      </c>
      <c r="G2390" s="2"/>
      <c r="H2390" s="4"/>
      <c r="I2390" s="5"/>
      <c r="J2390" s="5"/>
      <c r="K2390" s="5"/>
      <c r="L2390" s="6"/>
      <c r="M2390" s="2" t="s">
        <v>8657</v>
      </c>
      <c r="N2390" s="3">
        <v>37245</v>
      </c>
      <c r="O2390" s="3">
        <v>45108</v>
      </c>
      <c r="P2390" s="3">
        <v>47299</v>
      </c>
    </row>
    <row r="2391" spans="1:16" x14ac:dyDescent="0.15">
      <c r="A2391" s="2" t="s">
        <v>36</v>
      </c>
      <c r="B2391" s="2" t="s">
        <v>8655</v>
      </c>
      <c r="C2391" s="4" t="s">
        <v>6</v>
      </c>
      <c r="D2391" s="5" t="s">
        <v>762</v>
      </c>
      <c r="E2391" s="5" t="s">
        <v>8656</v>
      </c>
      <c r="F2391" s="6" t="s">
        <v>5</v>
      </c>
      <c r="G2391" s="2"/>
      <c r="H2391" s="4"/>
      <c r="I2391" s="5"/>
      <c r="J2391" s="5"/>
      <c r="K2391" s="5"/>
      <c r="L2391" s="6"/>
      <c r="M2391" s="2" t="s">
        <v>8658</v>
      </c>
      <c r="N2391" s="3">
        <v>37245</v>
      </c>
      <c r="O2391" s="3">
        <v>45108</v>
      </c>
      <c r="P2391" s="3">
        <v>47299</v>
      </c>
    </row>
    <row r="2392" spans="1:16" x14ac:dyDescent="0.15">
      <c r="A2392" s="2" t="s">
        <v>16</v>
      </c>
      <c r="B2392" s="2" t="s">
        <v>283</v>
      </c>
      <c r="C2392" s="4" t="s">
        <v>6</v>
      </c>
      <c r="D2392" s="5" t="s">
        <v>284</v>
      </c>
      <c r="E2392" s="5" t="s">
        <v>285</v>
      </c>
      <c r="F2392" s="6" t="s">
        <v>5</v>
      </c>
      <c r="G2392" s="2" t="s">
        <v>269</v>
      </c>
      <c r="H2392" s="4" t="s">
        <v>9</v>
      </c>
      <c r="I2392" s="5" t="s">
        <v>6</v>
      </c>
      <c r="J2392" s="5" t="s">
        <v>270</v>
      </c>
      <c r="K2392" s="5" t="s">
        <v>271</v>
      </c>
      <c r="L2392" s="6" t="s">
        <v>5</v>
      </c>
      <c r="M2392" s="2" t="s">
        <v>288</v>
      </c>
      <c r="N2392" s="3">
        <v>43748</v>
      </c>
      <c r="O2392" s="3">
        <v>43748</v>
      </c>
      <c r="P2392" s="3">
        <v>46477</v>
      </c>
    </row>
    <row r="2393" spans="1:16" x14ac:dyDescent="0.15">
      <c r="A2393" s="2" t="s">
        <v>49</v>
      </c>
      <c r="B2393" s="2" t="s">
        <v>8666</v>
      </c>
      <c r="C2393" s="4" t="s">
        <v>6</v>
      </c>
      <c r="D2393" s="5" t="s">
        <v>4244</v>
      </c>
      <c r="E2393" s="5" t="s">
        <v>8667</v>
      </c>
      <c r="F2393" s="6" t="s">
        <v>5</v>
      </c>
      <c r="G2393" s="2"/>
      <c r="H2393" s="4"/>
      <c r="I2393" s="5"/>
      <c r="J2393" s="5"/>
      <c r="K2393" s="5"/>
      <c r="L2393" s="6"/>
      <c r="M2393" s="2" t="s">
        <v>8668</v>
      </c>
      <c r="N2393" s="3">
        <v>40658</v>
      </c>
      <c r="O2393" s="3">
        <v>45108</v>
      </c>
      <c r="P2393" s="3">
        <v>47299</v>
      </c>
    </row>
    <row r="2394" spans="1:16" x14ac:dyDescent="0.15">
      <c r="A2394" s="2" t="s">
        <v>16</v>
      </c>
      <c r="B2394" s="2" t="s">
        <v>289</v>
      </c>
      <c r="C2394" s="4" t="s">
        <v>6</v>
      </c>
      <c r="D2394" s="5" t="s">
        <v>290</v>
      </c>
      <c r="E2394" s="5" t="s">
        <v>291</v>
      </c>
      <c r="F2394" s="6" t="s">
        <v>5</v>
      </c>
      <c r="G2394" s="2" t="s">
        <v>269</v>
      </c>
      <c r="H2394" s="4" t="s">
        <v>9</v>
      </c>
      <c r="I2394" s="5" t="s">
        <v>6</v>
      </c>
      <c r="J2394" s="5" t="s">
        <v>270</v>
      </c>
      <c r="K2394" s="5" t="s">
        <v>271</v>
      </c>
      <c r="L2394" s="6" t="s">
        <v>5</v>
      </c>
      <c r="M2394" s="2" t="s">
        <v>294</v>
      </c>
      <c r="N2394" s="3">
        <v>41164</v>
      </c>
      <c r="O2394" s="3">
        <v>43556</v>
      </c>
      <c r="P2394" s="3">
        <v>45747</v>
      </c>
    </row>
    <row r="2395" spans="1:16" x14ac:dyDescent="0.15">
      <c r="A2395" s="2" t="s">
        <v>16</v>
      </c>
      <c r="B2395" s="2" t="s">
        <v>8678</v>
      </c>
      <c r="C2395" s="4" t="s">
        <v>6</v>
      </c>
      <c r="D2395" s="5" t="s">
        <v>562</v>
      </c>
      <c r="E2395" s="5" t="s">
        <v>8679</v>
      </c>
      <c r="F2395" s="6" t="s">
        <v>5</v>
      </c>
      <c r="G2395" s="2"/>
      <c r="H2395" s="4"/>
      <c r="I2395" s="5"/>
      <c r="J2395" s="5"/>
      <c r="K2395" s="5"/>
      <c r="L2395" s="6"/>
      <c r="M2395" s="2" t="s">
        <v>8680</v>
      </c>
      <c r="N2395" s="3">
        <v>33796</v>
      </c>
      <c r="O2395" s="3">
        <v>45108</v>
      </c>
      <c r="P2395" s="3">
        <v>47299</v>
      </c>
    </row>
    <row r="2396" spans="1:16" x14ac:dyDescent="0.15">
      <c r="A2396" s="2" t="s">
        <v>49</v>
      </c>
      <c r="B2396" s="2" t="s">
        <v>8681</v>
      </c>
      <c r="C2396" s="4" t="s">
        <v>6</v>
      </c>
      <c r="D2396" s="5" t="s">
        <v>737</v>
      </c>
      <c r="E2396" s="5" t="s">
        <v>5545</v>
      </c>
      <c r="F2396" s="6" t="s">
        <v>5</v>
      </c>
      <c r="G2396" s="2"/>
      <c r="H2396" s="4"/>
      <c r="I2396" s="5"/>
      <c r="J2396" s="5"/>
      <c r="K2396" s="5"/>
      <c r="L2396" s="6"/>
      <c r="M2396" s="2" t="s">
        <v>8682</v>
      </c>
      <c r="N2396" s="3">
        <v>42643</v>
      </c>
      <c r="O2396" s="3">
        <v>45108</v>
      </c>
      <c r="P2396" s="3">
        <v>47299</v>
      </c>
    </row>
    <row r="2397" spans="1:16" x14ac:dyDescent="0.15">
      <c r="A2397" s="2" t="s">
        <v>49</v>
      </c>
      <c r="B2397" s="2" t="s">
        <v>8683</v>
      </c>
      <c r="C2397" s="4" t="s">
        <v>6</v>
      </c>
      <c r="D2397" s="5" t="s">
        <v>2990</v>
      </c>
      <c r="E2397" s="5" t="s">
        <v>8684</v>
      </c>
      <c r="F2397" s="6" t="s">
        <v>5</v>
      </c>
      <c r="G2397" s="2"/>
      <c r="H2397" s="4"/>
      <c r="I2397" s="5"/>
      <c r="J2397" s="5"/>
      <c r="K2397" s="5"/>
      <c r="L2397" s="6"/>
      <c r="M2397" s="2" t="s">
        <v>8685</v>
      </c>
      <c r="N2397" s="3">
        <v>45126</v>
      </c>
      <c r="O2397" s="3">
        <v>45126</v>
      </c>
      <c r="P2397" s="3">
        <v>47664</v>
      </c>
    </row>
    <row r="2398" spans="1:16" x14ac:dyDescent="0.15">
      <c r="A2398" s="2" t="s">
        <v>36</v>
      </c>
      <c r="B2398" s="2" t="s">
        <v>8683</v>
      </c>
      <c r="C2398" s="4" t="s">
        <v>6</v>
      </c>
      <c r="D2398" s="5" t="s">
        <v>2990</v>
      </c>
      <c r="E2398" s="5" t="s">
        <v>8684</v>
      </c>
      <c r="F2398" s="6" t="s">
        <v>5</v>
      </c>
      <c r="G2398" s="2"/>
      <c r="H2398" s="4"/>
      <c r="I2398" s="5"/>
      <c r="J2398" s="5"/>
      <c r="K2398" s="5"/>
      <c r="L2398" s="6"/>
      <c r="M2398" s="2" t="s">
        <v>8686</v>
      </c>
      <c r="N2398" s="3">
        <v>45126</v>
      </c>
      <c r="O2398" s="3">
        <v>45126</v>
      </c>
      <c r="P2398" s="3">
        <v>47664</v>
      </c>
    </row>
    <row r="2399" spans="1:16" x14ac:dyDescent="0.15">
      <c r="A2399" s="2" t="s">
        <v>66</v>
      </c>
      <c r="B2399" s="2" t="s">
        <v>8683</v>
      </c>
      <c r="C2399" s="4" t="s">
        <v>6</v>
      </c>
      <c r="D2399" s="5" t="s">
        <v>2990</v>
      </c>
      <c r="E2399" s="5" t="s">
        <v>8684</v>
      </c>
      <c r="F2399" s="6" t="s">
        <v>5</v>
      </c>
      <c r="G2399" s="2"/>
      <c r="H2399" s="4"/>
      <c r="I2399" s="5"/>
      <c r="J2399" s="5"/>
      <c r="K2399" s="5"/>
      <c r="L2399" s="6"/>
      <c r="M2399" s="2" t="s">
        <v>8687</v>
      </c>
      <c r="N2399" s="3">
        <v>45126</v>
      </c>
      <c r="O2399" s="3">
        <v>45126</v>
      </c>
      <c r="P2399" s="3">
        <v>47664</v>
      </c>
    </row>
    <row r="2400" spans="1:16" x14ac:dyDescent="0.15">
      <c r="A2400" s="2" t="s">
        <v>16</v>
      </c>
      <c r="B2400" s="2" t="s">
        <v>295</v>
      </c>
      <c r="C2400" s="4" t="s">
        <v>6</v>
      </c>
      <c r="D2400" s="5" t="s">
        <v>79</v>
      </c>
      <c r="E2400" s="5" t="s">
        <v>296</v>
      </c>
      <c r="F2400" s="6" t="s">
        <v>5</v>
      </c>
      <c r="G2400" s="2" t="s">
        <v>269</v>
      </c>
      <c r="H2400" s="4" t="s">
        <v>9</v>
      </c>
      <c r="I2400" s="5" t="s">
        <v>6</v>
      </c>
      <c r="J2400" s="5" t="s">
        <v>270</v>
      </c>
      <c r="K2400" s="5" t="s">
        <v>271</v>
      </c>
      <c r="L2400" s="6" t="s">
        <v>5</v>
      </c>
      <c r="M2400" s="2" t="s">
        <v>299</v>
      </c>
      <c r="N2400" s="3">
        <v>44329</v>
      </c>
      <c r="O2400" s="3">
        <v>44329</v>
      </c>
      <c r="P2400" s="3">
        <v>46691</v>
      </c>
    </row>
    <row r="2401" spans="1:16" x14ac:dyDescent="0.15">
      <c r="A2401" s="2" t="s">
        <v>16</v>
      </c>
      <c r="B2401" s="2" t="s">
        <v>300</v>
      </c>
      <c r="C2401" s="4" t="s">
        <v>6</v>
      </c>
      <c r="D2401" s="5" t="s">
        <v>301</v>
      </c>
      <c r="E2401" s="5" t="s">
        <v>302</v>
      </c>
      <c r="F2401" s="6" t="s">
        <v>5</v>
      </c>
      <c r="G2401" s="2" t="s">
        <v>269</v>
      </c>
      <c r="H2401" s="4" t="s">
        <v>9</v>
      </c>
      <c r="I2401" s="5" t="s">
        <v>6</v>
      </c>
      <c r="J2401" s="5" t="s">
        <v>270</v>
      </c>
      <c r="K2401" s="5" t="s">
        <v>271</v>
      </c>
      <c r="L2401" s="6" t="s">
        <v>5</v>
      </c>
      <c r="M2401" s="2" t="s">
        <v>305</v>
      </c>
      <c r="N2401" s="3">
        <v>43353</v>
      </c>
      <c r="O2401" s="3">
        <v>43353</v>
      </c>
      <c r="P2401" s="3">
        <v>45747</v>
      </c>
    </row>
    <row r="2402" spans="1:16" x14ac:dyDescent="0.15">
      <c r="A2402" s="2" t="s">
        <v>16</v>
      </c>
      <c r="B2402" s="2" t="s">
        <v>306</v>
      </c>
      <c r="C2402" s="4" t="s">
        <v>6</v>
      </c>
      <c r="D2402" s="5" t="s">
        <v>307</v>
      </c>
      <c r="E2402" s="5" t="s">
        <v>308</v>
      </c>
      <c r="F2402" s="6" t="s">
        <v>5</v>
      </c>
      <c r="G2402" s="2" t="s">
        <v>269</v>
      </c>
      <c r="H2402" s="4" t="s">
        <v>9</v>
      </c>
      <c r="I2402" s="5" t="s">
        <v>6</v>
      </c>
      <c r="J2402" s="5" t="s">
        <v>270</v>
      </c>
      <c r="K2402" s="5" t="s">
        <v>271</v>
      </c>
      <c r="L2402" s="6" t="s">
        <v>5</v>
      </c>
      <c r="M2402" s="2" t="s">
        <v>311</v>
      </c>
      <c r="N2402" s="3">
        <v>42808</v>
      </c>
      <c r="O2402" s="3">
        <v>45047</v>
      </c>
      <c r="P2402" s="3">
        <v>47238</v>
      </c>
    </row>
    <row r="2403" spans="1:16" x14ac:dyDescent="0.15">
      <c r="A2403" s="2" t="s">
        <v>16</v>
      </c>
      <c r="B2403" s="2" t="s">
        <v>312</v>
      </c>
      <c r="C2403" s="4" t="s">
        <v>6</v>
      </c>
      <c r="D2403" s="5" t="s">
        <v>313</v>
      </c>
      <c r="E2403" s="5" t="s">
        <v>314</v>
      </c>
      <c r="F2403" s="6" t="s">
        <v>5</v>
      </c>
      <c r="G2403" s="2" t="s">
        <v>269</v>
      </c>
      <c r="H2403" s="4" t="s">
        <v>9</v>
      </c>
      <c r="I2403" s="5" t="s">
        <v>6</v>
      </c>
      <c r="J2403" s="5" t="s">
        <v>270</v>
      </c>
      <c r="K2403" s="5" t="s">
        <v>271</v>
      </c>
      <c r="L2403" s="6" t="s">
        <v>5</v>
      </c>
      <c r="M2403" s="2" t="s">
        <v>317</v>
      </c>
      <c r="N2403" s="3">
        <v>43522</v>
      </c>
      <c r="O2403" s="3">
        <v>43522</v>
      </c>
      <c r="P2403" s="3">
        <v>45777</v>
      </c>
    </row>
    <row r="2404" spans="1:16" x14ac:dyDescent="0.15">
      <c r="A2404" s="2" t="s">
        <v>16</v>
      </c>
      <c r="B2404" s="2" t="s">
        <v>318</v>
      </c>
      <c r="C2404" s="4" t="s">
        <v>6</v>
      </c>
      <c r="D2404" s="5" t="s">
        <v>270</v>
      </c>
      <c r="E2404" s="5" t="s">
        <v>319</v>
      </c>
      <c r="F2404" s="6" t="s">
        <v>5</v>
      </c>
      <c r="G2404" s="2" t="s">
        <v>269</v>
      </c>
      <c r="H2404" s="4" t="s">
        <v>9</v>
      </c>
      <c r="I2404" s="5" t="s">
        <v>6</v>
      </c>
      <c r="J2404" s="5" t="s">
        <v>270</v>
      </c>
      <c r="K2404" s="5" t="s">
        <v>271</v>
      </c>
      <c r="L2404" s="6" t="s">
        <v>5</v>
      </c>
      <c r="M2404" s="2" t="s">
        <v>322</v>
      </c>
      <c r="N2404" s="3">
        <v>41164</v>
      </c>
      <c r="O2404" s="3">
        <v>43556</v>
      </c>
      <c r="P2404" s="3">
        <v>45747</v>
      </c>
    </row>
    <row r="2405" spans="1:16" x14ac:dyDescent="0.15">
      <c r="A2405" s="2" t="s">
        <v>49</v>
      </c>
      <c r="B2405" s="2" t="s">
        <v>8706</v>
      </c>
      <c r="C2405" s="4" t="s">
        <v>6</v>
      </c>
      <c r="D2405" s="5" t="s">
        <v>45</v>
      </c>
      <c r="E2405" s="5" t="s">
        <v>8707</v>
      </c>
      <c r="F2405" s="6" t="s">
        <v>8708</v>
      </c>
      <c r="G2405" s="2"/>
      <c r="H2405" s="4"/>
      <c r="I2405" s="5"/>
      <c r="J2405" s="5"/>
      <c r="K2405" s="5"/>
      <c r="L2405" s="6"/>
      <c r="M2405" s="2" t="s">
        <v>8709</v>
      </c>
      <c r="N2405" s="3">
        <v>45107</v>
      </c>
      <c r="O2405" s="3">
        <v>45107</v>
      </c>
      <c r="P2405" s="3">
        <v>47087</v>
      </c>
    </row>
    <row r="2406" spans="1:16" x14ac:dyDescent="0.15">
      <c r="A2406" s="2" t="s">
        <v>49</v>
      </c>
      <c r="B2406" s="2" t="s">
        <v>8710</v>
      </c>
      <c r="C2406" s="4" t="s">
        <v>6</v>
      </c>
      <c r="D2406" s="5" t="s">
        <v>45</v>
      </c>
      <c r="E2406" s="5" t="s">
        <v>8711</v>
      </c>
      <c r="F2406" s="6" t="s">
        <v>8712</v>
      </c>
      <c r="G2406" s="2"/>
      <c r="H2406" s="4"/>
      <c r="I2406" s="5"/>
      <c r="J2406" s="5"/>
      <c r="K2406" s="5"/>
      <c r="L2406" s="6"/>
      <c r="M2406" s="2" t="s">
        <v>8713</v>
      </c>
      <c r="N2406" s="3">
        <v>45093</v>
      </c>
      <c r="O2406" s="3">
        <v>45093</v>
      </c>
      <c r="P2406" s="3">
        <v>47087</v>
      </c>
    </row>
    <row r="2407" spans="1:16" x14ac:dyDescent="0.15">
      <c r="A2407" s="2" t="s">
        <v>49</v>
      </c>
      <c r="B2407" s="2" t="s">
        <v>8715</v>
      </c>
      <c r="C2407" s="4" t="s">
        <v>6</v>
      </c>
      <c r="D2407" s="5" t="s">
        <v>592</v>
      </c>
      <c r="E2407" s="5" t="s">
        <v>8714</v>
      </c>
      <c r="F2407" s="6" t="s">
        <v>5</v>
      </c>
      <c r="G2407" s="2"/>
      <c r="H2407" s="4"/>
      <c r="I2407" s="5"/>
      <c r="J2407" s="5"/>
      <c r="K2407" s="5"/>
      <c r="L2407" s="6"/>
      <c r="M2407" s="2" t="s">
        <v>8716</v>
      </c>
      <c r="N2407" s="3">
        <v>39487</v>
      </c>
      <c r="O2407" s="3">
        <v>45108</v>
      </c>
      <c r="P2407" s="3">
        <v>46934</v>
      </c>
    </row>
    <row r="2408" spans="1:16" x14ac:dyDescent="0.15">
      <c r="A2408" s="2" t="s">
        <v>16</v>
      </c>
      <c r="B2408" s="2" t="s">
        <v>323</v>
      </c>
      <c r="C2408" s="4" t="s">
        <v>6</v>
      </c>
      <c r="D2408" s="5" t="s">
        <v>324</v>
      </c>
      <c r="E2408" s="5" t="s">
        <v>325</v>
      </c>
      <c r="F2408" s="6" t="s">
        <v>5</v>
      </c>
      <c r="G2408" s="2" t="s">
        <v>269</v>
      </c>
      <c r="H2408" s="4" t="s">
        <v>9</v>
      </c>
      <c r="I2408" s="5" t="s">
        <v>6</v>
      </c>
      <c r="J2408" s="5" t="s">
        <v>270</v>
      </c>
      <c r="K2408" s="5" t="s">
        <v>271</v>
      </c>
      <c r="L2408" s="6" t="s">
        <v>5</v>
      </c>
      <c r="M2408" s="2" t="s">
        <v>328</v>
      </c>
      <c r="N2408" s="3">
        <v>41164</v>
      </c>
      <c r="O2408" s="3">
        <v>43556</v>
      </c>
      <c r="P2408" s="3">
        <v>45747</v>
      </c>
    </row>
    <row r="2409" spans="1:16" x14ac:dyDescent="0.15">
      <c r="A2409" s="2" t="s">
        <v>16</v>
      </c>
      <c r="B2409" s="2" t="s">
        <v>329</v>
      </c>
      <c r="C2409" s="4" t="s">
        <v>6</v>
      </c>
      <c r="D2409" s="5" t="s">
        <v>330</v>
      </c>
      <c r="E2409" s="5" t="s">
        <v>331</v>
      </c>
      <c r="F2409" s="6" t="s">
        <v>5</v>
      </c>
      <c r="G2409" s="2" t="s">
        <v>269</v>
      </c>
      <c r="H2409" s="4" t="s">
        <v>9</v>
      </c>
      <c r="I2409" s="5" t="s">
        <v>6</v>
      </c>
      <c r="J2409" s="5" t="s">
        <v>270</v>
      </c>
      <c r="K2409" s="5" t="s">
        <v>271</v>
      </c>
      <c r="L2409" s="6" t="s">
        <v>5</v>
      </c>
      <c r="M2409" s="2" t="s">
        <v>334</v>
      </c>
      <c r="N2409" s="3">
        <v>44147</v>
      </c>
      <c r="O2409" s="3">
        <v>44147</v>
      </c>
      <c r="P2409" s="3">
        <v>46934</v>
      </c>
    </row>
    <row r="2410" spans="1:16" x14ac:dyDescent="0.15">
      <c r="A2410" s="2" t="s">
        <v>16</v>
      </c>
      <c r="B2410" s="2" t="s">
        <v>335</v>
      </c>
      <c r="C2410" s="4" t="s">
        <v>6</v>
      </c>
      <c r="D2410" s="5" t="s">
        <v>336</v>
      </c>
      <c r="E2410" s="5" t="s">
        <v>337</v>
      </c>
      <c r="F2410" s="6" t="s">
        <v>5</v>
      </c>
      <c r="G2410" s="2" t="s">
        <v>269</v>
      </c>
      <c r="H2410" s="4" t="s">
        <v>9</v>
      </c>
      <c r="I2410" s="5" t="s">
        <v>6</v>
      </c>
      <c r="J2410" s="5" t="s">
        <v>270</v>
      </c>
      <c r="K2410" s="5" t="s">
        <v>271</v>
      </c>
      <c r="L2410" s="6" t="s">
        <v>5</v>
      </c>
      <c r="M2410" s="2" t="s">
        <v>340</v>
      </c>
      <c r="N2410" s="3">
        <v>41794</v>
      </c>
      <c r="O2410" s="3">
        <v>44317</v>
      </c>
      <c r="P2410" s="3">
        <v>46507</v>
      </c>
    </row>
    <row r="2411" spans="1:16" x14ac:dyDescent="0.15">
      <c r="A2411" s="2" t="s">
        <v>49</v>
      </c>
      <c r="B2411" s="2" t="s">
        <v>8727</v>
      </c>
      <c r="C2411" s="4" t="s">
        <v>6</v>
      </c>
      <c r="D2411" s="5" t="s">
        <v>45</v>
      </c>
      <c r="E2411" s="5" t="s">
        <v>8707</v>
      </c>
      <c r="F2411" s="6" t="s">
        <v>8729</v>
      </c>
      <c r="G2411" s="2"/>
      <c r="H2411" s="4"/>
      <c r="I2411" s="5"/>
      <c r="J2411" s="5"/>
      <c r="K2411" s="5"/>
      <c r="L2411" s="6"/>
      <c r="M2411" s="2" t="s">
        <v>8730</v>
      </c>
      <c r="N2411" s="3">
        <v>45106</v>
      </c>
      <c r="O2411" s="3">
        <v>45106</v>
      </c>
      <c r="P2411" s="3">
        <v>47452</v>
      </c>
    </row>
    <row r="2412" spans="1:16" x14ac:dyDescent="0.15">
      <c r="A2412" s="2" t="s">
        <v>16</v>
      </c>
      <c r="B2412" s="2" t="s">
        <v>8731</v>
      </c>
      <c r="C2412" s="4" t="s">
        <v>6</v>
      </c>
      <c r="D2412" s="5" t="s">
        <v>45</v>
      </c>
      <c r="E2412" s="5" t="s">
        <v>8732</v>
      </c>
      <c r="F2412" s="6" t="s">
        <v>8733</v>
      </c>
      <c r="G2412" s="2"/>
      <c r="H2412" s="4"/>
      <c r="I2412" s="5"/>
      <c r="J2412" s="5"/>
      <c r="K2412" s="5"/>
      <c r="L2412" s="6"/>
      <c r="M2412" s="2" t="s">
        <v>8734</v>
      </c>
      <c r="N2412" s="3">
        <v>45108</v>
      </c>
      <c r="O2412" s="3">
        <v>45108</v>
      </c>
      <c r="P2412" s="3">
        <v>45473</v>
      </c>
    </row>
    <row r="2413" spans="1:16" x14ac:dyDescent="0.15">
      <c r="A2413" s="2" t="s">
        <v>49</v>
      </c>
      <c r="B2413" s="2" t="s">
        <v>8735</v>
      </c>
      <c r="C2413" s="4" t="s">
        <v>6</v>
      </c>
      <c r="D2413" s="5" t="s">
        <v>1027</v>
      </c>
      <c r="E2413" s="5" t="s">
        <v>2818</v>
      </c>
      <c r="F2413" s="6" t="s">
        <v>8736</v>
      </c>
      <c r="G2413" s="2"/>
      <c r="H2413" s="4"/>
      <c r="I2413" s="5"/>
      <c r="J2413" s="5"/>
      <c r="K2413" s="5"/>
      <c r="L2413" s="6"/>
      <c r="M2413" s="2" t="s">
        <v>8737</v>
      </c>
      <c r="N2413" s="3">
        <v>45101</v>
      </c>
      <c r="O2413" s="3">
        <v>45101</v>
      </c>
      <c r="P2413" s="3">
        <v>47452</v>
      </c>
    </row>
    <row r="2414" spans="1:16" x14ac:dyDescent="0.15">
      <c r="A2414" s="2" t="s">
        <v>16</v>
      </c>
      <c r="B2414" s="2" t="s">
        <v>341</v>
      </c>
      <c r="C2414" s="4" t="s">
        <v>6</v>
      </c>
      <c r="D2414" s="5" t="s">
        <v>342</v>
      </c>
      <c r="E2414" s="5" t="s">
        <v>343</v>
      </c>
      <c r="F2414" s="6" t="s">
        <v>5</v>
      </c>
      <c r="G2414" s="2" t="s">
        <v>269</v>
      </c>
      <c r="H2414" s="4" t="s">
        <v>9</v>
      </c>
      <c r="I2414" s="5" t="s">
        <v>6</v>
      </c>
      <c r="J2414" s="5" t="s">
        <v>270</v>
      </c>
      <c r="K2414" s="5" t="s">
        <v>271</v>
      </c>
      <c r="L2414" s="6" t="s">
        <v>5</v>
      </c>
      <c r="M2414" s="2" t="s">
        <v>346</v>
      </c>
      <c r="N2414" s="3">
        <v>41164</v>
      </c>
      <c r="O2414" s="3">
        <v>43405</v>
      </c>
      <c r="P2414" s="3">
        <v>45596</v>
      </c>
    </row>
    <row r="2415" spans="1:16" x14ac:dyDescent="0.15">
      <c r="A2415" s="2" t="s">
        <v>49</v>
      </c>
      <c r="B2415" s="2" t="s">
        <v>8743</v>
      </c>
      <c r="C2415" s="4" t="s">
        <v>6</v>
      </c>
      <c r="D2415" s="5" t="s">
        <v>4448</v>
      </c>
      <c r="E2415" s="5" t="s">
        <v>8744</v>
      </c>
      <c r="F2415" s="6" t="s">
        <v>5</v>
      </c>
      <c r="G2415" s="2"/>
      <c r="H2415" s="4"/>
      <c r="I2415" s="5"/>
      <c r="J2415" s="5"/>
      <c r="K2415" s="5"/>
      <c r="L2415" s="6"/>
      <c r="M2415" s="2" t="s">
        <v>8745</v>
      </c>
      <c r="N2415" s="3">
        <v>42794</v>
      </c>
      <c r="O2415" s="3">
        <v>45108</v>
      </c>
      <c r="P2415" s="3">
        <v>47299</v>
      </c>
    </row>
    <row r="2416" spans="1:16" x14ac:dyDescent="0.15">
      <c r="A2416" s="2" t="s">
        <v>49</v>
      </c>
      <c r="B2416" s="2" t="s">
        <v>8746</v>
      </c>
      <c r="C2416" s="4" t="s">
        <v>6</v>
      </c>
      <c r="D2416" s="5" t="s">
        <v>500</v>
      </c>
      <c r="E2416" s="5" t="s">
        <v>8747</v>
      </c>
      <c r="F2416" s="6" t="s">
        <v>8748</v>
      </c>
      <c r="G2416" s="2"/>
      <c r="H2416" s="4"/>
      <c r="I2416" s="5"/>
      <c r="J2416" s="5"/>
      <c r="K2416" s="5"/>
      <c r="L2416" s="6"/>
      <c r="M2416" s="2" t="s">
        <v>8749</v>
      </c>
      <c r="N2416" s="3">
        <v>45135</v>
      </c>
      <c r="O2416" s="3">
        <v>45135</v>
      </c>
      <c r="P2416" s="3">
        <v>47634</v>
      </c>
    </row>
    <row r="2417" spans="1:16" x14ac:dyDescent="0.15">
      <c r="A2417" s="2" t="s">
        <v>49</v>
      </c>
      <c r="B2417" s="2" t="s">
        <v>8750</v>
      </c>
      <c r="C2417" s="4" t="s">
        <v>6</v>
      </c>
      <c r="D2417" s="5" t="s">
        <v>500</v>
      </c>
      <c r="E2417" s="5" t="s">
        <v>8751</v>
      </c>
      <c r="F2417" s="6" t="s">
        <v>5</v>
      </c>
      <c r="G2417" s="2"/>
      <c r="H2417" s="4"/>
      <c r="I2417" s="5"/>
      <c r="J2417" s="5"/>
      <c r="K2417" s="5"/>
      <c r="L2417" s="6"/>
      <c r="M2417" s="2" t="s">
        <v>8752</v>
      </c>
      <c r="N2417" s="3">
        <v>41786</v>
      </c>
      <c r="O2417" s="3">
        <v>45444</v>
      </c>
      <c r="P2417" s="3">
        <v>47269</v>
      </c>
    </row>
    <row r="2418" spans="1:16" x14ac:dyDescent="0.15">
      <c r="A2418" s="2" t="s">
        <v>16</v>
      </c>
      <c r="B2418" s="2" t="s">
        <v>347</v>
      </c>
      <c r="C2418" s="4" t="s">
        <v>6</v>
      </c>
      <c r="D2418" s="5" t="s">
        <v>348</v>
      </c>
      <c r="E2418" s="5" t="s">
        <v>349</v>
      </c>
      <c r="F2418" s="6" t="s">
        <v>5</v>
      </c>
      <c r="G2418" s="2" t="s">
        <v>269</v>
      </c>
      <c r="H2418" s="4" t="s">
        <v>9</v>
      </c>
      <c r="I2418" s="5" t="s">
        <v>6</v>
      </c>
      <c r="J2418" s="5" t="s">
        <v>270</v>
      </c>
      <c r="K2418" s="5" t="s">
        <v>271</v>
      </c>
      <c r="L2418" s="6" t="s">
        <v>5</v>
      </c>
      <c r="M2418" s="2" t="s">
        <v>352</v>
      </c>
      <c r="N2418" s="3">
        <v>43132</v>
      </c>
      <c r="O2418" s="3">
        <v>45383</v>
      </c>
      <c r="P2418" s="3">
        <v>47573</v>
      </c>
    </row>
    <row r="2419" spans="1:16" x14ac:dyDescent="0.15">
      <c r="A2419" s="2" t="s">
        <v>16</v>
      </c>
      <c r="B2419" s="2" t="s">
        <v>8759</v>
      </c>
      <c r="C2419" s="4" t="s">
        <v>6</v>
      </c>
      <c r="D2419" s="5" t="s">
        <v>1762</v>
      </c>
      <c r="E2419" s="5" t="s">
        <v>8760</v>
      </c>
      <c r="F2419" s="6" t="s">
        <v>5</v>
      </c>
      <c r="G2419" s="2"/>
      <c r="H2419" s="4"/>
      <c r="I2419" s="5"/>
      <c r="J2419" s="5"/>
      <c r="K2419" s="5"/>
      <c r="L2419" s="6"/>
      <c r="M2419" s="2" t="s">
        <v>8761</v>
      </c>
      <c r="N2419" s="3">
        <v>45109</v>
      </c>
      <c r="O2419" s="3">
        <v>45109</v>
      </c>
      <c r="P2419" s="3">
        <v>45474</v>
      </c>
    </row>
    <row r="2420" spans="1:16" x14ac:dyDescent="0.15">
      <c r="A2420" s="2" t="s">
        <v>16</v>
      </c>
      <c r="B2420" s="2" t="s">
        <v>366</v>
      </c>
      <c r="C2420" s="4" t="s">
        <v>6</v>
      </c>
      <c r="D2420" s="5" t="s">
        <v>367</v>
      </c>
      <c r="E2420" s="5" t="s">
        <v>368</v>
      </c>
      <c r="F2420" s="6" t="s">
        <v>5</v>
      </c>
      <c r="G2420" s="2" t="s">
        <v>269</v>
      </c>
      <c r="H2420" s="4" t="s">
        <v>9</v>
      </c>
      <c r="I2420" s="5" t="s">
        <v>6</v>
      </c>
      <c r="J2420" s="5" t="s">
        <v>270</v>
      </c>
      <c r="K2420" s="5" t="s">
        <v>271</v>
      </c>
      <c r="L2420" s="6" t="s">
        <v>5</v>
      </c>
      <c r="M2420" s="2" t="s">
        <v>371</v>
      </c>
      <c r="N2420" s="3">
        <v>41164</v>
      </c>
      <c r="O2420" s="3">
        <v>43374</v>
      </c>
      <c r="P2420" s="3">
        <v>45565</v>
      </c>
    </row>
    <row r="2421" spans="1:16" x14ac:dyDescent="0.15">
      <c r="A2421" s="2" t="s">
        <v>16</v>
      </c>
      <c r="B2421" s="2" t="s">
        <v>517</v>
      </c>
      <c r="C2421" s="4" t="s">
        <v>6</v>
      </c>
      <c r="D2421" s="5" t="s">
        <v>218</v>
      </c>
      <c r="E2421" s="5" t="s">
        <v>266</v>
      </c>
      <c r="F2421" s="6" t="s">
        <v>267</v>
      </c>
      <c r="G2421" s="2" t="s">
        <v>514</v>
      </c>
      <c r="H2421" s="4" t="s">
        <v>9</v>
      </c>
      <c r="I2421" s="5" t="s">
        <v>6</v>
      </c>
      <c r="J2421" s="5" t="s">
        <v>515</v>
      </c>
      <c r="K2421" s="5" t="s">
        <v>516</v>
      </c>
      <c r="L2421" s="6" t="s">
        <v>5</v>
      </c>
      <c r="M2421" s="2" t="s">
        <v>518</v>
      </c>
      <c r="N2421" s="3">
        <v>44351</v>
      </c>
      <c r="O2421" s="3">
        <v>44351</v>
      </c>
      <c r="P2421" s="3">
        <v>46843</v>
      </c>
    </row>
    <row r="2422" spans="1:16" x14ac:dyDescent="0.15">
      <c r="A2422" s="2" t="s">
        <v>16</v>
      </c>
      <c r="B2422" s="2" t="s">
        <v>530</v>
      </c>
      <c r="C2422" s="4" t="s">
        <v>6</v>
      </c>
      <c r="D2422" s="5" t="s">
        <v>531</v>
      </c>
      <c r="E2422" s="5" t="s">
        <v>532</v>
      </c>
      <c r="F2422" s="6" t="s">
        <v>5</v>
      </c>
      <c r="G2422" s="2" t="s">
        <v>530</v>
      </c>
      <c r="H2422" s="4" t="s">
        <v>9</v>
      </c>
      <c r="I2422" s="5" t="s">
        <v>6</v>
      </c>
      <c r="J2422" s="5" t="s">
        <v>531</v>
      </c>
      <c r="K2422" s="5" t="s">
        <v>532</v>
      </c>
      <c r="L2422" s="6" t="s">
        <v>5</v>
      </c>
      <c r="M2422" s="2" t="s">
        <v>533</v>
      </c>
      <c r="N2422" s="3">
        <v>45414</v>
      </c>
      <c r="O2422" s="3">
        <v>45414</v>
      </c>
      <c r="P2422" s="3">
        <v>48152</v>
      </c>
    </row>
    <row r="2423" spans="1:16" x14ac:dyDescent="0.15">
      <c r="A2423" s="2" t="s">
        <v>49</v>
      </c>
      <c r="B2423" s="2" t="s">
        <v>8777</v>
      </c>
      <c r="C2423" s="4" t="s">
        <v>6</v>
      </c>
      <c r="D2423" s="5" t="s">
        <v>8776</v>
      </c>
      <c r="E2423" s="5" t="s">
        <v>8399</v>
      </c>
      <c r="F2423" s="6" t="s">
        <v>5</v>
      </c>
      <c r="G2423" s="2"/>
      <c r="H2423" s="4"/>
      <c r="I2423" s="5"/>
      <c r="J2423" s="5"/>
      <c r="K2423" s="5"/>
      <c r="L2423" s="6"/>
      <c r="M2423" s="2" t="s">
        <v>8778</v>
      </c>
      <c r="N2423" s="3">
        <v>29373</v>
      </c>
      <c r="O2423" s="3">
        <v>45108</v>
      </c>
      <c r="P2423" s="3">
        <v>47299</v>
      </c>
    </row>
    <row r="2424" spans="1:16" x14ac:dyDescent="0.15">
      <c r="A2424" s="2" t="s">
        <v>49</v>
      </c>
      <c r="B2424" s="2" t="s">
        <v>8779</v>
      </c>
      <c r="C2424" s="4" t="s">
        <v>6</v>
      </c>
      <c r="D2424" s="5" t="s">
        <v>5469</v>
      </c>
      <c r="E2424" s="5" t="s">
        <v>5967</v>
      </c>
      <c r="F2424" s="6" t="s">
        <v>5</v>
      </c>
      <c r="G2424" s="2"/>
      <c r="H2424" s="4"/>
      <c r="I2424" s="5"/>
      <c r="J2424" s="5"/>
      <c r="K2424" s="5"/>
      <c r="L2424" s="6"/>
      <c r="M2424" s="2" t="s">
        <v>8780</v>
      </c>
      <c r="N2424" s="3">
        <v>43010</v>
      </c>
      <c r="O2424" s="3">
        <v>45108</v>
      </c>
      <c r="P2424" s="3">
        <v>46934</v>
      </c>
    </row>
    <row r="2425" spans="1:16" x14ac:dyDescent="0.15">
      <c r="A2425" s="2" t="s">
        <v>16</v>
      </c>
      <c r="B2425" s="2" t="s">
        <v>645</v>
      </c>
      <c r="C2425" s="4" t="s">
        <v>6</v>
      </c>
      <c r="D2425" s="5" t="s">
        <v>179</v>
      </c>
      <c r="E2425" s="5" t="s">
        <v>646</v>
      </c>
      <c r="F2425" s="6" t="s">
        <v>5</v>
      </c>
      <c r="G2425" s="2" t="s">
        <v>641</v>
      </c>
      <c r="H2425" s="4" t="s">
        <v>642</v>
      </c>
      <c r="I2425" s="5" t="s">
        <v>643</v>
      </c>
      <c r="J2425" s="5" t="s">
        <v>644</v>
      </c>
      <c r="K2425" s="5" t="s">
        <v>216</v>
      </c>
      <c r="L2425" s="6" t="s">
        <v>5</v>
      </c>
      <c r="M2425" s="2" t="s">
        <v>647</v>
      </c>
      <c r="N2425" s="3">
        <v>42350</v>
      </c>
      <c r="O2425" s="3">
        <v>44835</v>
      </c>
      <c r="P2425" s="3">
        <v>47026</v>
      </c>
    </row>
    <row r="2426" spans="1:16" x14ac:dyDescent="0.15">
      <c r="A2426" s="2" t="s">
        <v>16</v>
      </c>
      <c r="B2426" s="2" t="s">
        <v>645</v>
      </c>
      <c r="C2426" s="4" t="s">
        <v>6</v>
      </c>
      <c r="D2426" s="5" t="s">
        <v>179</v>
      </c>
      <c r="E2426" s="5" t="s">
        <v>646</v>
      </c>
      <c r="F2426" s="6" t="s">
        <v>5</v>
      </c>
      <c r="G2426" s="2" t="s">
        <v>641</v>
      </c>
      <c r="H2426" s="4" t="s">
        <v>642</v>
      </c>
      <c r="I2426" s="5" t="s">
        <v>643</v>
      </c>
      <c r="J2426" s="5" t="s">
        <v>644</v>
      </c>
      <c r="K2426" s="5" t="s">
        <v>216</v>
      </c>
      <c r="L2426" s="6" t="s">
        <v>5</v>
      </c>
      <c r="M2426" s="2" t="s">
        <v>648</v>
      </c>
      <c r="N2426" s="3">
        <v>37333</v>
      </c>
      <c r="O2426" s="3">
        <v>44835</v>
      </c>
      <c r="P2426" s="3">
        <v>47026</v>
      </c>
    </row>
    <row r="2427" spans="1:16" x14ac:dyDescent="0.15">
      <c r="A2427" s="2" t="s">
        <v>49</v>
      </c>
      <c r="B2427" s="2" t="s">
        <v>8792</v>
      </c>
      <c r="C2427" s="4" t="s">
        <v>6</v>
      </c>
      <c r="D2427" s="5" t="s">
        <v>8793</v>
      </c>
      <c r="E2427" s="5" t="s">
        <v>8794</v>
      </c>
      <c r="F2427" s="6" t="s">
        <v>5</v>
      </c>
      <c r="G2427" s="2"/>
      <c r="H2427" s="4"/>
      <c r="I2427" s="5"/>
      <c r="J2427" s="5"/>
      <c r="K2427" s="5"/>
      <c r="L2427" s="6"/>
      <c r="M2427" s="2" t="s">
        <v>8795</v>
      </c>
      <c r="N2427" s="3">
        <v>45114</v>
      </c>
      <c r="O2427" s="3">
        <v>45114</v>
      </c>
      <c r="P2427" s="3">
        <v>47603</v>
      </c>
    </row>
    <row r="2428" spans="1:16" x14ac:dyDescent="0.15">
      <c r="A2428" s="2" t="s">
        <v>49</v>
      </c>
      <c r="B2428" s="2" t="s">
        <v>8796</v>
      </c>
      <c r="C2428" s="4" t="s">
        <v>6</v>
      </c>
      <c r="D2428" s="5" t="s">
        <v>45</v>
      </c>
      <c r="E2428" s="5" t="s">
        <v>8797</v>
      </c>
      <c r="F2428" s="6" t="s">
        <v>8798</v>
      </c>
      <c r="G2428" s="2"/>
      <c r="H2428" s="4"/>
      <c r="I2428" s="5"/>
      <c r="J2428" s="5"/>
      <c r="K2428" s="5"/>
      <c r="L2428" s="6"/>
      <c r="M2428" s="2" t="s">
        <v>8799</v>
      </c>
      <c r="N2428" s="3">
        <v>45205</v>
      </c>
      <c r="O2428" s="3">
        <v>45205</v>
      </c>
      <c r="P2428" s="3">
        <v>47087</v>
      </c>
    </row>
    <row r="2429" spans="1:16" x14ac:dyDescent="0.15">
      <c r="A2429" s="2" t="s">
        <v>16</v>
      </c>
      <c r="B2429" s="2" t="s">
        <v>825</v>
      </c>
      <c r="C2429" s="4" t="s">
        <v>6</v>
      </c>
      <c r="D2429" s="5" t="s">
        <v>826</v>
      </c>
      <c r="E2429" s="5" t="s">
        <v>5</v>
      </c>
      <c r="F2429" s="6" t="s">
        <v>5</v>
      </c>
      <c r="G2429" s="2" t="s">
        <v>823</v>
      </c>
      <c r="H2429" s="4" t="s">
        <v>9</v>
      </c>
      <c r="I2429" s="5" t="s">
        <v>6</v>
      </c>
      <c r="J2429" s="5" t="s">
        <v>824</v>
      </c>
      <c r="K2429" s="5" t="s">
        <v>5</v>
      </c>
      <c r="L2429" s="6" t="s">
        <v>5</v>
      </c>
      <c r="M2429" s="2" t="s">
        <v>828</v>
      </c>
      <c r="N2429" s="3">
        <v>40193</v>
      </c>
      <c r="O2429" s="3">
        <v>44835</v>
      </c>
      <c r="P2429" s="3">
        <v>47026</v>
      </c>
    </row>
    <row r="2430" spans="1:16" x14ac:dyDescent="0.15">
      <c r="A2430" s="2" t="s">
        <v>49</v>
      </c>
      <c r="B2430" s="2" t="s">
        <v>8807</v>
      </c>
      <c r="C2430" s="4" t="s">
        <v>6</v>
      </c>
      <c r="D2430" s="5" t="s">
        <v>1839</v>
      </c>
      <c r="E2430" s="5" t="s">
        <v>1723</v>
      </c>
      <c r="F2430" s="6" t="s">
        <v>8808</v>
      </c>
      <c r="G2430" s="2"/>
      <c r="H2430" s="4"/>
      <c r="I2430" s="5"/>
      <c r="J2430" s="5"/>
      <c r="K2430" s="5"/>
      <c r="L2430" s="6"/>
      <c r="M2430" s="2" t="s">
        <v>8809</v>
      </c>
      <c r="N2430" s="3">
        <v>45114</v>
      </c>
      <c r="O2430" s="3">
        <v>45114</v>
      </c>
      <c r="P2430" s="3">
        <v>47026</v>
      </c>
    </row>
    <row r="2431" spans="1:16" x14ac:dyDescent="0.15">
      <c r="A2431" s="2" t="s">
        <v>16</v>
      </c>
      <c r="B2431" s="2" t="s">
        <v>829</v>
      </c>
      <c r="C2431" s="4" t="s">
        <v>6</v>
      </c>
      <c r="D2431" s="5" t="s">
        <v>169</v>
      </c>
      <c r="E2431" s="5" t="s">
        <v>830</v>
      </c>
      <c r="F2431" s="6" t="s">
        <v>5</v>
      </c>
      <c r="G2431" s="2" t="s">
        <v>823</v>
      </c>
      <c r="H2431" s="4" t="s">
        <v>9</v>
      </c>
      <c r="I2431" s="5" t="s">
        <v>6</v>
      </c>
      <c r="J2431" s="5" t="s">
        <v>824</v>
      </c>
      <c r="K2431" s="5" t="s">
        <v>5</v>
      </c>
      <c r="L2431" s="6" t="s">
        <v>5</v>
      </c>
      <c r="M2431" s="2" t="s">
        <v>832</v>
      </c>
      <c r="N2431" s="3">
        <v>44832</v>
      </c>
      <c r="O2431" s="3">
        <v>44832</v>
      </c>
      <c r="P2431" s="3">
        <v>47208</v>
      </c>
    </row>
    <row r="2432" spans="1:16" x14ac:dyDescent="0.15">
      <c r="A2432" s="2" t="s">
        <v>16</v>
      </c>
      <c r="B2432" s="2" t="s">
        <v>833</v>
      </c>
      <c r="C2432" s="4" t="s">
        <v>6</v>
      </c>
      <c r="D2432" s="5" t="s">
        <v>834</v>
      </c>
      <c r="E2432" s="5" t="s">
        <v>835</v>
      </c>
      <c r="F2432" s="6" t="s">
        <v>5</v>
      </c>
      <c r="G2432" s="2" t="s">
        <v>823</v>
      </c>
      <c r="H2432" s="4" t="s">
        <v>9</v>
      </c>
      <c r="I2432" s="5" t="s">
        <v>6</v>
      </c>
      <c r="J2432" s="5" t="s">
        <v>824</v>
      </c>
      <c r="K2432" s="5" t="s">
        <v>5</v>
      </c>
      <c r="L2432" s="6" t="s">
        <v>5</v>
      </c>
      <c r="M2432" s="2" t="s">
        <v>836</v>
      </c>
      <c r="N2432" s="3">
        <v>34964</v>
      </c>
      <c r="O2432" s="3">
        <v>45383</v>
      </c>
      <c r="P2432" s="3">
        <v>47573</v>
      </c>
    </row>
    <row r="2433" spans="1:16" x14ac:dyDescent="0.15">
      <c r="A2433" s="2" t="s">
        <v>16</v>
      </c>
      <c r="B2433" s="2" t="s">
        <v>837</v>
      </c>
      <c r="C2433" s="4" t="s">
        <v>6</v>
      </c>
      <c r="D2433" s="5" t="s">
        <v>838</v>
      </c>
      <c r="E2433" s="5" t="s">
        <v>839</v>
      </c>
      <c r="F2433" s="6" t="s">
        <v>5</v>
      </c>
      <c r="G2433" s="2" t="s">
        <v>823</v>
      </c>
      <c r="H2433" s="4" t="s">
        <v>9</v>
      </c>
      <c r="I2433" s="5" t="s">
        <v>6</v>
      </c>
      <c r="J2433" s="5" t="s">
        <v>824</v>
      </c>
      <c r="K2433" s="5" t="s">
        <v>5</v>
      </c>
      <c r="L2433" s="6" t="s">
        <v>5</v>
      </c>
      <c r="M2433" s="2" t="s">
        <v>840</v>
      </c>
      <c r="N2433" s="3">
        <v>38531</v>
      </c>
      <c r="O2433" s="3">
        <v>45413</v>
      </c>
      <c r="P2433" s="3">
        <v>47603</v>
      </c>
    </row>
    <row r="2434" spans="1:16" x14ac:dyDescent="0.15">
      <c r="A2434" s="2" t="s">
        <v>16</v>
      </c>
      <c r="B2434" s="2" t="s">
        <v>1047</v>
      </c>
      <c r="C2434" s="4" t="s">
        <v>6</v>
      </c>
      <c r="D2434" s="5" t="s">
        <v>79</v>
      </c>
      <c r="E2434" s="5" t="s">
        <v>1046</v>
      </c>
      <c r="F2434" s="6" t="s">
        <v>1048</v>
      </c>
      <c r="G2434" s="2" t="s">
        <v>1045</v>
      </c>
      <c r="H2434" s="4" t="s">
        <v>9</v>
      </c>
      <c r="I2434" s="5" t="s">
        <v>6</v>
      </c>
      <c r="J2434" s="5" t="s">
        <v>79</v>
      </c>
      <c r="K2434" s="5" t="s">
        <v>1046</v>
      </c>
      <c r="L2434" s="6" t="s">
        <v>5</v>
      </c>
      <c r="M2434" s="2" t="s">
        <v>1049</v>
      </c>
      <c r="N2434" s="3">
        <v>44379</v>
      </c>
      <c r="O2434" s="3">
        <v>44379</v>
      </c>
      <c r="P2434" s="3">
        <v>46326</v>
      </c>
    </row>
    <row r="2435" spans="1:16" x14ac:dyDescent="0.15">
      <c r="A2435" s="2" t="s">
        <v>49</v>
      </c>
      <c r="B2435" s="2" t="s">
        <v>8818</v>
      </c>
      <c r="C2435" s="4" t="s">
        <v>6</v>
      </c>
      <c r="D2435" s="5" t="s">
        <v>2371</v>
      </c>
      <c r="E2435" s="5" t="s">
        <v>8819</v>
      </c>
      <c r="F2435" s="6" t="s">
        <v>5</v>
      </c>
      <c r="G2435" s="2"/>
      <c r="H2435" s="4"/>
      <c r="I2435" s="5"/>
      <c r="J2435" s="5"/>
      <c r="K2435" s="5"/>
      <c r="L2435" s="6"/>
      <c r="M2435" s="2" t="s">
        <v>8820</v>
      </c>
      <c r="N2435" s="3">
        <v>45135</v>
      </c>
      <c r="O2435" s="3">
        <v>45135</v>
      </c>
      <c r="P2435" s="3">
        <v>47573</v>
      </c>
    </row>
    <row r="2436" spans="1:16" x14ac:dyDescent="0.15">
      <c r="A2436" s="2" t="s">
        <v>49</v>
      </c>
      <c r="B2436" s="2" t="s">
        <v>8821</v>
      </c>
      <c r="C2436" s="4" t="s">
        <v>6</v>
      </c>
      <c r="D2436" s="5" t="s">
        <v>3361</v>
      </c>
      <c r="E2436" s="5" t="s">
        <v>8822</v>
      </c>
      <c r="F2436" s="6" t="s">
        <v>767</v>
      </c>
      <c r="G2436" s="2"/>
      <c r="H2436" s="4"/>
      <c r="I2436" s="5"/>
      <c r="J2436" s="5"/>
      <c r="K2436" s="5"/>
      <c r="L2436" s="6"/>
      <c r="M2436" s="2" t="s">
        <v>8823</v>
      </c>
      <c r="N2436" s="3">
        <v>45117</v>
      </c>
      <c r="O2436" s="3">
        <v>45117</v>
      </c>
      <c r="P2436" s="3">
        <v>47238</v>
      </c>
    </row>
    <row r="2437" spans="1:16" x14ac:dyDescent="0.15">
      <c r="A2437" s="2" t="s">
        <v>16</v>
      </c>
      <c r="B2437" s="2" t="s">
        <v>1064</v>
      </c>
      <c r="C2437" s="4" t="s">
        <v>6</v>
      </c>
      <c r="D2437" s="5" t="s">
        <v>562</v>
      </c>
      <c r="E2437" s="5" t="s">
        <v>1065</v>
      </c>
      <c r="F2437" s="6" t="s">
        <v>5</v>
      </c>
      <c r="G2437" s="2" t="s">
        <v>1057</v>
      </c>
      <c r="H2437" s="4" t="s">
        <v>384</v>
      </c>
      <c r="I2437" s="5" t="s">
        <v>1058</v>
      </c>
      <c r="J2437" s="5" t="s">
        <v>1059</v>
      </c>
      <c r="K2437" s="5" t="s">
        <v>5</v>
      </c>
      <c r="L2437" s="6" t="s">
        <v>5</v>
      </c>
      <c r="M2437" s="2" t="s">
        <v>1067</v>
      </c>
      <c r="N2437" s="3">
        <v>45108</v>
      </c>
      <c r="O2437" s="3">
        <v>45108</v>
      </c>
      <c r="P2437" s="3">
        <v>47299</v>
      </c>
    </row>
    <row r="2438" spans="1:16" x14ac:dyDescent="0.15">
      <c r="A2438" s="2" t="s">
        <v>16</v>
      </c>
      <c r="B2438" s="2" t="s">
        <v>1298</v>
      </c>
      <c r="C2438" s="4" t="s">
        <v>6</v>
      </c>
      <c r="D2438" s="5" t="s">
        <v>1152</v>
      </c>
      <c r="E2438" s="5" t="s">
        <v>1299</v>
      </c>
      <c r="F2438" s="6" t="s">
        <v>5</v>
      </c>
      <c r="G2438" s="2" t="s">
        <v>1295</v>
      </c>
      <c r="H2438" s="4" t="s">
        <v>9</v>
      </c>
      <c r="I2438" s="5" t="s">
        <v>6</v>
      </c>
      <c r="J2438" s="5" t="s">
        <v>1296</v>
      </c>
      <c r="K2438" s="5" t="s">
        <v>1297</v>
      </c>
      <c r="L2438" s="6" t="s">
        <v>5</v>
      </c>
      <c r="M2438" s="2" t="s">
        <v>1301</v>
      </c>
      <c r="N2438" s="3">
        <v>44397</v>
      </c>
      <c r="O2438" s="3">
        <v>44397</v>
      </c>
      <c r="P2438" s="3">
        <v>46721</v>
      </c>
    </row>
    <row r="2439" spans="1:16" x14ac:dyDescent="0.15">
      <c r="A2439" s="2" t="s">
        <v>16</v>
      </c>
      <c r="B2439" s="2" t="s">
        <v>1677</v>
      </c>
      <c r="C2439" s="4" t="s">
        <v>6</v>
      </c>
      <c r="D2439" s="5" t="s">
        <v>174</v>
      </c>
      <c r="E2439" s="5" t="s">
        <v>1208</v>
      </c>
      <c r="F2439" s="6" t="s">
        <v>5</v>
      </c>
      <c r="G2439" s="2" t="s">
        <v>1674</v>
      </c>
      <c r="H2439" s="4" t="s">
        <v>9</v>
      </c>
      <c r="I2439" s="5" t="s">
        <v>6</v>
      </c>
      <c r="J2439" s="5" t="s">
        <v>1675</v>
      </c>
      <c r="K2439" s="5" t="s">
        <v>1676</v>
      </c>
      <c r="L2439" s="6" t="s">
        <v>5</v>
      </c>
      <c r="M2439" s="2" t="s">
        <v>1679</v>
      </c>
      <c r="N2439" s="3">
        <v>42074</v>
      </c>
      <c r="O2439" s="3">
        <v>44470</v>
      </c>
      <c r="P2439" s="3">
        <v>46660</v>
      </c>
    </row>
    <row r="2440" spans="1:16" x14ac:dyDescent="0.15">
      <c r="A2440" s="2" t="s">
        <v>16</v>
      </c>
      <c r="B2440" s="2" t="s">
        <v>1680</v>
      </c>
      <c r="C2440" s="4" t="s">
        <v>6</v>
      </c>
      <c r="D2440" s="5" t="s">
        <v>85</v>
      </c>
      <c r="E2440" s="5" t="s">
        <v>86</v>
      </c>
      <c r="F2440" s="6" t="s">
        <v>1681</v>
      </c>
      <c r="G2440" s="2" t="s">
        <v>1674</v>
      </c>
      <c r="H2440" s="4" t="s">
        <v>9</v>
      </c>
      <c r="I2440" s="5" t="s">
        <v>6</v>
      </c>
      <c r="J2440" s="5" t="s">
        <v>1675</v>
      </c>
      <c r="K2440" s="5" t="s">
        <v>1676</v>
      </c>
      <c r="L2440" s="6" t="s">
        <v>5</v>
      </c>
      <c r="M2440" s="2" t="s">
        <v>1683</v>
      </c>
      <c r="N2440" s="3">
        <v>40495</v>
      </c>
      <c r="O2440" s="3">
        <v>45047</v>
      </c>
      <c r="P2440" s="3">
        <v>47238</v>
      </c>
    </row>
    <row r="2441" spans="1:16" x14ac:dyDescent="0.15">
      <c r="A2441" s="2" t="s">
        <v>16</v>
      </c>
      <c r="B2441" s="2" t="s">
        <v>1684</v>
      </c>
      <c r="C2441" s="4" t="s">
        <v>6</v>
      </c>
      <c r="D2441" s="5" t="s">
        <v>570</v>
      </c>
      <c r="E2441" s="5" t="s">
        <v>1685</v>
      </c>
      <c r="F2441" s="6" t="s">
        <v>1686</v>
      </c>
      <c r="G2441" s="2" t="s">
        <v>1674</v>
      </c>
      <c r="H2441" s="4" t="s">
        <v>9</v>
      </c>
      <c r="I2441" s="5" t="s">
        <v>6</v>
      </c>
      <c r="J2441" s="5" t="s">
        <v>1675</v>
      </c>
      <c r="K2441" s="5" t="s">
        <v>1676</v>
      </c>
      <c r="L2441" s="6" t="s">
        <v>5</v>
      </c>
      <c r="M2441" s="2" t="s">
        <v>1688</v>
      </c>
      <c r="N2441" s="3">
        <v>37070</v>
      </c>
      <c r="O2441" s="3">
        <v>45413</v>
      </c>
      <c r="P2441" s="3">
        <v>47603</v>
      </c>
    </row>
    <row r="2442" spans="1:16" x14ac:dyDescent="0.15">
      <c r="A2442" s="2" t="s">
        <v>16</v>
      </c>
      <c r="B2442" s="2" t="s">
        <v>1978</v>
      </c>
      <c r="C2442" s="4" t="s">
        <v>6</v>
      </c>
      <c r="D2442" s="5" t="s">
        <v>1979</v>
      </c>
      <c r="E2442" s="5" t="s">
        <v>5</v>
      </c>
      <c r="F2442" s="6" t="s">
        <v>5</v>
      </c>
      <c r="G2442" s="2" t="s">
        <v>1976</v>
      </c>
      <c r="H2442" s="4" t="s">
        <v>9</v>
      </c>
      <c r="I2442" s="5" t="s">
        <v>6</v>
      </c>
      <c r="J2442" s="5" t="s">
        <v>1977</v>
      </c>
      <c r="K2442" s="5" t="s">
        <v>604</v>
      </c>
      <c r="L2442" s="6" t="s">
        <v>5</v>
      </c>
      <c r="M2442" s="2" t="s">
        <v>1981</v>
      </c>
      <c r="N2442" s="3">
        <v>44436</v>
      </c>
      <c r="O2442" s="3">
        <v>44436</v>
      </c>
      <c r="P2442" s="3">
        <v>46477</v>
      </c>
    </row>
    <row r="2443" spans="1:16" x14ac:dyDescent="0.15">
      <c r="A2443" s="2" t="s">
        <v>49</v>
      </c>
      <c r="B2443" s="2" t="s">
        <v>8845</v>
      </c>
      <c r="C2443" s="4" t="s">
        <v>6</v>
      </c>
      <c r="D2443" s="5" t="s">
        <v>1286</v>
      </c>
      <c r="E2443" s="5" t="s">
        <v>8846</v>
      </c>
      <c r="F2443" s="6" t="s">
        <v>8847</v>
      </c>
      <c r="G2443" s="2"/>
      <c r="H2443" s="4"/>
      <c r="I2443" s="5"/>
      <c r="J2443" s="5"/>
      <c r="K2443" s="5"/>
      <c r="L2443" s="6"/>
      <c r="M2443" s="2" t="s">
        <v>8848</v>
      </c>
      <c r="N2443" s="3">
        <v>45194</v>
      </c>
      <c r="O2443" s="3">
        <v>45194</v>
      </c>
      <c r="P2443" s="3">
        <v>47391</v>
      </c>
    </row>
    <row r="2444" spans="1:16" x14ac:dyDescent="0.15">
      <c r="A2444" s="2" t="s">
        <v>16</v>
      </c>
      <c r="B2444" s="2" t="s">
        <v>2259</v>
      </c>
      <c r="C2444" s="4" t="s">
        <v>6</v>
      </c>
      <c r="D2444" s="5" t="s">
        <v>1758</v>
      </c>
      <c r="E2444" s="5" t="s">
        <v>2260</v>
      </c>
      <c r="F2444" s="6" t="s">
        <v>5</v>
      </c>
      <c r="G2444" s="2" t="s">
        <v>2259</v>
      </c>
      <c r="H2444" s="4" t="s">
        <v>9</v>
      </c>
      <c r="I2444" s="5" t="s">
        <v>6</v>
      </c>
      <c r="J2444" s="5" t="s">
        <v>1758</v>
      </c>
      <c r="K2444" s="5" t="s">
        <v>2260</v>
      </c>
      <c r="L2444" s="6" t="s">
        <v>5</v>
      </c>
      <c r="M2444" s="2" t="s">
        <v>2261</v>
      </c>
      <c r="N2444" s="3">
        <v>42215</v>
      </c>
      <c r="O2444" s="3">
        <v>44470</v>
      </c>
      <c r="P2444" s="3">
        <v>46660</v>
      </c>
    </row>
    <row r="2445" spans="1:16" x14ac:dyDescent="0.15">
      <c r="A2445" s="2" t="s">
        <v>49</v>
      </c>
      <c r="B2445" s="2" t="s">
        <v>8854</v>
      </c>
      <c r="C2445" s="4" t="s">
        <v>6</v>
      </c>
      <c r="D2445" s="5" t="s">
        <v>1027</v>
      </c>
      <c r="E2445" s="5" t="s">
        <v>7629</v>
      </c>
      <c r="F2445" s="6" t="s">
        <v>8855</v>
      </c>
      <c r="G2445" s="2"/>
      <c r="H2445" s="4"/>
      <c r="I2445" s="5"/>
      <c r="J2445" s="5"/>
      <c r="K2445" s="5"/>
      <c r="L2445" s="6"/>
      <c r="M2445" s="2" t="s">
        <v>8856</v>
      </c>
      <c r="N2445" s="3">
        <v>45127</v>
      </c>
      <c r="O2445" s="3">
        <v>45127</v>
      </c>
      <c r="P2445" s="3">
        <v>47087</v>
      </c>
    </row>
    <row r="2446" spans="1:16" x14ac:dyDescent="0.15">
      <c r="A2446" s="2" t="s">
        <v>49</v>
      </c>
      <c r="B2446" s="2" t="s">
        <v>8857</v>
      </c>
      <c r="C2446" s="4" t="s">
        <v>6</v>
      </c>
      <c r="D2446" s="5" t="s">
        <v>1130</v>
      </c>
      <c r="E2446" s="5" t="s">
        <v>8858</v>
      </c>
      <c r="F2446" s="6" t="s">
        <v>5</v>
      </c>
      <c r="G2446" s="2"/>
      <c r="H2446" s="4"/>
      <c r="I2446" s="5"/>
      <c r="J2446" s="5"/>
      <c r="K2446" s="5"/>
      <c r="L2446" s="6"/>
      <c r="M2446" s="2" t="s">
        <v>8859</v>
      </c>
      <c r="N2446" s="3">
        <v>45135</v>
      </c>
      <c r="O2446" s="3">
        <v>45135</v>
      </c>
      <c r="P2446" s="3">
        <v>47422</v>
      </c>
    </row>
    <row r="2447" spans="1:16" x14ac:dyDescent="0.15">
      <c r="A2447" s="2" t="s">
        <v>16</v>
      </c>
      <c r="B2447" s="2" t="s">
        <v>2294</v>
      </c>
      <c r="C2447" s="4" t="s">
        <v>6</v>
      </c>
      <c r="D2447" s="5" t="s">
        <v>2292</v>
      </c>
      <c r="E2447" s="5" t="s">
        <v>2293</v>
      </c>
      <c r="F2447" s="6" t="s">
        <v>5</v>
      </c>
      <c r="G2447" s="2" t="s">
        <v>2291</v>
      </c>
      <c r="H2447" s="4" t="s">
        <v>9</v>
      </c>
      <c r="I2447" s="5" t="s">
        <v>6</v>
      </c>
      <c r="J2447" s="5" t="s">
        <v>2292</v>
      </c>
      <c r="K2447" s="5" t="s">
        <v>2293</v>
      </c>
      <c r="L2447" s="6" t="s">
        <v>5</v>
      </c>
      <c r="M2447" s="2" t="s">
        <v>2295</v>
      </c>
      <c r="N2447" s="3">
        <v>44450</v>
      </c>
      <c r="O2447" s="3">
        <v>44450</v>
      </c>
      <c r="P2447" s="3">
        <v>46691</v>
      </c>
    </row>
    <row r="2448" spans="1:16" x14ac:dyDescent="0.15">
      <c r="A2448" s="2" t="s">
        <v>16</v>
      </c>
      <c r="B2448" s="2" t="s">
        <v>8864</v>
      </c>
      <c r="C2448" s="4" t="s">
        <v>6</v>
      </c>
      <c r="D2448" s="5" t="s">
        <v>1762</v>
      </c>
      <c r="E2448" s="5" t="s">
        <v>1597</v>
      </c>
      <c r="F2448" s="6" t="s">
        <v>5</v>
      </c>
      <c r="G2448" s="2"/>
      <c r="H2448" s="4"/>
      <c r="I2448" s="5"/>
      <c r="J2448" s="5"/>
      <c r="K2448" s="5"/>
      <c r="L2448" s="6"/>
      <c r="M2448" s="2" t="s">
        <v>8865</v>
      </c>
      <c r="N2448" s="3">
        <v>45121</v>
      </c>
      <c r="O2448" s="3">
        <v>45121</v>
      </c>
      <c r="P2448" s="3">
        <v>47664</v>
      </c>
    </row>
    <row r="2449" spans="1:16" x14ac:dyDescent="0.15">
      <c r="A2449" s="2" t="s">
        <v>49</v>
      </c>
      <c r="B2449" s="2" t="s">
        <v>8866</v>
      </c>
      <c r="C2449" s="4" t="s">
        <v>6</v>
      </c>
      <c r="D2449" s="5" t="s">
        <v>972</v>
      </c>
      <c r="E2449" s="5" t="s">
        <v>8867</v>
      </c>
      <c r="F2449" s="6" t="s">
        <v>5</v>
      </c>
      <c r="G2449" s="2"/>
      <c r="H2449" s="4"/>
      <c r="I2449" s="5"/>
      <c r="J2449" s="5"/>
      <c r="K2449" s="5"/>
      <c r="L2449" s="6"/>
      <c r="M2449" s="2" t="s">
        <v>8868</v>
      </c>
      <c r="N2449" s="3">
        <v>45164</v>
      </c>
      <c r="O2449" s="3">
        <v>45164</v>
      </c>
      <c r="P2449" s="3">
        <v>47391</v>
      </c>
    </row>
    <row r="2450" spans="1:16" x14ac:dyDescent="0.15">
      <c r="A2450" s="2" t="s">
        <v>16</v>
      </c>
      <c r="B2450" s="2" t="s">
        <v>2346</v>
      </c>
      <c r="C2450" s="4" t="s">
        <v>6</v>
      </c>
      <c r="D2450" s="5" t="s">
        <v>2344</v>
      </c>
      <c r="E2450" s="5" t="s">
        <v>2345</v>
      </c>
      <c r="F2450" s="6" t="s">
        <v>5</v>
      </c>
      <c r="G2450" s="2" t="s">
        <v>2343</v>
      </c>
      <c r="H2450" s="4" t="s">
        <v>9</v>
      </c>
      <c r="I2450" s="5" t="s">
        <v>6</v>
      </c>
      <c r="J2450" s="5" t="s">
        <v>2344</v>
      </c>
      <c r="K2450" s="5" t="s">
        <v>2345</v>
      </c>
      <c r="L2450" s="6" t="s">
        <v>5</v>
      </c>
      <c r="M2450" s="2" t="s">
        <v>2348</v>
      </c>
      <c r="N2450" s="3">
        <v>44454</v>
      </c>
      <c r="O2450" s="3">
        <v>44454</v>
      </c>
      <c r="P2450" s="3">
        <v>46843</v>
      </c>
    </row>
    <row r="2451" spans="1:16" x14ac:dyDescent="0.15">
      <c r="A2451" s="2" t="s">
        <v>49</v>
      </c>
      <c r="B2451" s="2" t="s">
        <v>8875</v>
      </c>
      <c r="C2451" s="4" t="s">
        <v>6</v>
      </c>
      <c r="D2451" s="5" t="s">
        <v>378</v>
      </c>
      <c r="E2451" s="5" t="s">
        <v>8876</v>
      </c>
      <c r="F2451" s="6" t="s">
        <v>5</v>
      </c>
      <c r="G2451" s="2"/>
      <c r="H2451" s="4"/>
      <c r="I2451" s="5"/>
      <c r="J2451" s="5"/>
      <c r="K2451" s="5"/>
      <c r="L2451" s="6"/>
      <c r="M2451" s="2" t="s">
        <v>8877</v>
      </c>
      <c r="N2451" s="3">
        <v>45128</v>
      </c>
      <c r="O2451" s="3">
        <v>45128</v>
      </c>
      <c r="P2451" s="3">
        <v>47634</v>
      </c>
    </row>
    <row r="2452" spans="1:16" x14ac:dyDescent="0.15">
      <c r="A2452" s="2" t="s">
        <v>49</v>
      </c>
      <c r="B2452" s="2" t="s">
        <v>8878</v>
      </c>
      <c r="C2452" s="4" t="s">
        <v>6</v>
      </c>
      <c r="D2452" s="5" t="s">
        <v>500</v>
      </c>
      <c r="E2452" s="5" t="s">
        <v>3622</v>
      </c>
      <c r="F2452" s="6" t="s">
        <v>8879</v>
      </c>
      <c r="G2452" s="2"/>
      <c r="H2452" s="4"/>
      <c r="I2452" s="5"/>
      <c r="J2452" s="5"/>
      <c r="K2452" s="5"/>
      <c r="L2452" s="6"/>
      <c r="M2452" s="2" t="s">
        <v>8880</v>
      </c>
      <c r="N2452" s="3">
        <v>43188</v>
      </c>
      <c r="O2452" s="3">
        <v>45444</v>
      </c>
      <c r="P2452" s="3">
        <v>47634</v>
      </c>
    </row>
    <row r="2453" spans="1:16" x14ac:dyDescent="0.15">
      <c r="A2453" s="2" t="s">
        <v>16</v>
      </c>
      <c r="B2453" s="2" t="s">
        <v>2597</v>
      </c>
      <c r="C2453" s="4" t="s">
        <v>6</v>
      </c>
      <c r="D2453" s="5" t="s">
        <v>2089</v>
      </c>
      <c r="E2453" s="5" t="s">
        <v>1548</v>
      </c>
      <c r="F2453" s="6" t="s">
        <v>5</v>
      </c>
      <c r="G2453" s="2" t="s">
        <v>2597</v>
      </c>
      <c r="H2453" s="4" t="s">
        <v>9</v>
      </c>
      <c r="I2453" s="5" t="s">
        <v>6</v>
      </c>
      <c r="J2453" s="5" t="s">
        <v>2089</v>
      </c>
      <c r="K2453" s="5" t="s">
        <v>1548</v>
      </c>
      <c r="L2453" s="6" t="s">
        <v>5</v>
      </c>
      <c r="M2453" s="2" t="s">
        <v>2598</v>
      </c>
      <c r="N2453" s="3">
        <v>32496</v>
      </c>
      <c r="O2453" s="3">
        <v>44531</v>
      </c>
      <c r="P2453" s="3">
        <v>46356</v>
      </c>
    </row>
    <row r="2454" spans="1:16" x14ac:dyDescent="0.15">
      <c r="A2454" s="2" t="s">
        <v>16</v>
      </c>
      <c r="B2454" s="2" t="s">
        <v>2628</v>
      </c>
      <c r="C2454" s="4" t="s">
        <v>6</v>
      </c>
      <c r="D2454" s="5" t="s">
        <v>2626</v>
      </c>
      <c r="E2454" s="5" t="s">
        <v>2260</v>
      </c>
      <c r="F2454" s="6" t="s">
        <v>2629</v>
      </c>
      <c r="G2454" s="2" t="s">
        <v>2625</v>
      </c>
      <c r="H2454" s="4" t="s">
        <v>9</v>
      </c>
      <c r="I2454" s="5" t="s">
        <v>6</v>
      </c>
      <c r="J2454" s="5" t="s">
        <v>2626</v>
      </c>
      <c r="K2454" s="5" t="s">
        <v>2627</v>
      </c>
      <c r="L2454" s="6" t="s">
        <v>5</v>
      </c>
      <c r="M2454" s="2" t="s">
        <v>2630</v>
      </c>
      <c r="N2454" s="3">
        <v>44469</v>
      </c>
      <c r="O2454" s="3">
        <v>44469</v>
      </c>
      <c r="P2454" s="3">
        <v>46660</v>
      </c>
    </row>
    <row r="2455" spans="1:16" x14ac:dyDescent="0.15">
      <c r="A2455" s="2" t="s">
        <v>16</v>
      </c>
      <c r="B2455" s="2" t="s">
        <v>2726</v>
      </c>
      <c r="C2455" s="4" t="s">
        <v>6</v>
      </c>
      <c r="D2455" s="5" t="s">
        <v>69</v>
      </c>
      <c r="E2455" s="5" t="s">
        <v>933</v>
      </c>
      <c r="F2455" s="6" t="s">
        <v>2727</v>
      </c>
      <c r="G2455" s="2" t="s">
        <v>2722</v>
      </c>
      <c r="H2455" s="4" t="s">
        <v>1694</v>
      </c>
      <c r="I2455" s="5" t="s">
        <v>2723</v>
      </c>
      <c r="J2455" s="5" t="s">
        <v>2724</v>
      </c>
      <c r="K2455" s="5" t="s">
        <v>2725</v>
      </c>
      <c r="L2455" s="6" t="s">
        <v>5</v>
      </c>
      <c r="M2455" s="2" t="s">
        <v>2728</v>
      </c>
      <c r="N2455" s="3">
        <v>44469</v>
      </c>
      <c r="O2455" s="3">
        <v>44469</v>
      </c>
      <c r="P2455" s="3">
        <v>46904</v>
      </c>
    </row>
    <row r="2456" spans="1:16" x14ac:dyDescent="0.15">
      <c r="A2456" s="2" t="s">
        <v>49</v>
      </c>
      <c r="B2456" s="2" t="s">
        <v>8892</v>
      </c>
      <c r="C2456" s="4" t="s">
        <v>6</v>
      </c>
      <c r="D2456" s="5" t="s">
        <v>456</v>
      </c>
      <c r="E2456" s="5" t="s">
        <v>520</v>
      </c>
      <c r="F2456" s="6" t="s">
        <v>5</v>
      </c>
      <c r="G2456" s="2"/>
      <c r="H2456" s="4"/>
      <c r="I2456" s="5"/>
      <c r="J2456" s="5"/>
      <c r="K2456" s="5"/>
      <c r="L2456" s="6"/>
      <c r="M2456" s="2" t="s">
        <v>8893</v>
      </c>
      <c r="N2456" s="3">
        <v>45131</v>
      </c>
      <c r="O2456" s="3">
        <v>45131</v>
      </c>
      <c r="P2456" s="3">
        <v>47269</v>
      </c>
    </row>
    <row r="2457" spans="1:16" x14ac:dyDescent="0.15">
      <c r="A2457" s="2" t="s">
        <v>49</v>
      </c>
      <c r="B2457" s="2" t="s">
        <v>8894</v>
      </c>
      <c r="C2457" s="4" t="s">
        <v>6</v>
      </c>
      <c r="D2457" s="5" t="s">
        <v>45</v>
      </c>
      <c r="E2457" s="5" t="s">
        <v>8895</v>
      </c>
      <c r="F2457" s="6" t="s">
        <v>8896</v>
      </c>
      <c r="G2457" s="2"/>
      <c r="H2457" s="4"/>
      <c r="I2457" s="5"/>
      <c r="J2457" s="5"/>
      <c r="K2457" s="5"/>
      <c r="L2457" s="6"/>
      <c r="M2457" s="2" t="s">
        <v>8897</v>
      </c>
      <c r="N2457" s="3">
        <v>45139</v>
      </c>
      <c r="O2457" s="3">
        <v>45139</v>
      </c>
      <c r="P2457" s="3">
        <v>47087</v>
      </c>
    </row>
    <row r="2458" spans="1:16" x14ac:dyDescent="0.15">
      <c r="A2458" s="2" t="s">
        <v>49</v>
      </c>
      <c r="B2458" s="2" t="s">
        <v>8898</v>
      </c>
      <c r="C2458" s="4" t="s">
        <v>6</v>
      </c>
      <c r="D2458" s="5" t="s">
        <v>247</v>
      </c>
      <c r="E2458" s="5" t="s">
        <v>8899</v>
      </c>
      <c r="F2458" s="6" t="s">
        <v>5</v>
      </c>
      <c r="G2458" s="2"/>
      <c r="H2458" s="4"/>
      <c r="I2458" s="5"/>
      <c r="J2458" s="5"/>
      <c r="K2458" s="5"/>
      <c r="L2458" s="6"/>
      <c r="M2458" s="2" t="s">
        <v>8900</v>
      </c>
      <c r="N2458" s="3">
        <v>45139</v>
      </c>
      <c r="O2458" s="3">
        <v>45139</v>
      </c>
      <c r="P2458" s="3">
        <v>47269</v>
      </c>
    </row>
    <row r="2459" spans="1:16" x14ac:dyDescent="0.15">
      <c r="A2459" s="2" t="s">
        <v>49</v>
      </c>
      <c r="B2459" s="2" t="s">
        <v>8901</v>
      </c>
      <c r="C2459" s="4" t="s">
        <v>6</v>
      </c>
      <c r="D2459" s="5" t="s">
        <v>2219</v>
      </c>
      <c r="E2459" s="5" t="s">
        <v>8902</v>
      </c>
      <c r="F2459" s="6" t="s">
        <v>5</v>
      </c>
      <c r="G2459" s="2"/>
      <c r="H2459" s="4"/>
      <c r="I2459" s="5"/>
      <c r="J2459" s="5"/>
      <c r="K2459" s="5"/>
      <c r="L2459" s="6"/>
      <c r="M2459" s="2" t="s">
        <v>8903</v>
      </c>
      <c r="N2459" s="3">
        <v>33119</v>
      </c>
      <c r="O2459" s="3">
        <v>45200</v>
      </c>
      <c r="P2459" s="3">
        <v>47026</v>
      </c>
    </row>
    <row r="2460" spans="1:16" x14ac:dyDescent="0.15">
      <c r="A2460" s="2" t="s">
        <v>16</v>
      </c>
      <c r="B2460" s="2" t="s">
        <v>2745</v>
      </c>
      <c r="C2460" s="4" t="s">
        <v>6</v>
      </c>
      <c r="D2460" s="5" t="s">
        <v>2746</v>
      </c>
      <c r="E2460" s="5" t="s">
        <v>2747</v>
      </c>
      <c r="F2460" s="6" t="s">
        <v>5</v>
      </c>
      <c r="G2460" s="2" t="s">
        <v>2745</v>
      </c>
      <c r="H2460" s="4" t="s">
        <v>9</v>
      </c>
      <c r="I2460" s="5" t="s">
        <v>6</v>
      </c>
      <c r="J2460" s="5" t="s">
        <v>2746</v>
      </c>
      <c r="K2460" s="5" t="s">
        <v>2747</v>
      </c>
      <c r="L2460" s="6" t="s">
        <v>5</v>
      </c>
      <c r="M2460" s="2" t="s">
        <v>2748</v>
      </c>
      <c r="N2460" s="3">
        <v>34673</v>
      </c>
      <c r="O2460" s="3">
        <v>44501</v>
      </c>
      <c r="P2460" s="3">
        <v>46691</v>
      </c>
    </row>
    <row r="2461" spans="1:16" x14ac:dyDescent="0.15">
      <c r="A2461" s="2" t="s">
        <v>49</v>
      </c>
      <c r="B2461" s="2" t="s">
        <v>8908</v>
      </c>
      <c r="C2461" s="4" t="s">
        <v>6</v>
      </c>
      <c r="D2461" s="5" t="s">
        <v>1839</v>
      </c>
      <c r="E2461" s="5" t="s">
        <v>5148</v>
      </c>
      <c r="F2461" s="6" t="s">
        <v>5</v>
      </c>
      <c r="G2461" s="2"/>
      <c r="H2461" s="4"/>
      <c r="I2461" s="5"/>
      <c r="J2461" s="5"/>
      <c r="K2461" s="5"/>
      <c r="L2461" s="6"/>
      <c r="M2461" s="2" t="s">
        <v>8909</v>
      </c>
      <c r="N2461" s="3">
        <v>38465</v>
      </c>
      <c r="O2461" s="3">
        <v>45200</v>
      </c>
      <c r="P2461" s="3">
        <v>47391</v>
      </c>
    </row>
    <row r="2462" spans="1:16" x14ac:dyDescent="0.15">
      <c r="A2462" s="2" t="s">
        <v>66</v>
      </c>
      <c r="B2462" s="2" t="s">
        <v>8910</v>
      </c>
      <c r="C2462" s="4" t="s">
        <v>6</v>
      </c>
      <c r="D2462" s="5" t="s">
        <v>3009</v>
      </c>
      <c r="E2462" s="5" t="s">
        <v>4397</v>
      </c>
      <c r="F2462" s="6" t="s">
        <v>5</v>
      </c>
      <c r="G2462" s="2"/>
      <c r="H2462" s="4"/>
      <c r="I2462" s="5"/>
      <c r="J2462" s="5"/>
      <c r="K2462" s="5"/>
      <c r="L2462" s="6"/>
      <c r="M2462" s="2" t="s">
        <v>8911</v>
      </c>
      <c r="N2462" s="3">
        <v>40512</v>
      </c>
      <c r="O2462" s="3">
        <v>45200</v>
      </c>
      <c r="P2462" s="3">
        <v>47391</v>
      </c>
    </row>
    <row r="2463" spans="1:16" x14ac:dyDescent="0.15">
      <c r="A2463" s="2" t="s">
        <v>49</v>
      </c>
      <c r="B2463" s="2" t="s">
        <v>8912</v>
      </c>
      <c r="C2463" s="4" t="s">
        <v>6</v>
      </c>
      <c r="D2463" s="5" t="s">
        <v>1669</v>
      </c>
      <c r="E2463" s="5" t="s">
        <v>1251</v>
      </c>
      <c r="F2463" s="6" t="s">
        <v>5</v>
      </c>
      <c r="G2463" s="2"/>
      <c r="H2463" s="4"/>
      <c r="I2463" s="5"/>
      <c r="J2463" s="5"/>
      <c r="K2463" s="5"/>
      <c r="L2463" s="6"/>
      <c r="M2463" s="2" t="s">
        <v>8913</v>
      </c>
      <c r="N2463" s="3">
        <v>33136</v>
      </c>
      <c r="O2463" s="3">
        <v>45200</v>
      </c>
      <c r="P2463" s="3">
        <v>47026</v>
      </c>
    </row>
    <row r="2464" spans="1:16" x14ac:dyDescent="0.15">
      <c r="A2464" s="2" t="s">
        <v>16</v>
      </c>
      <c r="B2464" s="2" t="s">
        <v>2797</v>
      </c>
      <c r="C2464" s="4" t="s">
        <v>6</v>
      </c>
      <c r="D2464" s="5" t="s">
        <v>179</v>
      </c>
      <c r="E2464" s="5" t="s">
        <v>180</v>
      </c>
      <c r="F2464" s="6" t="s">
        <v>5</v>
      </c>
      <c r="G2464" s="2" t="s">
        <v>2794</v>
      </c>
      <c r="H2464" s="4" t="s">
        <v>384</v>
      </c>
      <c r="I2464" s="5" t="s">
        <v>385</v>
      </c>
      <c r="J2464" s="5" t="s">
        <v>2795</v>
      </c>
      <c r="K2464" s="5" t="s">
        <v>2796</v>
      </c>
      <c r="L2464" s="6" t="s">
        <v>5</v>
      </c>
      <c r="M2464" s="2" t="s">
        <v>2799</v>
      </c>
      <c r="N2464" s="3">
        <v>44477</v>
      </c>
      <c r="O2464" s="3">
        <v>44477</v>
      </c>
      <c r="P2464" s="3">
        <v>47026</v>
      </c>
    </row>
    <row r="2465" spans="1:16" x14ac:dyDescent="0.15">
      <c r="A2465" s="2" t="s">
        <v>16</v>
      </c>
      <c r="B2465" s="2" t="s">
        <v>2841</v>
      </c>
      <c r="C2465" s="4" t="s">
        <v>6</v>
      </c>
      <c r="D2465" s="5" t="s">
        <v>279</v>
      </c>
      <c r="E2465" s="5" t="s">
        <v>2842</v>
      </c>
      <c r="F2465" s="6" t="s">
        <v>5</v>
      </c>
      <c r="G2465" s="2" t="s">
        <v>2837</v>
      </c>
      <c r="H2465" s="4" t="s">
        <v>9</v>
      </c>
      <c r="I2465" s="5" t="s">
        <v>6</v>
      </c>
      <c r="J2465" s="5" t="s">
        <v>2838</v>
      </c>
      <c r="K2465" s="5" t="s">
        <v>5</v>
      </c>
      <c r="L2465" s="6" t="s">
        <v>5</v>
      </c>
      <c r="M2465" s="2" t="s">
        <v>2843</v>
      </c>
      <c r="N2465" s="3">
        <v>45207</v>
      </c>
      <c r="O2465" s="3">
        <v>45207</v>
      </c>
      <c r="P2465" s="3">
        <v>47299</v>
      </c>
    </row>
    <row r="2466" spans="1:16" x14ac:dyDescent="0.15">
      <c r="A2466" s="2" t="s">
        <v>16</v>
      </c>
      <c r="B2466" s="2" t="s">
        <v>2856</v>
      </c>
      <c r="C2466" s="4" t="s">
        <v>6</v>
      </c>
      <c r="D2466" s="5" t="s">
        <v>2855</v>
      </c>
      <c r="E2466" s="5" t="s">
        <v>383</v>
      </c>
      <c r="F2466" s="6" t="s">
        <v>5</v>
      </c>
      <c r="G2466" s="2" t="s">
        <v>2854</v>
      </c>
      <c r="H2466" s="4" t="s">
        <v>9</v>
      </c>
      <c r="I2466" s="5" t="s">
        <v>6</v>
      </c>
      <c r="J2466" s="5" t="s">
        <v>2855</v>
      </c>
      <c r="K2466" s="5" t="s">
        <v>383</v>
      </c>
      <c r="L2466" s="6" t="s">
        <v>5</v>
      </c>
      <c r="M2466" s="2" t="s">
        <v>2857</v>
      </c>
      <c r="N2466" s="3">
        <v>41989</v>
      </c>
      <c r="O2466" s="3">
        <v>44501</v>
      </c>
      <c r="P2466" s="3">
        <v>46691</v>
      </c>
    </row>
    <row r="2467" spans="1:16" x14ac:dyDescent="0.15">
      <c r="A2467" s="2" t="s">
        <v>16</v>
      </c>
      <c r="B2467" s="2" t="s">
        <v>2869</v>
      </c>
      <c r="C2467" s="4" t="s">
        <v>6</v>
      </c>
      <c r="D2467" s="5" t="s">
        <v>911</v>
      </c>
      <c r="E2467" s="5" t="s">
        <v>2870</v>
      </c>
      <c r="F2467" s="6" t="s">
        <v>2871</v>
      </c>
      <c r="G2467" s="2" t="s">
        <v>2867</v>
      </c>
      <c r="H2467" s="4" t="s">
        <v>9</v>
      </c>
      <c r="I2467" s="5" t="s">
        <v>6</v>
      </c>
      <c r="J2467" s="5" t="s">
        <v>911</v>
      </c>
      <c r="K2467" s="5" t="s">
        <v>2868</v>
      </c>
      <c r="L2467" s="6" t="s">
        <v>5</v>
      </c>
      <c r="M2467" s="2" t="s">
        <v>2872</v>
      </c>
      <c r="N2467" s="3">
        <v>44482</v>
      </c>
      <c r="O2467" s="3">
        <v>44482</v>
      </c>
      <c r="P2467" s="3">
        <v>47026</v>
      </c>
    </row>
    <row r="2468" spans="1:16" x14ac:dyDescent="0.15">
      <c r="A2468" s="2" t="s">
        <v>16</v>
      </c>
      <c r="B2468" s="2" t="s">
        <v>2909</v>
      </c>
      <c r="C2468" s="4" t="s">
        <v>6</v>
      </c>
      <c r="D2468" s="5" t="s">
        <v>2910</v>
      </c>
      <c r="E2468" s="5" t="s">
        <v>5</v>
      </c>
      <c r="F2468" s="6" t="s">
        <v>5</v>
      </c>
      <c r="G2468" s="2" t="s">
        <v>2906</v>
      </c>
      <c r="H2468" s="4" t="s">
        <v>9</v>
      </c>
      <c r="I2468" s="5" t="s">
        <v>6</v>
      </c>
      <c r="J2468" s="5" t="s">
        <v>2907</v>
      </c>
      <c r="K2468" s="5" t="s">
        <v>2908</v>
      </c>
      <c r="L2468" s="6" t="s">
        <v>5</v>
      </c>
      <c r="M2468" s="2" t="s">
        <v>2912</v>
      </c>
      <c r="N2468" s="3">
        <v>44488</v>
      </c>
      <c r="O2468" s="3">
        <v>44488</v>
      </c>
      <c r="P2468" s="3">
        <v>46326</v>
      </c>
    </row>
    <row r="2469" spans="1:16" x14ac:dyDescent="0.15">
      <c r="A2469" s="2" t="s">
        <v>16</v>
      </c>
      <c r="B2469" s="2" t="s">
        <v>2961</v>
      </c>
      <c r="C2469" s="4" t="s">
        <v>6</v>
      </c>
      <c r="D2469" s="5" t="s">
        <v>2962</v>
      </c>
      <c r="E2469" s="5" t="s">
        <v>2963</v>
      </c>
      <c r="F2469" s="6" t="s">
        <v>5</v>
      </c>
      <c r="G2469" s="2" t="s">
        <v>2959</v>
      </c>
      <c r="H2469" s="4" t="s">
        <v>9</v>
      </c>
      <c r="I2469" s="5" t="s">
        <v>6</v>
      </c>
      <c r="J2469" s="5" t="s">
        <v>2960</v>
      </c>
      <c r="K2469" s="5" t="s">
        <v>5</v>
      </c>
      <c r="L2469" s="6" t="s">
        <v>5</v>
      </c>
      <c r="M2469" s="2" t="s">
        <v>2965</v>
      </c>
      <c r="N2469" s="3">
        <v>45364</v>
      </c>
      <c r="O2469" s="3">
        <v>45364</v>
      </c>
      <c r="P2469" s="3">
        <v>47603</v>
      </c>
    </row>
    <row r="2470" spans="1:16" x14ac:dyDescent="0.15">
      <c r="A2470" s="2" t="s">
        <v>16</v>
      </c>
      <c r="B2470" s="2" t="s">
        <v>3043</v>
      </c>
      <c r="C2470" s="4" t="s">
        <v>6</v>
      </c>
      <c r="D2470" s="5" t="s">
        <v>1773</v>
      </c>
      <c r="E2470" s="5" t="s">
        <v>3044</v>
      </c>
      <c r="F2470" s="6" t="s">
        <v>3045</v>
      </c>
      <c r="G2470" s="2" t="s">
        <v>3040</v>
      </c>
      <c r="H2470" s="4" t="s">
        <v>9</v>
      </c>
      <c r="I2470" s="5" t="s">
        <v>6</v>
      </c>
      <c r="J2470" s="5" t="s">
        <v>3041</v>
      </c>
      <c r="K2470" s="5" t="s">
        <v>3042</v>
      </c>
      <c r="L2470" s="6" t="s">
        <v>5</v>
      </c>
      <c r="M2470" s="2" t="s">
        <v>3046</v>
      </c>
      <c r="N2470" s="3">
        <v>44490</v>
      </c>
      <c r="O2470" s="3">
        <v>44490</v>
      </c>
      <c r="P2470" s="3">
        <v>46873</v>
      </c>
    </row>
    <row r="2471" spans="1:16" x14ac:dyDescent="0.15">
      <c r="A2471" s="2" t="s">
        <v>49</v>
      </c>
      <c r="B2471" s="2" t="s">
        <v>8932</v>
      </c>
      <c r="C2471" s="4" t="s">
        <v>6</v>
      </c>
      <c r="D2471" s="5" t="s">
        <v>1027</v>
      </c>
      <c r="E2471" s="5" t="s">
        <v>8933</v>
      </c>
      <c r="F2471" s="6" t="s">
        <v>8934</v>
      </c>
      <c r="G2471" s="2"/>
      <c r="H2471" s="4"/>
      <c r="I2471" s="5"/>
      <c r="J2471" s="5"/>
      <c r="K2471" s="5"/>
      <c r="L2471" s="6"/>
      <c r="M2471" s="2" t="s">
        <v>8935</v>
      </c>
      <c r="N2471" s="3">
        <v>45142</v>
      </c>
      <c r="O2471" s="3">
        <v>45142</v>
      </c>
      <c r="P2471" s="3">
        <v>47087</v>
      </c>
    </row>
    <row r="2472" spans="1:16" x14ac:dyDescent="0.15">
      <c r="A2472" s="2" t="s">
        <v>49</v>
      </c>
      <c r="B2472" s="2" t="s">
        <v>8937</v>
      </c>
      <c r="C2472" s="4" t="s">
        <v>6</v>
      </c>
      <c r="D2472" s="5" t="s">
        <v>8936</v>
      </c>
      <c r="E2472" s="5" t="s">
        <v>1548</v>
      </c>
      <c r="F2472" s="6" t="s">
        <v>5</v>
      </c>
      <c r="G2472" s="2"/>
      <c r="H2472" s="4"/>
      <c r="I2472" s="5"/>
      <c r="J2472" s="5"/>
      <c r="K2472" s="5"/>
      <c r="L2472" s="6"/>
      <c r="M2472" s="2" t="s">
        <v>8938</v>
      </c>
      <c r="N2472" s="3">
        <v>35419</v>
      </c>
      <c r="O2472" s="3">
        <v>45200</v>
      </c>
      <c r="P2472" s="3">
        <v>47026</v>
      </c>
    </row>
    <row r="2473" spans="1:16" x14ac:dyDescent="0.15">
      <c r="A2473" s="2" t="s">
        <v>16</v>
      </c>
      <c r="B2473" s="2" t="s">
        <v>3244</v>
      </c>
      <c r="C2473" s="4" t="s">
        <v>6</v>
      </c>
      <c r="D2473" s="5" t="s">
        <v>3245</v>
      </c>
      <c r="E2473" s="5" t="s">
        <v>1732</v>
      </c>
      <c r="F2473" s="6" t="s">
        <v>5</v>
      </c>
      <c r="G2473" s="2" t="s">
        <v>3241</v>
      </c>
      <c r="H2473" s="4" t="s">
        <v>9</v>
      </c>
      <c r="I2473" s="5" t="s">
        <v>2449</v>
      </c>
      <c r="J2473" s="5" t="s">
        <v>3242</v>
      </c>
      <c r="K2473" s="5" t="s">
        <v>3243</v>
      </c>
      <c r="L2473" s="6" t="s">
        <v>5</v>
      </c>
      <c r="M2473" s="2" t="s">
        <v>3247</v>
      </c>
      <c r="N2473" s="3">
        <v>44531</v>
      </c>
      <c r="O2473" s="3">
        <v>44531</v>
      </c>
      <c r="P2473" s="3">
        <v>46934</v>
      </c>
    </row>
    <row r="2474" spans="1:16" x14ac:dyDescent="0.15">
      <c r="A2474" s="2" t="s">
        <v>16</v>
      </c>
      <c r="B2474" s="2" t="s">
        <v>3265</v>
      </c>
      <c r="C2474" s="4" t="s">
        <v>6</v>
      </c>
      <c r="D2474" s="5" t="s">
        <v>3266</v>
      </c>
      <c r="E2474" s="5" t="s">
        <v>5</v>
      </c>
      <c r="F2474" s="6" t="s">
        <v>5</v>
      </c>
      <c r="G2474" s="2" t="s">
        <v>3263</v>
      </c>
      <c r="H2474" s="4" t="s">
        <v>9</v>
      </c>
      <c r="I2474" s="5" t="s">
        <v>6</v>
      </c>
      <c r="J2474" s="5" t="s">
        <v>3264</v>
      </c>
      <c r="K2474" s="5" t="s">
        <v>5</v>
      </c>
      <c r="L2474" s="6" t="s">
        <v>5</v>
      </c>
      <c r="M2474" s="2" t="s">
        <v>3268</v>
      </c>
      <c r="N2474" s="3">
        <v>44503</v>
      </c>
      <c r="O2474" s="3">
        <v>44503</v>
      </c>
      <c r="P2474" s="3">
        <v>46873</v>
      </c>
    </row>
    <row r="2475" spans="1:16" x14ac:dyDescent="0.15">
      <c r="A2475" s="2" t="s">
        <v>16</v>
      </c>
      <c r="B2475" s="2" t="s">
        <v>8944</v>
      </c>
      <c r="C2475" s="4" t="s">
        <v>6</v>
      </c>
      <c r="D2475" s="5" t="s">
        <v>3245</v>
      </c>
      <c r="E2475" s="5" t="s">
        <v>8945</v>
      </c>
      <c r="F2475" s="6" t="s">
        <v>5</v>
      </c>
      <c r="G2475" s="2"/>
      <c r="H2475" s="4"/>
      <c r="I2475" s="5"/>
      <c r="J2475" s="5"/>
      <c r="K2475" s="5"/>
      <c r="L2475" s="6"/>
      <c r="M2475" s="2" t="s">
        <v>8946</v>
      </c>
      <c r="N2475" s="3">
        <v>45136</v>
      </c>
      <c r="O2475" s="3">
        <v>45136</v>
      </c>
      <c r="P2475" s="3">
        <v>47664</v>
      </c>
    </row>
    <row r="2476" spans="1:16" x14ac:dyDescent="0.15">
      <c r="A2476" s="2" t="s">
        <v>49</v>
      </c>
      <c r="B2476" s="2" t="s">
        <v>8948</v>
      </c>
      <c r="C2476" s="4" t="s">
        <v>6</v>
      </c>
      <c r="D2476" s="5" t="s">
        <v>8947</v>
      </c>
      <c r="E2476" s="5" t="s">
        <v>2094</v>
      </c>
      <c r="F2476" s="6" t="s">
        <v>5</v>
      </c>
      <c r="G2476" s="2"/>
      <c r="H2476" s="4"/>
      <c r="I2476" s="5"/>
      <c r="J2476" s="5"/>
      <c r="K2476" s="5"/>
      <c r="L2476" s="6"/>
      <c r="M2476" s="2" t="s">
        <v>8949</v>
      </c>
      <c r="N2476" s="3">
        <v>41183</v>
      </c>
      <c r="O2476" s="3">
        <v>45200</v>
      </c>
      <c r="P2476" s="3">
        <v>47026</v>
      </c>
    </row>
    <row r="2477" spans="1:16" x14ac:dyDescent="0.15">
      <c r="A2477" s="2" t="s">
        <v>49</v>
      </c>
      <c r="B2477" s="2" t="s">
        <v>8950</v>
      </c>
      <c r="C2477" s="4" t="s">
        <v>6</v>
      </c>
      <c r="D2477" s="5" t="s">
        <v>45</v>
      </c>
      <c r="E2477" s="5" t="s">
        <v>8951</v>
      </c>
      <c r="F2477" s="6" t="s">
        <v>8952</v>
      </c>
      <c r="G2477" s="2"/>
      <c r="H2477" s="4"/>
      <c r="I2477" s="5"/>
      <c r="J2477" s="5"/>
      <c r="K2477" s="5"/>
      <c r="L2477" s="6"/>
      <c r="M2477" s="2" t="s">
        <v>8953</v>
      </c>
      <c r="N2477" s="3">
        <v>45170</v>
      </c>
      <c r="O2477" s="3">
        <v>45170</v>
      </c>
      <c r="P2477" s="3">
        <v>47452</v>
      </c>
    </row>
    <row r="2478" spans="1:16" x14ac:dyDescent="0.15">
      <c r="A2478" s="2" t="s">
        <v>16</v>
      </c>
      <c r="B2478" s="2" t="s">
        <v>3331</v>
      </c>
      <c r="C2478" s="4" t="s">
        <v>6</v>
      </c>
      <c r="D2478" s="5" t="s">
        <v>3332</v>
      </c>
      <c r="E2478" s="5" t="s">
        <v>3333</v>
      </c>
      <c r="F2478" s="6" t="s">
        <v>5</v>
      </c>
      <c r="G2478" s="2" t="s">
        <v>3329</v>
      </c>
      <c r="H2478" s="4" t="s">
        <v>9</v>
      </c>
      <c r="I2478" s="5" t="s">
        <v>6</v>
      </c>
      <c r="J2478" s="5" t="s">
        <v>3330</v>
      </c>
      <c r="K2478" s="5" t="s">
        <v>5</v>
      </c>
      <c r="L2478" s="6" t="s">
        <v>5</v>
      </c>
      <c r="M2478" s="2" t="s">
        <v>3335</v>
      </c>
      <c r="N2478" s="3">
        <v>40633</v>
      </c>
      <c r="O2478" s="3">
        <v>44470</v>
      </c>
      <c r="P2478" s="3">
        <v>46660</v>
      </c>
    </row>
    <row r="2479" spans="1:16" x14ac:dyDescent="0.15">
      <c r="A2479" s="2" t="s">
        <v>49</v>
      </c>
      <c r="B2479" s="2" t="s">
        <v>8957</v>
      </c>
      <c r="C2479" s="4" t="s">
        <v>6</v>
      </c>
      <c r="D2479" s="5" t="s">
        <v>1810</v>
      </c>
      <c r="E2479" s="5" t="s">
        <v>8958</v>
      </c>
      <c r="F2479" s="6" t="s">
        <v>5</v>
      </c>
      <c r="G2479" s="2"/>
      <c r="H2479" s="4"/>
      <c r="I2479" s="5"/>
      <c r="J2479" s="5"/>
      <c r="K2479" s="5"/>
      <c r="L2479" s="6"/>
      <c r="M2479" s="2" t="s">
        <v>8959</v>
      </c>
      <c r="N2479" s="3">
        <v>33166</v>
      </c>
      <c r="O2479" s="3">
        <v>45200</v>
      </c>
      <c r="P2479" s="3">
        <v>47026</v>
      </c>
    </row>
    <row r="2480" spans="1:16" x14ac:dyDescent="0.15">
      <c r="A2480" s="2" t="s">
        <v>49</v>
      </c>
      <c r="B2480" s="2" t="s">
        <v>8960</v>
      </c>
      <c r="C2480" s="4" t="s">
        <v>6</v>
      </c>
      <c r="D2480" s="5" t="s">
        <v>5625</v>
      </c>
      <c r="E2480" s="5" t="s">
        <v>8961</v>
      </c>
      <c r="F2480" s="6" t="s">
        <v>5</v>
      </c>
      <c r="G2480" s="2"/>
      <c r="H2480" s="4"/>
      <c r="I2480" s="5"/>
      <c r="J2480" s="5"/>
      <c r="K2480" s="5"/>
      <c r="L2480" s="6"/>
      <c r="M2480" s="2" t="s">
        <v>8962</v>
      </c>
      <c r="N2480" s="3">
        <v>30066</v>
      </c>
      <c r="O2480" s="3">
        <v>45200</v>
      </c>
      <c r="P2480" s="3">
        <v>47026</v>
      </c>
    </row>
    <row r="2481" spans="1:16" x14ac:dyDescent="0.15">
      <c r="A2481" s="2" t="s">
        <v>36</v>
      </c>
      <c r="B2481" s="2" t="s">
        <v>8960</v>
      </c>
      <c r="C2481" s="4" t="s">
        <v>6</v>
      </c>
      <c r="D2481" s="5" t="s">
        <v>5625</v>
      </c>
      <c r="E2481" s="5" t="s">
        <v>8961</v>
      </c>
      <c r="F2481" s="6" t="s">
        <v>5</v>
      </c>
      <c r="G2481" s="2"/>
      <c r="H2481" s="4"/>
      <c r="I2481" s="5"/>
      <c r="J2481" s="5"/>
      <c r="K2481" s="5"/>
      <c r="L2481" s="6"/>
      <c r="M2481" s="2" t="s">
        <v>8963</v>
      </c>
      <c r="N2481" s="3">
        <v>30066</v>
      </c>
      <c r="O2481" s="3">
        <v>45200</v>
      </c>
      <c r="P2481" s="3">
        <v>47026</v>
      </c>
    </row>
    <row r="2482" spans="1:16" x14ac:dyDescent="0.15">
      <c r="A2482" s="2" t="s">
        <v>49</v>
      </c>
      <c r="B2482" s="2" t="s">
        <v>8965</v>
      </c>
      <c r="C2482" s="4" t="s">
        <v>6</v>
      </c>
      <c r="D2482" s="5" t="s">
        <v>972</v>
      </c>
      <c r="E2482" s="5" t="s">
        <v>8964</v>
      </c>
      <c r="F2482" s="6" t="s">
        <v>5</v>
      </c>
      <c r="G2482" s="2"/>
      <c r="H2482" s="4"/>
      <c r="I2482" s="5"/>
      <c r="J2482" s="5"/>
      <c r="K2482" s="5"/>
      <c r="L2482" s="6"/>
      <c r="M2482" s="2" t="s">
        <v>8966</v>
      </c>
      <c r="N2482" s="3">
        <v>45200</v>
      </c>
      <c r="O2482" s="3">
        <v>45200</v>
      </c>
      <c r="P2482" s="3">
        <v>47391</v>
      </c>
    </row>
    <row r="2483" spans="1:16" x14ac:dyDescent="0.15">
      <c r="A2483" s="2" t="s">
        <v>49</v>
      </c>
      <c r="B2483" s="2" t="s">
        <v>8967</v>
      </c>
      <c r="C2483" s="4" t="s">
        <v>6</v>
      </c>
      <c r="D2483" s="5" t="s">
        <v>1581</v>
      </c>
      <c r="E2483" s="5" t="s">
        <v>3369</v>
      </c>
      <c r="F2483" s="6" t="s">
        <v>8968</v>
      </c>
      <c r="G2483" s="2"/>
      <c r="H2483" s="4"/>
      <c r="I2483" s="5"/>
      <c r="J2483" s="5"/>
      <c r="K2483" s="5"/>
      <c r="L2483" s="6"/>
      <c r="M2483" s="2" t="s">
        <v>8969</v>
      </c>
      <c r="N2483" s="3">
        <v>39365</v>
      </c>
      <c r="O2483" s="3">
        <v>45200</v>
      </c>
      <c r="P2483" s="3">
        <v>47026</v>
      </c>
    </row>
    <row r="2484" spans="1:16" x14ac:dyDescent="0.15">
      <c r="A2484" s="2" t="s">
        <v>16</v>
      </c>
      <c r="B2484" s="2" t="s">
        <v>8971</v>
      </c>
      <c r="C2484" s="4" t="s">
        <v>6</v>
      </c>
      <c r="D2484" s="5" t="s">
        <v>972</v>
      </c>
      <c r="E2484" s="5" t="s">
        <v>8970</v>
      </c>
      <c r="F2484" s="6" t="s">
        <v>5</v>
      </c>
      <c r="G2484" s="2"/>
      <c r="H2484" s="4"/>
      <c r="I2484" s="5"/>
      <c r="J2484" s="5"/>
      <c r="K2484" s="5"/>
      <c r="L2484" s="6"/>
      <c r="M2484" s="2" t="s">
        <v>8972</v>
      </c>
      <c r="N2484" s="3">
        <v>33130</v>
      </c>
      <c r="O2484" s="3">
        <v>45200</v>
      </c>
      <c r="P2484" s="3">
        <v>47026</v>
      </c>
    </row>
    <row r="2485" spans="1:16" x14ac:dyDescent="0.15">
      <c r="A2485" s="2" t="s">
        <v>16</v>
      </c>
      <c r="B2485" s="2" t="s">
        <v>3494</v>
      </c>
      <c r="C2485" s="4" t="s">
        <v>6</v>
      </c>
      <c r="D2485" s="5" t="s">
        <v>2243</v>
      </c>
      <c r="E2485" s="5" t="s">
        <v>70</v>
      </c>
      <c r="F2485" s="6" t="s">
        <v>3495</v>
      </c>
      <c r="G2485" s="2" t="s">
        <v>3492</v>
      </c>
      <c r="H2485" s="4" t="s">
        <v>9</v>
      </c>
      <c r="I2485" s="5" t="s">
        <v>6</v>
      </c>
      <c r="J2485" s="5" t="s">
        <v>79</v>
      </c>
      <c r="K2485" s="5" t="s">
        <v>3493</v>
      </c>
      <c r="L2485" s="6" t="s">
        <v>5</v>
      </c>
      <c r="M2485" s="2" t="s">
        <v>3497</v>
      </c>
      <c r="N2485" s="3">
        <v>42357</v>
      </c>
      <c r="O2485" s="3">
        <v>44896</v>
      </c>
      <c r="P2485" s="3">
        <v>47087</v>
      </c>
    </row>
    <row r="2486" spans="1:16" x14ac:dyDescent="0.15">
      <c r="A2486" s="2" t="s">
        <v>16</v>
      </c>
      <c r="B2486" s="2" t="s">
        <v>3526</v>
      </c>
      <c r="C2486" s="4" t="s">
        <v>6</v>
      </c>
      <c r="D2486" s="5" t="s">
        <v>3288</v>
      </c>
      <c r="E2486" s="5" t="s">
        <v>3527</v>
      </c>
      <c r="F2486" s="6" t="s">
        <v>3528</v>
      </c>
      <c r="G2486" s="2" t="s">
        <v>3510</v>
      </c>
      <c r="H2486" s="4" t="s">
        <v>9</v>
      </c>
      <c r="I2486" s="5" t="s">
        <v>6</v>
      </c>
      <c r="J2486" s="5" t="s">
        <v>959</v>
      </c>
      <c r="K2486" s="5" t="s">
        <v>3511</v>
      </c>
      <c r="L2486" s="6" t="s">
        <v>5</v>
      </c>
      <c r="M2486" s="2" t="s">
        <v>3530</v>
      </c>
      <c r="N2486" s="3">
        <v>45022</v>
      </c>
      <c r="O2486" s="3">
        <v>45022</v>
      </c>
      <c r="P2486" s="3">
        <v>47452</v>
      </c>
    </row>
    <row r="2487" spans="1:16" x14ac:dyDescent="0.15">
      <c r="A2487" s="2" t="s">
        <v>16</v>
      </c>
      <c r="B2487" s="2" t="s">
        <v>3730</v>
      </c>
      <c r="C2487" s="4" t="s">
        <v>6</v>
      </c>
      <c r="D2487" s="5" t="s">
        <v>1581</v>
      </c>
      <c r="E2487" s="5" t="s">
        <v>1732</v>
      </c>
      <c r="F2487" s="6" t="s">
        <v>3731</v>
      </c>
      <c r="G2487" s="2" t="s">
        <v>3728</v>
      </c>
      <c r="H2487" s="4" t="s">
        <v>9</v>
      </c>
      <c r="I2487" s="5" t="s">
        <v>6</v>
      </c>
      <c r="J2487" s="5" t="s">
        <v>348</v>
      </c>
      <c r="K2487" s="5" t="s">
        <v>3729</v>
      </c>
      <c r="L2487" s="6" t="s">
        <v>5</v>
      </c>
      <c r="M2487" s="2" t="s">
        <v>3733</v>
      </c>
      <c r="N2487" s="3">
        <v>44558</v>
      </c>
      <c r="O2487" s="3">
        <v>44558</v>
      </c>
      <c r="P2487" s="3">
        <v>46660</v>
      </c>
    </row>
    <row r="2488" spans="1:16" x14ac:dyDescent="0.15">
      <c r="A2488" s="2" t="s">
        <v>16</v>
      </c>
      <c r="B2488" s="2" t="s">
        <v>3911</v>
      </c>
      <c r="C2488" s="4" t="s">
        <v>6</v>
      </c>
      <c r="D2488" s="5" t="s">
        <v>2626</v>
      </c>
      <c r="E2488" s="5" t="s">
        <v>1723</v>
      </c>
      <c r="F2488" s="6" t="s">
        <v>1609</v>
      </c>
      <c r="G2488" s="2" t="s">
        <v>3907</v>
      </c>
      <c r="H2488" s="4" t="s">
        <v>9</v>
      </c>
      <c r="I2488" s="5" t="s">
        <v>6</v>
      </c>
      <c r="J2488" s="5" t="s">
        <v>2626</v>
      </c>
      <c r="K2488" s="5" t="s">
        <v>1723</v>
      </c>
      <c r="L2488" s="6" t="s">
        <v>5</v>
      </c>
      <c r="M2488" s="2" t="s">
        <v>3913</v>
      </c>
      <c r="N2488" s="3">
        <v>44593</v>
      </c>
      <c r="O2488" s="3">
        <v>44593</v>
      </c>
      <c r="P2488" s="3">
        <v>47026</v>
      </c>
    </row>
    <row r="2489" spans="1:16" x14ac:dyDescent="0.15">
      <c r="A2489" s="2" t="s">
        <v>16</v>
      </c>
      <c r="B2489" s="2" t="s">
        <v>4007</v>
      </c>
      <c r="C2489" s="4" t="s">
        <v>6</v>
      </c>
      <c r="D2489" s="5" t="s">
        <v>4008</v>
      </c>
      <c r="E2489" s="5" t="s">
        <v>4009</v>
      </c>
      <c r="F2489" s="6" t="s">
        <v>5</v>
      </c>
      <c r="G2489" s="2" t="s">
        <v>4007</v>
      </c>
      <c r="H2489" s="4" t="s">
        <v>9</v>
      </c>
      <c r="I2489" s="5" t="s">
        <v>6</v>
      </c>
      <c r="J2489" s="5" t="s">
        <v>4008</v>
      </c>
      <c r="K2489" s="5" t="s">
        <v>4009</v>
      </c>
      <c r="L2489" s="6" t="s">
        <v>5</v>
      </c>
      <c r="M2489" s="2" t="s">
        <v>4010</v>
      </c>
      <c r="N2489" s="3">
        <v>35298</v>
      </c>
      <c r="O2489" s="3">
        <v>44652</v>
      </c>
      <c r="P2489" s="3">
        <v>46843</v>
      </c>
    </row>
    <row r="2490" spans="1:16" x14ac:dyDescent="0.15">
      <c r="A2490" s="2" t="s">
        <v>16</v>
      </c>
      <c r="B2490" s="2" t="s">
        <v>4011</v>
      </c>
      <c r="C2490" s="4" t="s">
        <v>6</v>
      </c>
      <c r="D2490" s="5" t="s">
        <v>870</v>
      </c>
      <c r="E2490" s="5" t="s">
        <v>4012</v>
      </c>
      <c r="F2490" s="6" t="s">
        <v>5</v>
      </c>
      <c r="G2490" s="2" t="s">
        <v>4011</v>
      </c>
      <c r="H2490" s="4" t="s">
        <v>9</v>
      </c>
      <c r="I2490" s="5" t="s">
        <v>6</v>
      </c>
      <c r="J2490" s="5" t="s">
        <v>870</v>
      </c>
      <c r="K2490" s="5" t="s">
        <v>4012</v>
      </c>
      <c r="L2490" s="6" t="s">
        <v>5</v>
      </c>
      <c r="M2490" s="2" t="s">
        <v>4013</v>
      </c>
      <c r="N2490" s="3">
        <v>42306</v>
      </c>
      <c r="O2490" s="3">
        <v>44652</v>
      </c>
      <c r="P2490" s="3">
        <v>46843</v>
      </c>
    </row>
    <row r="2491" spans="1:16" x14ac:dyDescent="0.15">
      <c r="A2491" s="2" t="s">
        <v>16</v>
      </c>
      <c r="B2491" s="2" t="s">
        <v>4024</v>
      </c>
      <c r="C2491" s="4" t="s">
        <v>6</v>
      </c>
      <c r="D2491" s="5" t="s">
        <v>755</v>
      </c>
      <c r="E2491" s="5" t="s">
        <v>4025</v>
      </c>
      <c r="F2491" s="6" t="s">
        <v>5</v>
      </c>
      <c r="G2491" s="2" t="s">
        <v>4022</v>
      </c>
      <c r="H2491" s="4" t="s">
        <v>9</v>
      </c>
      <c r="I2491" s="5" t="s">
        <v>6</v>
      </c>
      <c r="J2491" s="5" t="s">
        <v>755</v>
      </c>
      <c r="K2491" s="5" t="s">
        <v>4023</v>
      </c>
      <c r="L2491" s="6" t="s">
        <v>5</v>
      </c>
      <c r="M2491" s="2" t="s">
        <v>4027</v>
      </c>
      <c r="N2491" s="3">
        <v>44683</v>
      </c>
      <c r="O2491" s="3">
        <v>44683</v>
      </c>
      <c r="P2491" s="3">
        <v>47208</v>
      </c>
    </row>
    <row r="2492" spans="1:16" x14ac:dyDescent="0.15">
      <c r="A2492" s="2" t="s">
        <v>16</v>
      </c>
      <c r="B2492" s="2" t="s">
        <v>8999</v>
      </c>
      <c r="C2492" s="4" t="s">
        <v>6</v>
      </c>
      <c r="D2492" s="5" t="s">
        <v>140</v>
      </c>
      <c r="E2492" s="5" t="s">
        <v>8998</v>
      </c>
      <c r="F2492" s="6" t="s">
        <v>5</v>
      </c>
      <c r="G2492" s="2"/>
      <c r="H2492" s="4"/>
      <c r="I2492" s="5"/>
      <c r="J2492" s="5"/>
      <c r="K2492" s="5"/>
      <c r="L2492" s="6"/>
      <c r="M2492" s="2" t="s">
        <v>9000</v>
      </c>
      <c r="N2492" s="3">
        <v>42672</v>
      </c>
      <c r="O2492" s="3">
        <v>45200</v>
      </c>
      <c r="P2492" s="3">
        <v>47391</v>
      </c>
    </row>
    <row r="2493" spans="1:16" x14ac:dyDescent="0.15">
      <c r="A2493" s="2" t="s">
        <v>49</v>
      </c>
      <c r="B2493" s="2" t="s">
        <v>9001</v>
      </c>
      <c r="C2493" s="4" t="s">
        <v>6</v>
      </c>
      <c r="D2493" s="5" t="s">
        <v>1000</v>
      </c>
      <c r="E2493" s="5" t="s">
        <v>6201</v>
      </c>
      <c r="F2493" s="6" t="s">
        <v>9002</v>
      </c>
      <c r="G2493" s="2"/>
      <c r="H2493" s="4"/>
      <c r="I2493" s="5"/>
      <c r="J2493" s="5"/>
      <c r="K2493" s="5"/>
      <c r="L2493" s="6"/>
      <c r="M2493" s="2" t="s">
        <v>9003</v>
      </c>
      <c r="N2493" s="3">
        <v>38701</v>
      </c>
      <c r="O2493" s="3">
        <v>45200</v>
      </c>
      <c r="P2493" s="3">
        <v>47391</v>
      </c>
    </row>
    <row r="2494" spans="1:16" x14ac:dyDescent="0.15">
      <c r="A2494" s="2" t="s">
        <v>16</v>
      </c>
      <c r="B2494" s="2" t="s">
        <v>4039</v>
      </c>
      <c r="C2494" s="4" t="s">
        <v>6</v>
      </c>
      <c r="D2494" s="5" t="s">
        <v>218</v>
      </c>
      <c r="E2494" s="5" t="s">
        <v>532</v>
      </c>
      <c r="F2494" s="6" t="s">
        <v>4040</v>
      </c>
      <c r="G2494" s="2" t="s">
        <v>4038</v>
      </c>
      <c r="H2494" s="4" t="s">
        <v>9</v>
      </c>
      <c r="I2494" s="5" t="s">
        <v>6</v>
      </c>
      <c r="J2494" s="5" t="s">
        <v>522</v>
      </c>
      <c r="K2494" s="5" t="s">
        <v>816</v>
      </c>
      <c r="L2494" s="6" t="s">
        <v>5</v>
      </c>
      <c r="M2494" s="2" t="s">
        <v>4042</v>
      </c>
      <c r="N2494" s="3">
        <v>34911</v>
      </c>
      <c r="O2494" s="3">
        <v>44652</v>
      </c>
      <c r="P2494" s="3">
        <v>46843</v>
      </c>
    </row>
    <row r="2495" spans="1:16" x14ac:dyDescent="0.15">
      <c r="A2495" s="2" t="s">
        <v>49</v>
      </c>
      <c r="B2495" s="2" t="s">
        <v>9007</v>
      </c>
      <c r="C2495" s="4" t="s">
        <v>6</v>
      </c>
      <c r="D2495" s="5" t="s">
        <v>5625</v>
      </c>
      <c r="E2495" s="5" t="s">
        <v>9008</v>
      </c>
      <c r="F2495" s="6" t="s">
        <v>5</v>
      </c>
      <c r="G2495" s="2"/>
      <c r="H2495" s="4"/>
      <c r="I2495" s="5"/>
      <c r="J2495" s="5"/>
      <c r="K2495" s="5"/>
      <c r="L2495" s="6"/>
      <c r="M2495" s="2" t="s">
        <v>9009</v>
      </c>
      <c r="N2495" s="3">
        <v>35895</v>
      </c>
      <c r="O2495" s="3">
        <v>45200</v>
      </c>
      <c r="P2495" s="3">
        <v>47026</v>
      </c>
    </row>
    <row r="2496" spans="1:16" x14ac:dyDescent="0.15">
      <c r="A2496" s="2" t="s">
        <v>16</v>
      </c>
      <c r="B2496" s="2" t="s">
        <v>4043</v>
      </c>
      <c r="C2496" s="4" t="s">
        <v>6</v>
      </c>
      <c r="D2496" s="5" t="s">
        <v>179</v>
      </c>
      <c r="E2496" s="5" t="s">
        <v>646</v>
      </c>
      <c r="F2496" s="6" t="s">
        <v>5</v>
      </c>
      <c r="G2496" s="2" t="s">
        <v>4038</v>
      </c>
      <c r="H2496" s="4" t="s">
        <v>9</v>
      </c>
      <c r="I2496" s="5" t="s">
        <v>6</v>
      </c>
      <c r="J2496" s="5" t="s">
        <v>522</v>
      </c>
      <c r="K2496" s="5" t="s">
        <v>816</v>
      </c>
      <c r="L2496" s="6" t="s">
        <v>5</v>
      </c>
      <c r="M2496" s="2" t="s">
        <v>4045</v>
      </c>
      <c r="N2496" s="3">
        <v>38463</v>
      </c>
      <c r="O2496" s="3">
        <v>44835</v>
      </c>
      <c r="P2496" s="3">
        <v>47026</v>
      </c>
    </row>
    <row r="2497" spans="1:16" x14ac:dyDescent="0.15">
      <c r="A2497" s="2" t="s">
        <v>49</v>
      </c>
      <c r="B2497" s="2" t="s">
        <v>9016</v>
      </c>
      <c r="C2497" s="4" t="s">
        <v>6</v>
      </c>
      <c r="D2497" s="5" t="s">
        <v>9014</v>
      </c>
      <c r="E2497" s="5" t="s">
        <v>9015</v>
      </c>
      <c r="F2497" s="6" t="s">
        <v>5</v>
      </c>
      <c r="G2497" s="2"/>
      <c r="H2497" s="4"/>
      <c r="I2497" s="5"/>
      <c r="J2497" s="5"/>
      <c r="K2497" s="5"/>
      <c r="L2497" s="6"/>
      <c r="M2497" s="2" t="s">
        <v>9017</v>
      </c>
      <c r="N2497" s="3">
        <v>33097</v>
      </c>
      <c r="O2497" s="3">
        <v>45200</v>
      </c>
      <c r="P2497" s="3">
        <v>47026</v>
      </c>
    </row>
    <row r="2498" spans="1:16" x14ac:dyDescent="0.15">
      <c r="A2498" s="2" t="s">
        <v>16</v>
      </c>
      <c r="B2498" s="2" t="s">
        <v>9018</v>
      </c>
      <c r="C2498" s="4" t="s">
        <v>6</v>
      </c>
      <c r="D2498" s="5" t="s">
        <v>1410</v>
      </c>
      <c r="E2498" s="5" t="s">
        <v>9019</v>
      </c>
      <c r="F2498" s="6" t="s">
        <v>5</v>
      </c>
      <c r="G2498" s="2"/>
      <c r="H2498" s="4"/>
      <c r="I2498" s="5"/>
      <c r="J2498" s="5"/>
      <c r="K2498" s="5"/>
      <c r="L2498" s="6"/>
      <c r="M2498" s="2" t="s">
        <v>9020</v>
      </c>
      <c r="N2498" s="3">
        <v>42655</v>
      </c>
      <c r="O2498" s="3">
        <v>45200</v>
      </c>
      <c r="P2498" s="3">
        <v>47391</v>
      </c>
    </row>
    <row r="2499" spans="1:16" x14ac:dyDescent="0.15">
      <c r="A2499" s="2" t="s">
        <v>16</v>
      </c>
      <c r="B2499" s="2" t="s">
        <v>4122</v>
      </c>
      <c r="C2499" s="4" t="s">
        <v>6</v>
      </c>
      <c r="D2499" s="5" t="s">
        <v>870</v>
      </c>
      <c r="E2499" s="5" t="s">
        <v>4123</v>
      </c>
      <c r="F2499" s="6" t="s">
        <v>5</v>
      </c>
      <c r="G2499" s="2" t="s">
        <v>4120</v>
      </c>
      <c r="H2499" s="4" t="s">
        <v>9</v>
      </c>
      <c r="I2499" s="5" t="s">
        <v>6</v>
      </c>
      <c r="J2499" s="5" t="s">
        <v>870</v>
      </c>
      <c r="K2499" s="5" t="s">
        <v>4121</v>
      </c>
      <c r="L2499" s="6" t="s">
        <v>5</v>
      </c>
      <c r="M2499" s="2" t="s">
        <v>4124</v>
      </c>
      <c r="N2499" s="3">
        <v>34995</v>
      </c>
      <c r="O2499" s="3">
        <v>44652</v>
      </c>
      <c r="P2499" s="3">
        <v>46843</v>
      </c>
    </row>
    <row r="2500" spans="1:16" x14ac:dyDescent="0.15">
      <c r="A2500" s="2" t="s">
        <v>16</v>
      </c>
      <c r="B2500" s="2" t="s">
        <v>4122</v>
      </c>
      <c r="C2500" s="4" t="s">
        <v>6</v>
      </c>
      <c r="D2500" s="5" t="s">
        <v>4125</v>
      </c>
      <c r="E2500" s="5" t="s">
        <v>2823</v>
      </c>
      <c r="F2500" s="6" t="s">
        <v>5</v>
      </c>
      <c r="G2500" s="2" t="s">
        <v>4120</v>
      </c>
      <c r="H2500" s="4" t="s">
        <v>9</v>
      </c>
      <c r="I2500" s="5" t="s">
        <v>6</v>
      </c>
      <c r="J2500" s="5" t="s">
        <v>870</v>
      </c>
      <c r="K2500" s="5" t="s">
        <v>4121</v>
      </c>
      <c r="L2500" s="6" t="s">
        <v>5</v>
      </c>
      <c r="M2500" s="2" t="s">
        <v>4126</v>
      </c>
      <c r="N2500" s="3">
        <v>31719</v>
      </c>
      <c r="O2500" s="3">
        <v>44682</v>
      </c>
      <c r="P2500" s="3">
        <v>46873</v>
      </c>
    </row>
    <row r="2501" spans="1:16" x14ac:dyDescent="0.15">
      <c r="A2501" s="2" t="s">
        <v>49</v>
      </c>
      <c r="B2501" s="2" t="s">
        <v>9031</v>
      </c>
      <c r="C2501" s="4" t="s">
        <v>6</v>
      </c>
      <c r="D2501" s="5" t="s">
        <v>3678</v>
      </c>
      <c r="E2501" s="5" t="s">
        <v>9032</v>
      </c>
      <c r="F2501" s="6" t="s">
        <v>5</v>
      </c>
      <c r="G2501" s="2"/>
      <c r="H2501" s="4"/>
      <c r="I2501" s="5"/>
      <c r="J2501" s="5"/>
      <c r="K2501" s="5"/>
      <c r="L2501" s="6"/>
      <c r="M2501" s="2" t="s">
        <v>9033</v>
      </c>
      <c r="N2501" s="3">
        <v>43207</v>
      </c>
      <c r="O2501" s="3">
        <v>45200</v>
      </c>
      <c r="P2501" s="3">
        <v>47026</v>
      </c>
    </row>
    <row r="2502" spans="1:16" x14ac:dyDescent="0.15">
      <c r="A2502" s="2" t="s">
        <v>16</v>
      </c>
      <c r="B2502" s="2" t="s">
        <v>4127</v>
      </c>
      <c r="C2502" s="4" t="s">
        <v>6</v>
      </c>
      <c r="D2502" s="5" t="s">
        <v>270</v>
      </c>
      <c r="E2502" s="5" t="s">
        <v>4128</v>
      </c>
      <c r="F2502" s="6" t="s">
        <v>5</v>
      </c>
      <c r="G2502" s="2" t="s">
        <v>4120</v>
      </c>
      <c r="H2502" s="4" t="s">
        <v>9</v>
      </c>
      <c r="I2502" s="5" t="s">
        <v>6</v>
      </c>
      <c r="J2502" s="5" t="s">
        <v>870</v>
      </c>
      <c r="K2502" s="5" t="s">
        <v>4121</v>
      </c>
      <c r="L2502" s="6" t="s">
        <v>5</v>
      </c>
      <c r="M2502" s="2" t="s">
        <v>4129</v>
      </c>
      <c r="N2502" s="3">
        <v>36368</v>
      </c>
      <c r="O2502" s="3">
        <v>45017</v>
      </c>
      <c r="P2502" s="3">
        <v>47208</v>
      </c>
    </row>
    <row r="2503" spans="1:16" x14ac:dyDescent="0.15">
      <c r="A2503" s="2" t="s">
        <v>49</v>
      </c>
      <c r="B2503" s="2" t="s">
        <v>9039</v>
      </c>
      <c r="C2503" s="4" t="s">
        <v>6</v>
      </c>
      <c r="D2503" s="5" t="s">
        <v>230</v>
      </c>
      <c r="E2503" s="5" t="s">
        <v>1257</v>
      </c>
      <c r="F2503" s="6" t="s">
        <v>9040</v>
      </c>
      <c r="G2503" s="2"/>
      <c r="H2503" s="4"/>
      <c r="I2503" s="5"/>
      <c r="J2503" s="5"/>
      <c r="K2503" s="5"/>
      <c r="L2503" s="6"/>
      <c r="M2503" s="2" t="s">
        <v>9041</v>
      </c>
      <c r="N2503" s="3">
        <v>45183</v>
      </c>
      <c r="O2503" s="3">
        <v>45183</v>
      </c>
      <c r="P2503" s="3">
        <v>47391</v>
      </c>
    </row>
    <row r="2504" spans="1:16" x14ac:dyDescent="0.15">
      <c r="A2504" s="2" t="s">
        <v>16</v>
      </c>
      <c r="B2504" s="2" t="s">
        <v>9042</v>
      </c>
      <c r="C2504" s="4" t="s">
        <v>6</v>
      </c>
      <c r="D2504" s="5" t="s">
        <v>179</v>
      </c>
      <c r="E2504" s="5" t="s">
        <v>180</v>
      </c>
      <c r="F2504" s="6" t="s">
        <v>792</v>
      </c>
      <c r="G2504" s="2"/>
      <c r="H2504" s="4"/>
      <c r="I2504" s="5"/>
      <c r="J2504" s="5"/>
      <c r="K2504" s="5"/>
      <c r="L2504" s="6"/>
      <c r="M2504" s="2" t="s">
        <v>9043</v>
      </c>
      <c r="N2504" s="3">
        <v>45152</v>
      </c>
      <c r="O2504" s="3">
        <v>45152</v>
      </c>
      <c r="P2504" s="3">
        <v>47391</v>
      </c>
    </row>
    <row r="2505" spans="1:16" x14ac:dyDescent="0.15">
      <c r="A2505" s="2" t="s">
        <v>16</v>
      </c>
      <c r="B2505" s="2" t="s">
        <v>4130</v>
      </c>
      <c r="C2505" s="4" t="s">
        <v>6</v>
      </c>
      <c r="D2505" s="5" t="s">
        <v>870</v>
      </c>
      <c r="E2505" s="5" t="s">
        <v>4121</v>
      </c>
      <c r="F2505" s="6" t="s">
        <v>5</v>
      </c>
      <c r="G2505" s="2" t="s">
        <v>4120</v>
      </c>
      <c r="H2505" s="4" t="s">
        <v>9</v>
      </c>
      <c r="I2505" s="5" t="s">
        <v>6</v>
      </c>
      <c r="J2505" s="5" t="s">
        <v>870</v>
      </c>
      <c r="K2505" s="5" t="s">
        <v>4121</v>
      </c>
      <c r="L2505" s="6" t="s">
        <v>5</v>
      </c>
      <c r="M2505" s="2" t="s">
        <v>4131</v>
      </c>
      <c r="N2505" s="3">
        <v>33788</v>
      </c>
      <c r="O2505" s="3">
        <v>45017</v>
      </c>
      <c r="P2505" s="3">
        <v>47208</v>
      </c>
    </row>
    <row r="2506" spans="1:16" x14ac:dyDescent="0.15">
      <c r="A2506" s="2" t="s">
        <v>16</v>
      </c>
      <c r="B2506" s="2" t="s">
        <v>4176</v>
      </c>
      <c r="C2506" s="4" t="s">
        <v>6</v>
      </c>
      <c r="D2506" s="5" t="s">
        <v>1250</v>
      </c>
      <c r="E2506" s="5" t="s">
        <v>4177</v>
      </c>
      <c r="F2506" s="6" t="s">
        <v>5</v>
      </c>
      <c r="G2506" s="2" t="s">
        <v>4176</v>
      </c>
      <c r="H2506" s="4" t="s">
        <v>9</v>
      </c>
      <c r="I2506" s="5" t="s">
        <v>6</v>
      </c>
      <c r="J2506" s="5" t="s">
        <v>1250</v>
      </c>
      <c r="K2506" s="5" t="s">
        <v>4177</v>
      </c>
      <c r="L2506" s="6" t="s">
        <v>5</v>
      </c>
      <c r="M2506" s="2" t="s">
        <v>4179</v>
      </c>
      <c r="N2506" s="3">
        <v>41000</v>
      </c>
      <c r="O2506" s="3">
        <v>44652</v>
      </c>
      <c r="P2506" s="3">
        <v>46477</v>
      </c>
    </row>
    <row r="2507" spans="1:16" x14ac:dyDescent="0.15">
      <c r="A2507" s="2" t="s">
        <v>49</v>
      </c>
      <c r="B2507" s="2" t="s">
        <v>9053</v>
      </c>
      <c r="C2507" s="4" t="s">
        <v>6</v>
      </c>
      <c r="D2507" s="5" t="s">
        <v>45</v>
      </c>
      <c r="E2507" s="5" t="s">
        <v>9054</v>
      </c>
      <c r="F2507" s="6" t="s">
        <v>9055</v>
      </c>
      <c r="G2507" s="2"/>
      <c r="H2507" s="4"/>
      <c r="I2507" s="5"/>
      <c r="J2507" s="5"/>
      <c r="K2507" s="5"/>
      <c r="L2507" s="6"/>
      <c r="M2507" s="2" t="s">
        <v>9056</v>
      </c>
      <c r="N2507" s="3">
        <v>45155</v>
      </c>
      <c r="O2507" s="3">
        <v>45155</v>
      </c>
      <c r="P2507" s="3">
        <v>47452</v>
      </c>
    </row>
    <row r="2508" spans="1:16" x14ac:dyDescent="0.15">
      <c r="A2508" s="2" t="s">
        <v>49</v>
      </c>
      <c r="B2508" s="2" t="s">
        <v>9057</v>
      </c>
      <c r="C2508" s="4" t="s">
        <v>6</v>
      </c>
      <c r="D2508" s="5" t="s">
        <v>456</v>
      </c>
      <c r="E2508" s="5" t="s">
        <v>520</v>
      </c>
      <c r="F2508" s="6" t="s">
        <v>5</v>
      </c>
      <c r="G2508" s="2"/>
      <c r="H2508" s="4"/>
      <c r="I2508" s="5"/>
      <c r="J2508" s="5"/>
      <c r="K2508" s="5"/>
      <c r="L2508" s="6"/>
      <c r="M2508" s="2" t="s">
        <v>9058</v>
      </c>
      <c r="N2508" s="3">
        <v>45149</v>
      </c>
      <c r="O2508" s="3">
        <v>45149</v>
      </c>
      <c r="P2508" s="3">
        <v>47269</v>
      </c>
    </row>
    <row r="2509" spans="1:16" x14ac:dyDescent="0.15">
      <c r="A2509" s="2" t="s">
        <v>49</v>
      </c>
      <c r="B2509" s="2" t="s">
        <v>9059</v>
      </c>
      <c r="C2509" s="4" t="s">
        <v>6</v>
      </c>
      <c r="D2509" s="5" t="s">
        <v>9060</v>
      </c>
      <c r="E2509" s="5" t="s">
        <v>9061</v>
      </c>
      <c r="F2509" s="6" t="s">
        <v>5</v>
      </c>
      <c r="G2509" s="2"/>
      <c r="H2509" s="4"/>
      <c r="I2509" s="5"/>
      <c r="J2509" s="5"/>
      <c r="K2509" s="5"/>
      <c r="L2509" s="6"/>
      <c r="M2509" s="2" t="s">
        <v>9062</v>
      </c>
      <c r="N2509" s="3">
        <v>45155</v>
      </c>
      <c r="O2509" s="3">
        <v>45155</v>
      </c>
      <c r="P2509" s="3">
        <v>47238</v>
      </c>
    </row>
    <row r="2510" spans="1:16" x14ac:dyDescent="0.15">
      <c r="A2510" s="2" t="s">
        <v>49</v>
      </c>
      <c r="B2510" s="2" t="s">
        <v>9063</v>
      </c>
      <c r="C2510" s="4" t="s">
        <v>6</v>
      </c>
      <c r="D2510" s="5" t="s">
        <v>3548</v>
      </c>
      <c r="E2510" s="5" t="s">
        <v>9064</v>
      </c>
      <c r="F2510" s="6" t="s">
        <v>5</v>
      </c>
      <c r="G2510" s="2"/>
      <c r="H2510" s="4"/>
      <c r="I2510" s="5"/>
      <c r="J2510" s="5"/>
      <c r="K2510" s="5"/>
      <c r="L2510" s="6"/>
      <c r="M2510" s="2" t="s">
        <v>9065</v>
      </c>
      <c r="N2510" s="3">
        <v>45167</v>
      </c>
      <c r="O2510" s="3">
        <v>45167</v>
      </c>
      <c r="P2510" s="3">
        <v>47057</v>
      </c>
    </row>
    <row r="2511" spans="1:16" x14ac:dyDescent="0.15">
      <c r="A2511" s="2" t="s">
        <v>16</v>
      </c>
      <c r="B2511" s="2" t="s">
        <v>9063</v>
      </c>
      <c r="C2511" s="4" t="s">
        <v>6</v>
      </c>
      <c r="D2511" s="5" t="s">
        <v>3548</v>
      </c>
      <c r="E2511" s="5" t="s">
        <v>9064</v>
      </c>
      <c r="F2511" s="6" t="s">
        <v>5</v>
      </c>
      <c r="G2511" s="2"/>
      <c r="H2511" s="4"/>
      <c r="I2511" s="5"/>
      <c r="J2511" s="5"/>
      <c r="K2511" s="5"/>
      <c r="L2511" s="6"/>
      <c r="M2511" s="2" t="s">
        <v>9066</v>
      </c>
      <c r="N2511" s="3">
        <v>45167</v>
      </c>
      <c r="O2511" s="3">
        <v>45167</v>
      </c>
      <c r="P2511" s="3">
        <v>47057</v>
      </c>
    </row>
    <row r="2512" spans="1:16" x14ac:dyDescent="0.15">
      <c r="A2512" s="2" t="s">
        <v>49</v>
      </c>
      <c r="B2512" s="2" t="s">
        <v>9068</v>
      </c>
      <c r="C2512" s="4" t="s">
        <v>6</v>
      </c>
      <c r="D2512" s="5" t="s">
        <v>179</v>
      </c>
      <c r="E2512" s="5" t="s">
        <v>9067</v>
      </c>
      <c r="F2512" s="6" t="s">
        <v>5</v>
      </c>
      <c r="G2512" s="2"/>
      <c r="H2512" s="4"/>
      <c r="I2512" s="5"/>
      <c r="J2512" s="5"/>
      <c r="K2512" s="5"/>
      <c r="L2512" s="6"/>
      <c r="M2512" s="2" t="s">
        <v>9069</v>
      </c>
      <c r="N2512" s="3">
        <v>45170</v>
      </c>
      <c r="O2512" s="3">
        <v>45170</v>
      </c>
      <c r="P2512" s="3">
        <v>47391</v>
      </c>
    </row>
    <row r="2513" spans="1:16" x14ac:dyDescent="0.15">
      <c r="A2513" s="2" t="s">
        <v>16</v>
      </c>
      <c r="B2513" s="2" t="s">
        <v>4209</v>
      </c>
      <c r="C2513" s="4" t="s">
        <v>6</v>
      </c>
      <c r="D2513" s="5" t="s">
        <v>1168</v>
      </c>
      <c r="E2513" s="5" t="s">
        <v>1169</v>
      </c>
      <c r="F2513" s="6" t="s">
        <v>5</v>
      </c>
      <c r="G2513" s="2" t="s">
        <v>4207</v>
      </c>
      <c r="H2513" s="4" t="s">
        <v>9</v>
      </c>
      <c r="I2513" s="5" t="s">
        <v>6</v>
      </c>
      <c r="J2513" s="5" t="s">
        <v>1168</v>
      </c>
      <c r="K2513" s="5" t="s">
        <v>4208</v>
      </c>
      <c r="L2513" s="6" t="s">
        <v>5</v>
      </c>
      <c r="M2513" s="2" t="s">
        <v>4211</v>
      </c>
      <c r="N2513" s="3">
        <v>45260</v>
      </c>
      <c r="O2513" s="3">
        <v>45260</v>
      </c>
      <c r="P2513" s="3">
        <v>47756</v>
      </c>
    </row>
    <row r="2514" spans="1:16" x14ac:dyDescent="0.15">
      <c r="A2514" s="2" t="s">
        <v>16</v>
      </c>
      <c r="B2514" s="2" t="s">
        <v>4212</v>
      </c>
      <c r="C2514" s="4" t="s">
        <v>6</v>
      </c>
      <c r="D2514" s="5" t="s">
        <v>4213</v>
      </c>
      <c r="E2514" s="5" t="s">
        <v>4214</v>
      </c>
      <c r="F2514" s="6" t="s">
        <v>5</v>
      </c>
      <c r="G2514" s="2" t="s">
        <v>4212</v>
      </c>
      <c r="H2514" s="4" t="s">
        <v>9</v>
      </c>
      <c r="I2514" s="5" t="s">
        <v>6</v>
      </c>
      <c r="J2514" s="5" t="s">
        <v>4213</v>
      </c>
      <c r="K2514" s="5" t="s">
        <v>4214</v>
      </c>
      <c r="L2514" s="6" t="s">
        <v>5</v>
      </c>
      <c r="M2514" s="2" t="s">
        <v>4218</v>
      </c>
      <c r="N2514" s="3">
        <v>38579</v>
      </c>
      <c r="O2514" s="3">
        <v>44652</v>
      </c>
      <c r="P2514" s="3">
        <v>46843</v>
      </c>
    </row>
    <row r="2515" spans="1:16" x14ac:dyDescent="0.15">
      <c r="A2515" s="2" t="s">
        <v>16</v>
      </c>
      <c r="B2515" s="2" t="s">
        <v>4316</v>
      </c>
      <c r="C2515" s="4" t="s">
        <v>6</v>
      </c>
      <c r="D2515" s="5" t="s">
        <v>174</v>
      </c>
      <c r="E2515" s="5" t="s">
        <v>175</v>
      </c>
      <c r="F2515" s="6" t="s">
        <v>4317</v>
      </c>
      <c r="G2515" s="2" t="s">
        <v>4313</v>
      </c>
      <c r="H2515" s="4" t="s">
        <v>29</v>
      </c>
      <c r="I2515" s="5" t="s">
        <v>1887</v>
      </c>
      <c r="J2515" s="5" t="s">
        <v>4314</v>
      </c>
      <c r="K2515" s="5" t="s">
        <v>4315</v>
      </c>
      <c r="L2515" s="6" t="s">
        <v>5</v>
      </c>
      <c r="M2515" s="2" t="s">
        <v>4319</v>
      </c>
      <c r="N2515" s="3">
        <v>44630</v>
      </c>
      <c r="O2515" s="3">
        <v>44630</v>
      </c>
      <c r="P2515" s="3">
        <v>47026</v>
      </c>
    </row>
    <row r="2516" spans="1:16" x14ac:dyDescent="0.15">
      <c r="A2516" s="2" t="s">
        <v>16</v>
      </c>
      <c r="B2516" s="2" t="s">
        <v>4320</v>
      </c>
      <c r="C2516" s="4" t="s">
        <v>6</v>
      </c>
      <c r="D2516" s="5" t="s">
        <v>79</v>
      </c>
      <c r="E2516" s="5" t="s">
        <v>4321</v>
      </c>
      <c r="F2516" s="6" t="s">
        <v>4322</v>
      </c>
      <c r="G2516" s="2" t="s">
        <v>4313</v>
      </c>
      <c r="H2516" s="4" t="s">
        <v>29</v>
      </c>
      <c r="I2516" s="5" t="s">
        <v>1887</v>
      </c>
      <c r="J2516" s="5" t="s">
        <v>4314</v>
      </c>
      <c r="K2516" s="5" t="s">
        <v>4315</v>
      </c>
      <c r="L2516" s="6" t="s">
        <v>5</v>
      </c>
      <c r="M2516" s="2" t="s">
        <v>4323</v>
      </c>
      <c r="N2516" s="3">
        <v>36237</v>
      </c>
      <c r="O2516" s="3">
        <v>44866</v>
      </c>
      <c r="P2516" s="3">
        <v>47057</v>
      </c>
    </row>
    <row r="2517" spans="1:16" x14ac:dyDescent="0.15">
      <c r="A2517" s="2" t="s">
        <v>16</v>
      </c>
      <c r="B2517" s="2" t="s">
        <v>9086</v>
      </c>
      <c r="C2517" s="4" t="s">
        <v>6</v>
      </c>
      <c r="D2517" s="5" t="s">
        <v>3678</v>
      </c>
      <c r="E2517" s="5" t="s">
        <v>9085</v>
      </c>
      <c r="F2517" s="6" t="s">
        <v>5</v>
      </c>
      <c r="G2517" s="2"/>
      <c r="H2517" s="4"/>
      <c r="I2517" s="5"/>
      <c r="J2517" s="5"/>
      <c r="K2517" s="5"/>
      <c r="L2517" s="6"/>
      <c r="M2517" s="2" t="s">
        <v>9087</v>
      </c>
      <c r="N2517" s="3">
        <v>35574</v>
      </c>
      <c r="O2517" s="3">
        <v>45200</v>
      </c>
      <c r="P2517" s="3">
        <v>47391</v>
      </c>
    </row>
    <row r="2518" spans="1:16" x14ac:dyDescent="0.15">
      <c r="A2518" s="2" t="s">
        <v>49</v>
      </c>
      <c r="B2518" s="2" t="s">
        <v>9088</v>
      </c>
      <c r="C2518" s="4" t="s">
        <v>6</v>
      </c>
      <c r="D2518" s="5" t="s">
        <v>1381</v>
      </c>
      <c r="E2518" s="5" t="s">
        <v>9089</v>
      </c>
      <c r="F2518" s="6" t="s">
        <v>9090</v>
      </c>
      <c r="G2518" s="2"/>
      <c r="H2518" s="4"/>
      <c r="I2518" s="5"/>
      <c r="J2518" s="5"/>
      <c r="K2518" s="5"/>
      <c r="L2518" s="6"/>
      <c r="M2518" s="2" t="s">
        <v>9091</v>
      </c>
      <c r="N2518" s="3">
        <v>37851</v>
      </c>
      <c r="O2518" s="3">
        <v>45200</v>
      </c>
      <c r="P2518" s="3">
        <v>47026</v>
      </c>
    </row>
    <row r="2519" spans="1:16" x14ac:dyDescent="0.15">
      <c r="A2519" s="2" t="s">
        <v>49</v>
      </c>
      <c r="B2519" s="2" t="s">
        <v>9092</v>
      </c>
      <c r="C2519" s="4" t="s">
        <v>6</v>
      </c>
      <c r="D2519" s="5" t="s">
        <v>1839</v>
      </c>
      <c r="E2519" s="5" t="s">
        <v>3511</v>
      </c>
      <c r="F2519" s="6" t="s">
        <v>5</v>
      </c>
      <c r="G2519" s="2"/>
      <c r="H2519" s="4"/>
      <c r="I2519" s="5"/>
      <c r="J2519" s="5"/>
      <c r="K2519" s="5"/>
      <c r="L2519" s="6"/>
      <c r="M2519" s="2" t="s">
        <v>9093</v>
      </c>
      <c r="N2519" s="3">
        <v>40529</v>
      </c>
      <c r="O2519" s="3">
        <v>45200</v>
      </c>
      <c r="P2519" s="3">
        <v>47391</v>
      </c>
    </row>
    <row r="2520" spans="1:16" x14ac:dyDescent="0.15">
      <c r="A2520" s="2" t="s">
        <v>16</v>
      </c>
      <c r="B2520" s="2" t="s">
        <v>4324</v>
      </c>
      <c r="C2520" s="4" t="s">
        <v>6</v>
      </c>
      <c r="D2520" s="5" t="s">
        <v>179</v>
      </c>
      <c r="E2520" s="5" t="s">
        <v>180</v>
      </c>
      <c r="F2520" s="6" t="s">
        <v>4325</v>
      </c>
      <c r="G2520" s="2" t="s">
        <v>4313</v>
      </c>
      <c r="H2520" s="4" t="s">
        <v>29</v>
      </c>
      <c r="I2520" s="5" t="s">
        <v>1887</v>
      </c>
      <c r="J2520" s="5" t="s">
        <v>4314</v>
      </c>
      <c r="K2520" s="5" t="s">
        <v>4315</v>
      </c>
      <c r="L2520" s="6" t="s">
        <v>5</v>
      </c>
      <c r="M2520" s="2" t="s">
        <v>4326</v>
      </c>
      <c r="N2520" s="3">
        <v>38408</v>
      </c>
      <c r="O2520" s="3">
        <v>45200</v>
      </c>
      <c r="P2520" s="3">
        <v>47391</v>
      </c>
    </row>
    <row r="2521" spans="1:16" x14ac:dyDescent="0.15">
      <c r="A2521" s="2" t="s">
        <v>16</v>
      </c>
      <c r="B2521" s="2" t="s">
        <v>4329</v>
      </c>
      <c r="C2521" s="4" t="s">
        <v>6</v>
      </c>
      <c r="D2521" s="5" t="s">
        <v>174</v>
      </c>
      <c r="E2521" s="5" t="s">
        <v>175</v>
      </c>
      <c r="F2521" s="6" t="s">
        <v>4317</v>
      </c>
      <c r="G2521" s="2" t="s">
        <v>4327</v>
      </c>
      <c r="H2521" s="4" t="s">
        <v>9</v>
      </c>
      <c r="I2521" s="5" t="s">
        <v>58</v>
      </c>
      <c r="J2521" s="5" t="s">
        <v>4328</v>
      </c>
      <c r="K2521" s="5" t="s">
        <v>5</v>
      </c>
      <c r="L2521" s="6" t="s">
        <v>5</v>
      </c>
      <c r="M2521" s="2" t="s">
        <v>4330</v>
      </c>
      <c r="N2521" s="3">
        <v>44630</v>
      </c>
      <c r="O2521" s="3">
        <v>44630</v>
      </c>
      <c r="P2521" s="3">
        <v>47026</v>
      </c>
    </row>
    <row r="2522" spans="1:16" x14ac:dyDescent="0.15">
      <c r="A2522" s="2" t="s">
        <v>16</v>
      </c>
      <c r="B2522" s="2" t="s">
        <v>4345</v>
      </c>
      <c r="C2522" s="4" t="s">
        <v>6</v>
      </c>
      <c r="D2522" s="5" t="s">
        <v>174</v>
      </c>
      <c r="E2522" s="5" t="s">
        <v>579</v>
      </c>
      <c r="F2522" s="6" t="s">
        <v>4346</v>
      </c>
      <c r="G2522" s="2" t="s">
        <v>4343</v>
      </c>
      <c r="H2522" s="4" t="s">
        <v>9</v>
      </c>
      <c r="I2522" s="5" t="s">
        <v>6</v>
      </c>
      <c r="J2522" s="5" t="s">
        <v>4344</v>
      </c>
      <c r="K2522" s="5" t="s">
        <v>2941</v>
      </c>
      <c r="L2522" s="6" t="s">
        <v>5</v>
      </c>
      <c r="M2522" s="2" t="s">
        <v>4348</v>
      </c>
      <c r="N2522" s="3">
        <v>44630</v>
      </c>
      <c r="O2522" s="3">
        <v>44630</v>
      </c>
      <c r="P2522" s="3">
        <v>47026</v>
      </c>
    </row>
    <row r="2523" spans="1:16" x14ac:dyDescent="0.15">
      <c r="A2523" s="2" t="s">
        <v>16</v>
      </c>
      <c r="B2523" s="2" t="s">
        <v>4428</v>
      </c>
      <c r="C2523" s="4" t="s">
        <v>6</v>
      </c>
      <c r="D2523" s="5" t="s">
        <v>2568</v>
      </c>
      <c r="E2523" s="5" t="s">
        <v>4427</v>
      </c>
      <c r="F2523" s="6" t="s">
        <v>5</v>
      </c>
      <c r="G2523" s="2" t="s">
        <v>4426</v>
      </c>
      <c r="H2523" s="4" t="s">
        <v>9</v>
      </c>
      <c r="I2523" s="5" t="s">
        <v>6</v>
      </c>
      <c r="J2523" s="5" t="s">
        <v>2568</v>
      </c>
      <c r="K2523" s="5" t="s">
        <v>4427</v>
      </c>
      <c r="L2523" s="6" t="s">
        <v>5</v>
      </c>
      <c r="M2523" s="2" t="s">
        <v>4430</v>
      </c>
      <c r="N2523" s="3">
        <v>44637</v>
      </c>
      <c r="O2523" s="3">
        <v>44637</v>
      </c>
      <c r="P2523" s="3">
        <v>46477</v>
      </c>
    </row>
    <row r="2524" spans="1:16" x14ac:dyDescent="0.15">
      <c r="A2524" s="2" t="s">
        <v>49</v>
      </c>
      <c r="B2524" s="2" t="s">
        <v>9116</v>
      </c>
      <c r="C2524" s="4" t="s">
        <v>6</v>
      </c>
      <c r="D2524" s="5" t="s">
        <v>1027</v>
      </c>
      <c r="E2524" s="5" t="s">
        <v>1597</v>
      </c>
      <c r="F2524" s="6" t="s">
        <v>9117</v>
      </c>
      <c r="G2524" s="2"/>
      <c r="H2524" s="4"/>
      <c r="I2524" s="5"/>
      <c r="J2524" s="5"/>
      <c r="K2524" s="5"/>
      <c r="L2524" s="6"/>
      <c r="M2524" s="2" t="s">
        <v>9118</v>
      </c>
      <c r="N2524" s="3">
        <v>45192</v>
      </c>
      <c r="O2524" s="3">
        <v>45192</v>
      </c>
      <c r="P2524" s="3">
        <v>47452</v>
      </c>
    </row>
    <row r="2525" spans="1:16" x14ac:dyDescent="0.15">
      <c r="A2525" s="2" t="s">
        <v>49</v>
      </c>
      <c r="B2525" s="2" t="s">
        <v>9119</v>
      </c>
      <c r="C2525" s="4" t="s">
        <v>6</v>
      </c>
      <c r="D2525" s="5" t="s">
        <v>1027</v>
      </c>
      <c r="E2525" s="5" t="s">
        <v>3773</v>
      </c>
      <c r="F2525" s="6" t="s">
        <v>9120</v>
      </c>
      <c r="G2525" s="2"/>
      <c r="H2525" s="4"/>
      <c r="I2525" s="5"/>
      <c r="J2525" s="5"/>
      <c r="K2525" s="5"/>
      <c r="L2525" s="6"/>
      <c r="M2525" s="2" t="s">
        <v>9121</v>
      </c>
      <c r="N2525" s="3">
        <v>45163</v>
      </c>
      <c r="O2525" s="3">
        <v>45163</v>
      </c>
      <c r="P2525" s="3">
        <v>47087</v>
      </c>
    </row>
    <row r="2526" spans="1:16" x14ac:dyDescent="0.15">
      <c r="A2526" s="2" t="s">
        <v>16</v>
      </c>
      <c r="B2526" s="2" t="s">
        <v>4469</v>
      </c>
      <c r="C2526" s="4" t="s">
        <v>6</v>
      </c>
      <c r="D2526" s="5" t="s">
        <v>174</v>
      </c>
      <c r="E2526" s="5" t="s">
        <v>579</v>
      </c>
      <c r="F2526" s="6" t="s">
        <v>4470</v>
      </c>
      <c r="G2526" s="2" t="s">
        <v>4466</v>
      </c>
      <c r="H2526" s="4" t="s">
        <v>9</v>
      </c>
      <c r="I2526" s="5" t="s">
        <v>904</v>
      </c>
      <c r="J2526" s="5" t="s">
        <v>4467</v>
      </c>
      <c r="K2526" s="5" t="s">
        <v>4468</v>
      </c>
      <c r="L2526" s="6" t="s">
        <v>5</v>
      </c>
      <c r="M2526" s="2" t="s">
        <v>4471</v>
      </c>
      <c r="N2526" s="3">
        <v>44630</v>
      </c>
      <c r="O2526" s="3">
        <v>44630</v>
      </c>
      <c r="P2526" s="3">
        <v>47026</v>
      </c>
    </row>
    <row r="2527" spans="1:16" x14ac:dyDescent="0.15">
      <c r="A2527" s="2" t="s">
        <v>16</v>
      </c>
      <c r="B2527" s="2" t="s">
        <v>4549</v>
      </c>
      <c r="C2527" s="4" t="s">
        <v>6</v>
      </c>
      <c r="D2527" s="5" t="s">
        <v>174</v>
      </c>
      <c r="E2527" s="5" t="s">
        <v>175</v>
      </c>
      <c r="F2527" s="6" t="s">
        <v>4544</v>
      </c>
      <c r="G2527" s="2" t="s">
        <v>4546</v>
      </c>
      <c r="H2527" s="4" t="s">
        <v>384</v>
      </c>
      <c r="I2527" s="5" t="s">
        <v>441</v>
      </c>
      <c r="J2527" s="5" t="s">
        <v>4547</v>
      </c>
      <c r="K2527" s="5" t="s">
        <v>4548</v>
      </c>
      <c r="L2527" s="6" t="s">
        <v>5</v>
      </c>
      <c r="M2527" s="2" t="s">
        <v>4551</v>
      </c>
      <c r="N2527" s="3">
        <v>44630</v>
      </c>
      <c r="O2527" s="3">
        <v>44630</v>
      </c>
      <c r="P2527" s="3">
        <v>47026</v>
      </c>
    </row>
    <row r="2528" spans="1:16" x14ac:dyDescent="0.15">
      <c r="A2528" s="2" t="s">
        <v>49</v>
      </c>
      <c r="B2528" s="2" t="s">
        <v>9130</v>
      </c>
      <c r="C2528" s="4" t="s">
        <v>6</v>
      </c>
      <c r="D2528" s="5" t="s">
        <v>9131</v>
      </c>
      <c r="E2528" s="5" t="s">
        <v>5</v>
      </c>
      <c r="F2528" s="6" t="s">
        <v>5</v>
      </c>
      <c r="G2528" s="2"/>
      <c r="H2528" s="4"/>
      <c r="I2528" s="5"/>
      <c r="J2528" s="5"/>
      <c r="K2528" s="5"/>
      <c r="L2528" s="6"/>
      <c r="M2528" s="2" t="s">
        <v>9132</v>
      </c>
      <c r="N2528" s="3">
        <v>43280</v>
      </c>
      <c r="O2528" s="3">
        <v>45200</v>
      </c>
      <c r="P2528" s="3">
        <v>47026</v>
      </c>
    </row>
    <row r="2529" spans="1:16" x14ac:dyDescent="0.15">
      <c r="A2529" s="2" t="s">
        <v>49</v>
      </c>
      <c r="B2529" s="2" t="s">
        <v>9133</v>
      </c>
      <c r="C2529" s="4" t="s">
        <v>6</v>
      </c>
      <c r="D2529" s="5" t="s">
        <v>2746</v>
      </c>
      <c r="E2529" s="5" t="s">
        <v>5324</v>
      </c>
      <c r="F2529" s="6" t="s">
        <v>5</v>
      </c>
      <c r="G2529" s="2"/>
      <c r="H2529" s="4"/>
      <c r="I2529" s="5"/>
      <c r="J2529" s="5"/>
      <c r="K2529" s="5"/>
      <c r="L2529" s="6"/>
      <c r="M2529" s="2" t="s">
        <v>9134</v>
      </c>
      <c r="N2529" s="3">
        <v>42887</v>
      </c>
      <c r="O2529" s="3">
        <v>45231</v>
      </c>
      <c r="P2529" s="3">
        <v>47422</v>
      </c>
    </row>
    <row r="2530" spans="1:16" x14ac:dyDescent="0.15">
      <c r="A2530" s="2" t="s">
        <v>16</v>
      </c>
      <c r="B2530" s="2" t="s">
        <v>9133</v>
      </c>
      <c r="C2530" s="4" t="s">
        <v>6</v>
      </c>
      <c r="D2530" s="5" t="s">
        <v>2746</v>
      </c>
      <c r="E2530" s="5" t="s">
        <v>5324</v>
      </c>
      <c r="F2530" s="6" t="s">
        <v>5</v>
      </c>
      <c r="G2530" s="2"/>
      <c r="H2530" s="4"/>
      <c r="I2530" s="5"/>
      <c r="J2530" s="5"/>
      <c r="K2530" s="5"/>
      <c r="L2530" s="6"/>
      <c r="M2530" s="2" t="s">
        <v>9135</v>
      </c>
      <c r="N2530" s="3">
        <v>42887</v>
      </c>
      <c r="O2530" s="3">
        <v>45231</v>
      </c>
      <c r="P2530" s="3">
        <v>47422</v>
      </c>
    </row>
    <row r="2531" spans="1:16" x14ac:dyDescent="0.15">
      <c r="A2531" s="2" t="s">
        <v>16</v>
      </c>
      <c r="B2531" s="2" t="s">
        <v>4554</v>
      </c>
      <c r="C2531" s="4" t="s">
        <v>6</v>
      </c>
      <c r="D2531" s="5" t="s">
        <v>174</v>
      </c>
      <c r="E2531" s="5" t="s">
        <v>175</v>
      </c>
      <c r="F2531" s="6" t="s">
        <v>4555</v>
      </c>
      <c r="G2531" s="2" t="s">
        <v>4552</v>
      </c>
      <c r="H2531" s="4" t="s">
        <v>384</v>
      </c>
      <c r="I2531" s="5" t="s">
        <v>2035</v>
      </c>
      <c r="J2531" s="5" t="s">
        <v>4553</v>
      </c>
      <c r="K2531" s="5" t="s">
        <v>775</v>
      </c>
      <c r="L2531" s="6" t="s">
        <v>5</v>
      </c>
      <c r="M2531" s="2" t="s">
        <v>4557</v>
      </c>
      <c r="N2531" s="3">
        <v>44630</v>
      </c>
      <c r="O2531" s="3">
        <v>44630</v>
      </c>
      <c r="P2531" s="3">
        <v>47026</v>
      </c>
    </row>
    <row r="2532" spans="1:16" x14ac:dyDescent="0.15">
      <c r="A2532" s="2" t="s">
        <v>49</v>
      </c>
      <c r="B2532" s="2" t="s">
        <v>9140</v>
      </c>
      <c r="C2532" s="4" t="s">
        <v>6</v>
      </c>
      <c r="D2532" s="5" t="s">
        <v>2089</v>
      </c>
      <c r="E2532" s="5" t="s">
        <v>9141</v>
      </c>
      <c r="F2532" s="6" t="s">
        <v>5</v>
      </c>
      <c r="G2532" s="2"/>
      <c r="H2532" s="4"/>
      <c r="I2532" s="5"/>
      <c r="J2532" s="5"/>
      <c r="K2532" s="5"/>
      <c r="L2532" s="6"/>
      <c r="M2532" s="2" t="s">
        <v>9142</v>
      </c>
      <c r="N2532" s="3">
        <v>45178</v>
      </c>
      <c r="O2532" s="3">
        <v>45178</v>
      </c>
      <c r="P2532" s="3">
        <v>47452</v>
      </c>
    </row>
    <row r="2533" spans="1:16" x14ac:dyDescent="0.15">
      <c r="A2533" s="2" t="s">
        <v>49</v>
      </c>
      <c r="B2533" s="2" t="s">
        <v>9143</v>
      </c>
      <c r="C2533" s="4" t="s">
        <v>6</v>
      </c>
      <c r="D2533" s="5" t="s">
        <v>4927</v>
      </c>
      <c r="E2533" s="5" t="s">
        <v>9144</v>
      </c>
      <c r="F2533" s="6" t="s">
        <v>5</v>
      </c>
      <c r="G2533" s="2"/>
      <c r="H2533" s="4"/>
      <c r="I2533" s="5"/>
      <c r="J2533" s="5"/>
      <c r="K2533" s="5"/>
      <c r="L2533" s="6"/>
      <c r="M2533" s="2" t="s">
        <v>9145</v>
      </c>
      <c r="N2533" s="3">
        <v>32721</v>
      </c>
      <c r="O2533" s="3">
        <v>45231</v>
      </c>
      <c r="P2533" s="3">
        <v>47422</v>
      </c>
    </row>
    <row r="2534" spans="1:16" x14ac:dyDescent="0.15">
      <c r="A2534" s="2" t="s">
        <v>49</v>
      </c>
      <c r="B2534" s="2" t="s">
        <v>9147</v>
      </c>
      <c r="C2534" s="4" t="s">
        <v>6</v>
      </c>
      <c r="D2534" s="5" t="s">
        <v>1156</v>
      </c>
      <c r="E2534" s="5" t="s">
        <v>9146</v>
      </c>
      <c r="F2534" s="6" t="s">
        <v>5</v>
      </c>
      <c r="G2534" s="2"/>
      <c r="H2534" s="4"/>
      <c r="I2534" s="5"/>
      <c r="J2534" s="5"/>
      <c r="K2534" s="5"/>
      <c r="L2534" s="6"/>
      <c r="M2534" s="2" t="s">
        <v>9148</v>
      </c>
      <c r="N2534" s="3">
        <v>33526</v>
      </c>
      <c r="O2534" s="3">
        <v>45200</v>
      </c>
      <c r="P2534" s="3">
        <v>47391</v>
      </c>
    </row>
    <row r="2535" spans="1:16" x14ac:dyDescent="0.15">
      <c r="A2535" s="2" t="s">
        <v>16</v>
      </c>
      <c r="B2535" s="2" t="s">
        <v>4710</v>
      </c>
      <c r="C2535" s="4" t="s">
        <v>6</v>
      </c>
      <c r="D2535" s="5" t="s">
        <v>4711</v>
      </c>
      <c r="E2535" s="5" t="s">
        <v>2278</v>
      </c>
      <c r="F2535" s="6" t="s">
        <v>5</v>
      </c>
      <c r="G2535" s="2" t="s">
        <v>4708</v>
      </c>
      <c r="H2535" s="4" t="s">
        <v>9</v>
      </c>
      <c r="I2535" s="5" t="s">
        <v>6</v>
      </c>
      <c r="J2535" s="5" t="s">
        <v>1581</v>
      </c>
      <c r="K2535" s="5" t="s">
        <v>4709</v>
      </c>
      <c r="L2535" s="6" t="s">
        <v>5</v>
      </c>
      <c r="M2535" s="2" t="s">
        <v>4713</v>
      </c>
      <c r="N2535" s="3">
        <v>42488</v>
      </c>
      <c r="O2535" s="3">
        <v>44682</v>
      </c>
      <c r="P2535" s="3">
        <v>46873</v>
      </c>
    </row>
    <row r="2536" spans="1:16" x14ac:dyDescent="0.15">
      <c r="A2536" s="2" t="s">
        <v>16</v>
      </c>
      <c r="B2536" s="2" t="s">
        <v>4825</v>
      </c>
      <c r="C2536" s="4" t="s">
        <v>6</v>
      </c>
      <c r="D2536" s="5" t="s">
        <v>4826</v>
      </c>
      <c r="E2536" s="5" t="s">
        <v>5</v>
      </c>
      <c r="F2536" s="6" t="s">
        <v>5</v>
      </c>
      <c r="G2536" s="2" t="s">
        <v>4823</v>
      </c>
      <c r="H2536" s="4" t="s">
        <v>9</v>
      </c>
      <c r="I2536" s="5" t="s">
        <v>6</v>
      </c>
      <c r="J2536" s="5" t="s">
        <v>4824</v>
      </c>
      <c r="K2536" s="5" t="s">
        <v>5</v>
      </c>
      <c r="L2536" s="6" t="s">
        <v>5</v>
      </c>
      <c r="M2536" s="2" t="s">
        <v>4827</v>
      </c>
      <c r="N2536" s="3">
        <v>44656</v>
      </c>
      <c r="O2536" s="3">
        <v>44656</v>
      </c>
      <c r="P2536" s="3">
        <v>46934</v>
      </c>
    </row>
    <row r="2537" spans="1:16" x14ac:dyDescent="0.15">
      <c r="A2537" s="2" t="s">
        <v>49</v>
      </c>
      <c r="B2537" s="2" t="s">
        <v>9156</v>
      </c>
      <c r="C2537" s="4" t="s">
        <v>6</v>
      </c>
      <c r="D2537" s="5" t="s">
        <v>5625</v>
      </c>
      <c r="E2537" s="5" t="s">
        <v>9157</v>
      </c>
      <c r="F2537" s="6" t="s">
        <v>5</v>
      </c>
      <c r="G2537" s="2"/>
      <c r="H2537" s="4"/>
      <c r="I2537" s="5"/>
      <c r="J2537" s="5"/>
      <c r="K2537" s="5"/>
      <c r="L2537" s="6"/>
      <c r="M2537" s="2" t="s">
        <v>9158</v>
      </c>
      <c r="N2537" s="3">
        <v>41366</v>
      </c>
      <c r="O2537" s="3">
        <v>45200</v>
      </c>
      <c r="P2537" s="3">
        <v>47026</v>
      </c>
    </row>
    <row r="2538" spans="1:16" x14ac:dyDescent="0.15">
      <c r="A2538" s="2" t="s">
        <v>1231</v>
      </c>
      <c r="B2538" s="2" t="s">
        <v>1902</v>
      </c>
      <c r="C2538" s="4" t="s">
        <v>6</v>
      </c>
      <c r="D2538" s="5" t="s">
        <v>1827</v>
      </c>
      <c r="E2538" s="5" t="s">
        <v>9159</v>
      </c>
      <c r="F2538" s="6" t="s">
        <v>5</v>
      </c>
      <c r="G2538" s="2"/>
      <c r="H2538" s="4"/>
      <c r="I2538" s="5"/>
      <c r="J2538" s="5"/>
      <c r="K2538" s="5"/>
      <c r="L2538" s="6"/>
      <c r="M2538" s="2" t="s">
        <v>9160</v>
      </c>
      <c r="N2538" s="3">
        <v>34424</v>
      </c>
      <c r="O2538" s="3">
        <v>45200</v>
      </c>
      <c r="P2538" s="3">
        <v>47026</v>
      </c>
    </row>
    <row r="2539" spans="1:16" x14ac:dyDescent="0.15">
      <c r="A2539" s="2" t="s">
        <v>49</v>
      </c>
      <c r="B2539" s="2" t="s">
        <v>9163</v>
      </c>
      <c r="C2539" s="4" t="s">
        <v>6</v>
      </c>
      <c r="D2539" s="5" t="s">
        <v>9161</v>
      </c>
      <c r="E2539" s="5" t="s">
        <v>9162</v>
      </c>
      <c r="F2539" s="6" t="s">
        <v>5</v>
      </c>
      <c r="G2539" s="2"/>
      <c r="H2539" s="4"/>
      <c r="I2539" s="5"/>
      <c r="J2539" s="5"/>
      <c r="K2539" s="5"/>
      <c r="L2539" s="6"/>
      <c r="M2539" s="2" t="s">
        <v>9164</v>
      </c>
      <c r="N2539" s="3">
        <v>42650</v>
      </c>
      <c r="O2539" s="3">
        <v>45200</v>
      </c>
      <c r="P2539" s="3">
        <v>47391</v>
      </c>
    </row>
    <row r="2540" spans="1:16" x14ac:dyDescent="0.15">
      <c r="A2540" s="2" t="s">
        <v>16</v>
      </c>
      <c r="B2540" s="2" t="s">
        <v>9166</v>
      </c>
      <c r="C2540" s="4" t="s">
        <v>6</v>
      </c>
      <c r="D2540" s="5" t="s">
        <v>207</v>
      </c>
      <c r="E2540" s="5" t="s">
        <v>9167</v>
      </c>
      <c r="F2540" s="6" t="s">
        <v>9168</v>
      </c>
      <c r="G2540" s="2"/>
      <c r="H2540" s="4"/>
      <c r="I2540" s="5"/>
      <c r="J2540" s="5"/>
      <c r="K2540" s="5"/>
      <c r="L2540" s="6"/>
      <c r="M2540" s="2" t="s">
        <v>9169</v>
      </c>
      <c r="N2540" s="3">
        <v>45177</v>
      </c>
      <c r="O2540" s="3">
        <v>45177</v>
      </c>
      <c r="P2540" s="3">
        <v>47238</v>
      </c>
    </row>
    <row r="2541" spans="1:16" x14ac:dyDescent="0.15">
      <c r="A2541" s="2" t="s">
        <v>16</v>
      </c>
      <c r="B2541" s="2" t="s">
        <v>4856</v>
      </c>
      <c r="C2541" s="4" t="s">
        <v>6</v>
      </c>
      <c r="D2541" s="5" t="s">
        <v>4855</v>
      </c>
      <c r="E2541" s="5" t="s">
        <v>3720</v>
      </c>
      <c r="F2541" s="6" t="s">
        <v>5</v>
      </c>
      <c r="G2541" s="2" t="s">
        <v>4854</v>
      </c>
      <c r="H2541" s="4" t="s">
        <v>9</v>
      </c>
      <c r="I2541" s="5" t="s">
        <v>6</v>
      </c>
      <c r="J2541" s="5" t="s">
        <v>4855</v>
      </c>
      <c r="K2541" s="5" t="s">
        <v>3720</v>
      </c>
      <c r="L2541" s="6" t="s">
        <v>5</v>
      </c>
      <c r="M2541" s="2" t="s">
        <v>4858</v>
      </c>
      <c r="N2541" s="3">
        <v>44662</v>
      </c>
      <c r="O2541" s="3">
        <v>44662</v>
      </c>
      <c r="P2541" s="3">
        <v>47026</v>
      </c>
    </row>
    <row r="2542" spans="1:16" x14ac:dyDescent="0.15">
      <c r="A2542" s="2" t="s">
        <v>16</v>
      </c>
      <c r="B2542" s="2" t="s">
        <v>4875</v>
      </c>
      <c r="C2542" s="4" t="s">
        <v>6</v>
      </c>
      <c r="D2542" s="5" t="s">
        <v>301</v>
      </c>
      <c r="E2542" s="5" t="s">
        <v>4876</v>
      </c>
      <c r="F2542" s="6" t="s">
        <v>5</v>
      </c>
      <c r="G2542" s="2" t="s">
        <v>4871</v>
      </c>
      <c r="H2542" s="4" t="s">
        <v>9</v>
      </c>
      <c r="I2542" s="5" t="s">
        <v>6</v>
      </c>
      <c r="J2542" s="5" t="s">
        <v>301</v>
      </c>
      <c r="K2542" s="5" t="s">
        <v>4872</v>
      </c>
      <c r="L2542" s="6" t="s">
        <v>5</v>
      </c>
      <c r="M2542" s="2" t="s">
        <v>4878</v>
      </c>
      <c r="N2542" s="3">
        <v>45236</v>
      </c>
      <c r="O2542" s="3">
        <v>45236</v>
      </c>
      <c r="P2542" s="3">
        <v>47573</v>
      </c>
    </row>
    <row r="2543" spans="1:16" x14ac:dyDescent="0.15">
      <c r="A2543" s="2" t="s">
        <v>16</v>
      </c>
      <c r="B2543" s="2" t="s">
        <v>5029</v>
      </c>
      <c r="C2543" s="4" t="s">
        <v>6</v>
      </c>
      <c r="D2543" s="5" t="s">
        <v>5028</v>
      </c>
      <c r="E2543" s="5" t="s">
        <v>5</v>
      </c>
      <c r="F2543" s="6" t="s">
        <v>5</v>
      </c>
      <c r="G2543" s="2" t="s">
        <v>5027</v>
      </c>
      <c r="H2543" s="4" t="s">
        <v>9</v>
      </c>
      <c r="I2543" s="5" t="s">
        <v>6</v>
      </c>
      <c r="J2543" s="5" t="s">
        <v>5028</v>
      </c>
      <c r="K2543" s="5" t="s">
        <v>5</v>
      </c>
      <c r="L2543" s="6" t="s">
        <v>5</v>
      </c>
      <c r="M2543" s="2" t="s">
        <v>5030</v>
      </c>
      <c r="N2543" s="3">
        <v>44672</v>
      </c>
      <c r="O2543" s="3">
        <v>44672</v>
      </c>
      <c r="P2543" s="3">
        <v>46843</v>
      </c>
    </row>
    <row r="2544" spans="1:16" x14ac:dyDescent="0.15">
      <c r="A2544" s="2" t="s">
        <v>16</v>
      </c>
      <c r="B2544" s="2" t="s">
        <v>5338</v>
      </c>
      <c r="C2544" s="4" t="s">
        <v>6</v>
      </c>
      <c r="D2544" s="5" t="s">
        <v>5339</v>
      </c>
      <c r="E2544" s="5" t="s">
        <v>5340</v>
      </c>
      <c r="F2544" s="6" t="s">
        <v>5</v>
      </c>
      <c r="G2544" s="2" t="s">
        <v>5336</v>
      </c>
      <c r="H2544" s="4" t="s">
        <v>9</v>
      </c>
      <c r="I2544" s="5" t="s">
        <v>2449</v>
      </c>
      <c r="J2544" s="5" t="s">
        <v>1675</v>
      </c>
      <c r="K2544" s="5" t="s">
        <v>5337</v>
      </c>
      <c r="L2544" s="6" t="s">
        <v>5</v>
      </c>
      <c r="M2544" s="2" t="s">
        <v>5341</v>
      </c>
      <c r="N2544" s="3">
        <v>35023</v>
      </c>
      <c r="O2544" s="3">
        <v>44743</v>
      </c>
      <c r="P2544" s="3">
        <v>46568</v>
      </c>
    </row>
    <row r="2545" spans="1:16" x14ac:dyDescent="0.15">
      <c r="A2545" s="2" t="s">
        <v>16</v>
      </c>
      <c r="B2545" s="2" t="s">
        <v>5370</v>
      </c>
      <c r="C2545" s="4" t="s">
        <v>6</v>
      </c>
      <c r="D2545" s="5" t="s">
        <v>2610</v>
      </c>
      <c r="E2545" s="5" t="s">
        <v>5371</v>
      </c>
      <c r="F2545" s="6" t="s">
        <v>5</v>
      </c>
      <c r="G2545" s="2" t="s">
        <v>5370</v>
      </c>
      <c r="H2545" s="4" t="s">
        <v>9</v>
      </c>
      <c r="I2545" s="5" t="s">
        <v>6</v>
      </c>
      <c r="J2545" s="5" t="s">
        <v>2610</v>
      </c>
      <c r="K2545" s="5" t="s">
        <v>5371</v>
      </c>
      <c r="L2545" s="6" t="s">
        <v>5</v>
      </c>
      <c r="M2545" s="2" t="s">
        <v>5372</v>
      </c>
      <c r="N2545" s="3">
        <v>42217</v>
      </c>
      <c r="O2545" s="3">
        <v>44743</v>
      </c>
      <c r="P2545" s="3">
        <v>46934</v>
      </c>
    </row>
    <row r="2546" spans="1:16" x14ac:dyDescent="0.15">
      <c r="A2546" s="2" t="s">
        <v>49</v>
      </c>
      <c r="B2546" s="2" t="s">
        <v>9183</v>
      </c>
      <c r="C2546" s="4" t="s">
        <v>6</v>
      </c>
      <c r="D2546" s="5" t="s">
        <v>1000</v>
      </c>
      <c r="E2546" s="5" t="s">
        <v>980</v>
      </c>
      <c r="F2546" s="6" t="s">
        <v>5</v>
      </c>
      <c r="G2546" s="2"/>
      <c r="H2546" s="4"/>
      <c r="I2546" s="5"/>
      <c r="J2546" s="5"/>
      <c r="K2546" s="5"/>
      <c r="L2546" s="6"/>
      <c r="M2546" s="2" t="s">
        <v>9184</v>
      </c>
      <c r="N2546" s="3">
        <v>42887</v>
      </c>
      <c r="O2546" s="3">
        <v>45200</v>
      </c>
      <c r="P2546" s="3">
        <v>47391</v>
      </c>
    </row>
    <row r="2547" spans="1:16" x14ac:dyDescent="0.15">
      <c r="A2547" s="2" t="s">
        <v>49</v>
      </c>
      <c r="B2547" s="2" t="s">
        <v>9186</v>
      </c>
      <c r="C2547" s="4" t="s">
        <v>6</v>
      </c>
      <c r="D2547" s="5" t="s">
        <v>2371</v>
      </c>
      <c r="E2547" s="5" t="s">
        <v>9185</v>
      </c>
      <c r="F2547" s="6" t="s">
        <v>5</v>
      </c>
      <c r="G2547" s="2"/>
      <c r="H2547" s="4"/>
      <c r="I2547" s="5"/>
      <c r="J2547" s="5"/>
      <c r="K2547" s="5"/>
      <c r="L2547" s="6"/>
      <c r="M2547" s="2" t="s">
        <v>9187</v>
      </c>
      <c r="N2547" s="3">
        <v>45177</v>
      </c>
      <c r="O2547" s="3">
        <v>45177</v>
      </c>
      <c r="P2547" s="3">
        <v>47573</v>
      </c>
    </row>
    <row r="2548" spans="1:16" x14ac:dyDescent="0.15">
      <c r="A2548" s="2" t="s">
        <v>16</v>
      </c>
      <c r="B2548" s="2" t="s">
        <v>9186</v>
      </c>
      <c r="C2548" s="4" t="s">
        <v>6</v>
      </c>
      <c r="D2548" s="5" t="s">
        <v>2371</v>
      </c>
      <c r="E2548" s="5" t="s">
        <v>9185</v>
      </c>
      <c r="F2548" s="6" t="s">
        <v>5</v>
      </c>
      <c r="G2548" s="2"/>
      <c r="H2548" s="4"/>
      <c r="I2548" s="5"/>
      <c r="J2548" s="5"/>
      <c r="K2548" s="5"/>
      <c r="L2548" s="6"/>
      <c r="M2548" s="2" t="s">
        <v>9188</v>
      </c>
      <c r="N2548" s="3">
        <v>45177</v>
      </c>
      <c r="O2548" s="3">
        <v>45177</v>
      </c>
      <c r="P2548" s="3">
        <v>47573</v>
      </c>
    </row>
    <row r="2549" spans="1:16" x14ac:dyDescent="0.15">
      <c r="A2549" s="2" t="s">
        <v>49</v>
      </c>
      <c r="B2549" s="2" t="s">
        <v>9189</v>
      </c>
      <c r="C2549" s="4" t="s">
        <v>6</v>
      </c>
      <c r="D2549" s="5" t="s">
        <v>909</v>
      </c>
      <c r="E2549" s="5" t="s">
        <v>198</v>
      </c>
      <c r="F2549" s="6" t="s">
        <v>5</v>
      </c>
      <c r="G2549" s="2"/>
      <c r="H2549" s="4"/>
      <c r="I2549" s="5"/>
      <c r="J2549" s="5"/>
      <c r="K2549" s="5"/>
      <c r="L2549" s="6"/>
      <c r="M2549" s="2" t="s">
        <v>9190</v>
      </c>
      <c r="N2549" s="3">
        <v>40527</v>
      </c>
      <c r="O2549" s="3">
        <v>45200</v>
      </c>
      <c r="P2549" s="3">
        <v>47391</v>
      </c>
    </row>
    <row r="2550" spans="1:16" x14ac:dyDescent="0.15">
      <c r="A2550" s="2" t="s">
        <v>16</v>
      </c>
      <c r="B2550" s="2" t="s">
        <v>9191</v>
      </c>
      <c r="C2550" s="4" t="s">
        <v>6</v>
      </c>
      <c r="D2550" s="5" t="s">
        <v>8167</v>
      </c>
      <c r="E2550" s="5" t="s">
        <v>9192</v>
      </c>
      <c r="F2550" s="6" t="s">
        <v>9193</v>
      </c>
      <c r="G2550" s="2"/>
      <c r="H2550" s="4"/>
      <c r="I2550" s="5"/>
      <c r="J2550" s="5"/>
      <c r="K2550" s="5"/>
      <c r="L2550" s="6"/>
      <c r="M2550" s="2" t="s">
        <v>9194</v>
      </c>
      <c r="N2550" s="3">
        <v>45205</v>
      </c>
      <c r="O2550" s="3">
        <v>45205</v>
      </c>
      <c r="P2550" s="3">
        <v>47756</v>
      </c>
    </row>
    <row r="2551" spans="1:16" x14ac:dyDescent="0.15">
      <c r="A2551" s="2" t="s">
        <v>16</v>
      </c>
      <c r="B2551" s="2" t="s">
        <v>5387</v>
      </c>
      <c r="C2551" s="4" t="s">
        <v>6</v>
      </c>
      <c r="D2551" s="5" t="s">
        <v>5388</v>
      </c>
      <c r="E2551" s="5" t="s">
        <v>5</v>
      </c>
      <c r="F2551" s="6" t="s">
        <v>5</v>
      </c>
      <c r="G2551" s="2" t="s">
        <v>5387</v>
      </c>
      <c r="H2551" s="4" t="s">
        <v>9</v>
      </c>
      <c r="I2551" s="5" t="s">
        <v>6</v>
      </c>
      <c r="J2551" s="5" t="s">
        <v>5388</v>
      </c>
      <c r="K2551" s="5" t="s">
        <v>5</v>
      </c>
      <c r="L2551" s="6" t="s">
        <v>5</v>
      </c>
      <c r="M2551" s="2" t="s">
        <v>5389</v>
      </c>
      <c r="N2551" s="3">
        <v>44722</v>
      </c>
      <c r="O2551" s="3">
        <v>44722</v>
      </c>
      <c r="P2551" s="3">
        <v>47208</v>
      </c>
    </row>
    <row r="2552" spans="1:16" x14ac:dyDescent="0.15">
      <c r="A2552" s="2" t="s">
        <v>49</v>
      </c>
      <c r="B2552" s="2" t="s">
        <v>9200</v>
      </c>
      <c r="C2552" s="4" t="s">
        <v>6</v>
      </c>
      <c r="D2552" s="5" t="s">
        <v>367</v>
      </c>
      <c r="E2552" s="5" t="s">
        <v>9201</v>
      </c>
      <c r="F2552" s="6" t="s">
        <v>5</v>
      </c>
      <c r="G2552" s="2"/>
      <c r="H2552" s="4"/>
      <c r="I2552" s="5"/>
      <c r="J2552" s="5"/>
      <c r="K2552" s="5"/>
      <c r="L2552" s="6"/>
      <c r="M2552" s="2" t="s">
        <v>9202</v>
      </c>
      <c r="N2552" s="3">
        <v>40662</v>
      </c>
      <c r="O2552" s="3">
        <v>45200</v>
      </c>
      <c r="P2552" s="3">
        <v>47391</v>
      </c>
    </row>
    <row r="2553" spans="1:16" x14ac:dyDescent="0.15">
      <c r="A2553" s="2" t="s">
        <v>49</v>
      </c>
      <c r="B2553" s="2" t="s">
        <v>9203</v>
      </c>
      <c r="C2553" s="4" t="s">
        <v>6</v>
      </c>
      <c r="D2553" s="5" t="s">
        <v>5988</v>
      </c>
      <c r="E2553" s="5" t="s">
        <v>6432</v>
      </c>
      <c r="F2553" s="6" t="s">
        <v>5</v>
      </c>
      <c r="G2553" s="2"/>
      <c r="H2553" s="4"/>
      <c r="I2553" s="5"/>
      <c r="J2553" s="5"/>
      <c r="K2553" s="5"/>
      <c r="L2553" s="6"/>
      <c r="M2553" s="2" t="s">
        <v>9204</v>
      </c>
      <c r="N2553" s="3">
        <v>31636</v>
      </c>
      <c r="O2553" s="3">
        <v>45200</v>
      </c>
      <c r="P2553" s="3">
        <v>47026</v>
      </c>
    </row>
    <row r="2554" spans="1:16" x14ac:dyDescent="0.15">
      <c r="A2554" s="2" t="s">
        <v>16</v>
      </c>
      <c r="B2554" s="2" t="s">
        <v>5430</v>
      </c>
      <c r="C2554" s="4" t="s">
        <v>6</v>
      </c>
      <c r="D2554" s="5" t="s">
        <v>5431</v>
      </c>
      <c r="E2554" s="5" t="s">
        <v>5432</v>
      </c>
      <c r="F2554" s="6" t="s">
        <v>5</v>
      </c>
      <c r="G2554" s="2" t="s">
        <v>5428</v>
      </c>
      <c r="H2554" s="4" t="s">
        <v>195</v>
      </c>
      <c r="I2554" s="5" t="s">
        <v>196</v>
      </c>
      <c r="J2554" s="5" t="s">
        <v>5429</v>
      </c>
      <c r="K2554" s="5" t="s">
        <v>5</v>
      </c>
      <c r="L2554" s="6" t="s">
        <v>5</v>
      </c>
      <c r="M2554" s="2" t="s">
        <v>5435</v>
      </c>
      <c r="N2554" s="3">
        <v>42292</v>
      </c>
      <c r="O2554" s="3">
        <v>44743</v>
      </c>
      <c r="P2554" s="3">
        <v>46934</v>
      </c>
    </row>
    <row r="2555" spans="1:16" x14ac:dyDescent="0.15">
      <c r="A2555" s="2" t="s">
        <v>49</v>
      </c>
      <c r="B2555" s="2" t="s">
        <v>9211</v>
      </c>
      <c r="C2555" s="4" t="s">
        <v>6</v>
      </c>
      <c r="D2555" s="5" t="s">
        <v>4003</v>
      </c>
      <c r="E2555" s="5" t="s">
        <v>9212</v>
      </c>
      <c r="F2555" s="6" t="s">
        <v>5</v>
      </c>
      <c r="G2555" s="2"/>
      <c r="H2555" s="4"/>
      <c r="I2555" s="5"/>
      <c r="J2555" s="5"/>
      <c r="K2555" s="5"/>
      <c r="L2555" s="6"/>
      <c r="M2555" s="2" t="s">
        <v>9213</v>
      </c>
      <c r="N2555" s="3">
        <v>28500</v>
      </c>
      <c r="O2555" s="3">
        <v>44866</v>
      </c>
      <c r="P2555" s="3">
        <v>46691</v>
      </c>
    </row>
    <row r="2556" spans="1:16" x14ac:dyDescent="0.15">
      <c r="A2556" s="2" t="s">
        <v>66</v>
      </c>
      <c r="B2556" s="2" t="s">
        <v>9211</v>
      </c>
      <c r="C2556" s="4" t="s">
        <v>6</v>
      </c>
      <c r="D2556" s="5" t="s">
        <v>4003</v>
      </c>
      <c r="E2556" s="5" t="s">
        <v>9212</v>
      </c>
      <c r="F2556" s="6" t="s">
        <v>5</v>
      </c>
      <c r="G2556" s="2"/>
      <c r="H2556" s="4"/>
      <c r="I2556" s="5"/>
      <c r="J2556" s="5"/>
      <c r="K2556" s="5"/>
      <c r="L2556" s="6"/>
      <c r="M2556" s="2" t="s">
        <v>9214</v>
      </c>
      <c r="N2556" s="3">
        <v>28500</v>
      </c>
      <c r="O2556" s="3">
        <v>44866</v>
      </c>
      <c r="P2556" s="3">
        <v>46691</v>
      </c>
    </row>
    <row r="2557" spans="1:16" x14ac:dyDescent="0.15">
      <c r="A2557" s="2" t="s">
        <v>49</v>
      </c>
      <c r="B2557" s="2" t="s">
        <v>9215</v>
      </c>
      <c r="C2557" s="4" t="s">
        <v>6</v>
      </c>
      <c r="D2557" s="5" t="s">
        <v>45</v>
      </c>
      <c r="E2557" s="5" t="s">
        <v>9216</v>
      </c>
      <c r="F2557" s="6" t="s">
        <v>9217</v>
      </c>
      <c r="G2557" s="2"/>
      <c r="H2557" s="4"/>
      <c r="I2557" s="5"/>
      <c r="J2557" s="5"/>
      <c r="K2557" s="5"/>
      <c r="L2557" s="6"/>
      <c r="M2557" s="2" t="s">
        <v>9218</v>
      </c>
      <c r="N2557" s="3">
        <v>45241</v>
      </c>
      <c r="O2557" s="3">
        <v>45241</v>
      </c>
      <c r="P2557" s="3">
        <v>47452</v>
      </c>
    </row>
    <row r="2558" spans="1:16" x14ac:dyDescent="0.15">
      <c r="A2558" s="2" t="s">
        <v>49</v>
      </c>
      <c r="B2558" s="2" t="s">
        <v>9219</v>
      </c>
      <c r="C2558" s="4" t="s">
        <v>6</v>
      </c>
      <c r="D2558" s="5" t="s">
        <v>1827</v>
      </c>
      <c r="E2558" s="5" t="s">
        <v>9220</v>
      </c>
      <c r="F2558" s="6" t="s">
        <v>5</v>
      </c>
      <c r="G2558" s="2"/>
      <c r="H2558" s="4"/>
      <c r="I2558" s="5"/>
      <c r="J2558" s="5"/>
      <c r="K2558" s="5"/>
      <c r="L2558" s="6"/>
      <c r="M2558" s="2" t="s">
        <v>9221</v>
      </c>
      <c r="N2558" s="3">
        <v>39600</v>
      </c>
      <c r="O2558" s="3">
        <v>45200</v>
      </c>
      <c r="P2558" s="3">
        <v>47026</v>
      </c>
    </row>
    <row r="2559" spans="1:16" x14ac:dyDescent="0.15">
      <c r="A2559" s="2" t="s">
        <v>16</v>
      </c>
      <c r="B2559" s="2" t="s">
        <v>5498</v>
      </c>
      <c r="C2559" s="4" t="s">
        <v>6</v>
      </c>
      <c r="D2559" s="5" t="s">
        <v>894</v>
      </c>
      <c r="E2559" s="5" t="s">
        <v>5497</v>
      </c>
      <c r="F2559" s="6" t="s">
        <v>5</v>
      </c>
      <c r="G2559" s="2" t="s">
        <v>5496</v>
      </c>
      <c r="H2559" s="4" t="s">
        <v>9</v>
      </c>
      <c r="I2559" s="5" t="s">
        <v>6</v>
      </c>
      <c r="J2559" s="5" t="s">
        <v>894</v>
      </c>
      <c r="K2559" s="5" t="s">
        <v>5497</v>
      </c>
      <c r="L2559" s="6" t="s">
        <v>5</v>
      </c>
      <c r="M2559" s="2" t="s">
        <v>5499</v>
      </c>
      <c r="N2559" s="3">
        <v>41072</v>
      </c>
      <c r="O2559" s="3">
        <v>44743</v>
      </c>
      <c r="P2559" s="3">
        <v>46568</v>
      </c>
    </row>
    <row r="2560" spans="1:16" x14ac:dyDescent="0.15">
      <c r="A2560" s="2" t="s">
        <v>49</v>
      </c>
      <c r="B2560" s="2" t="s">
        <v>9226</v>
      </c>
      <c r="C2560" s="4" t="s">
        <v>6</v>
      </c>
      <c r="D2560" s="5" t="s">
        <v>4860</v>
      </c>
      <c r="E2560" s="5" t="s">
        <v>9225</v>
      </c>
      <c r="F2560" s="6" t="s">
        <v>5</v>
      </c>
      <c r="G2560" s="2"/>
      <c r="H2560" s="4"/>
      <c r="I2560" s="5"/>
      <c r="J2560" s="5"/>
      <c r="K2560" s="5"/>
      <c r="L2560" s="6"/>
      <c r="M2560" s="2" t="s">
        <v>9227</v>
      </c>
      <c r="N2560" s="3">
        <v>41365</v>
      </c>
      <c r="O2560" s="3">
        <v>45200</v>
      </c>
      <c r="P2560" s="3">
        <v>47026</v>
      </c>
    </row>
    <row r="2561" spans="1:16" x14ac:dyDescent="0.15">
      <c r="A2561" s="2" t="s">
        <v>49</v>
      </c>
      <c r="B2561" s="2" t="s">
        <v>9228</v>
      </c>
      <c r="C2561" s="4" t="s">
        <v>6</v>
      </c>
      <c r="D2561" s="5" t="s">
        <v>2439</v>
      </c>
      <c r="E2561" s="5" t="s">
        <v>9229</v>
      </c>
      <c r="F2561" s="6" t="s">
        <v>9230</v>
      </c>
      <c r="G2561" s="2"/>
      <c r="H2561" s="4"/>
      <c r="I2561" s="5"/>
      <c r="J2561" s="5"/>
      <c r="K2561" s="5"/>
      <c r="L2561" s="6"/>
      <c r="M2561" s="2" t="s">
        <v>9231</v>
      </c>
      <c r="N2561" s="3">
        <v>39637</v>
      </c>
      <c r="O2561" s="3">
        <v>45200</v>
      </c>
      <c r="P2561" s="3">
        <v>47026</v>
      </c>
    </row>
    <row r="2562" spans="1:16" x14ac:dyDescent="0.15">
      <c r="A2562" s="2" t="s">
        <v>49</v>
      </c>
      <c r="B2562" s="2" t="s">
        <v>9232</v>
      </c>
      <c r="C2562" s="4" t="s">
        <v>6</v>
      </c>
      <c r="D2562" s="5" t="s">
        <v>1839</v>
      </c>
      <c r="E2562" s="5" t="s">
        <v>1257</v>
      </c>
      <c r="F2562" s="6" t="s">
        <v>5</v>
      </c>
      <c r="G2562" s="2"/>
      <c r="H2562" s="4"/>
      <c r="I2562" s="5"/>
      <c r="J2562" s="5"/>
      <c r="K2562" s="5"/>
      <c r="L2562" s="6"/>
      <c r="M2562" s="2" t="s">
        <v>9233</v>
      </c>
      <c r="N2562" s="3">
        <v>39421</v>
      </c>
      <c r="O2562" s="3">
        <v>45200</v>
      </c>
      <c r="P2562" s="3">
        <v>47026</v>
      </c>
    </row>
    <row r="2563" spans="1:16" x14ac:dyDescent="0.15">
      <c r="A2563" s="2" t="s">
        <v>16</v>
      </c>
      <c r="B2563" s="2" t="s">
        <v>5588</v>
      </c>
      <c r="C2563" s="4" t="s">
        <v>6</v>
      </c>
      <c r="D2563" s="5" t="s">
        <v>4435</v>
      </c>
      <c r="E2563" s="5" t="s">
        <v>5587</v>
      </c>
      <c r="F2563" s="6" t="s">
        <v>5</v>
      </c>
      <c r="G2563" s="2" t="s">
        <v>5586</v>
      </c>
      <c r="H2563" s="4" t="s">
        <v>9</v>
      </c>
      <c r="I2563" s="5" t="s">
        <v>6</v>
      </c>
      <c r="J2563" s="5" t="s">
        <v>4435</v>
      </c>
      <c r="K2563" s="5" t="s">
        <v>5587</v>
      </c>
      <c r="L2563" s="6" t="s">
        <v>5</v>
      </c>
      <c r="M2563" s="2" t="s">
        <v>5589</v>
      </c>
      <c r="N2563" s="3">
        <v>44715</v>
      </c>
      <c r="O2563" s="3">
        <v>44715</v>
      </c>
      <c r="P2563" s="3">
        <v>46568</v>
      </c>
    </row>
    <row r="2564" spans="1:16" x14ac:dyDescent="0.15">
      <c r="A2564" s="2" t="s">
        <v>42</v>
      </c>
      <c r="B2564" s="2" t="s">
        <v>9240</v>
      </c>
      <c r="C2564" s="4" t="s">
        <v>6</v>
      </c>
      <c r="D2564" s="5" t="s">
        <v>6822</v>
      </c>
      <c r="E2564" s="5" t="s">
        <v>9239</v>
      </c>
      <c r="F2564" s="6" t="s">
        <v>5</v>
      </c>
      <c r="G2564" s="2"/>
      <c r="H2564" s="4"/>
      <c r="I2564" s="5"/>
      <c r="J2564" s="5"/>
      <c r="K2564" s="5"/>
      <c r="L2564" s="6"/>
      <c r="M2564" s="2" t="s">
        <v>9241</v>
      </c>
      <c r="N2564" s="3">
        <v>43215</v>
      </c>
      <c r="O2564" s="3">
        <v>45231</v>
      </c>
      <c r="P2564" s="3">
        <v>47057</v>
      </c>
    </row>
    <row r="2565" spans="1:16" x14ac:dyDescent="0.15">
      <c r="A2565" s="2" t="s">
        <v>16</v>
      </c>
      <c r="B2565" s="2" t="s">
        <v>9243</v>
      </c>
      <c r="C2565" s="4" t="s">
        <v>6</v>
      </c>
      <c r="D2565" s="5" t="s">
        <v>408</v>
      </c>
      <c r="E2565" s="5" t="s">
        <v>9242</v>
      </c>
      <c r="F2565" s="6" t="s">
        <v>5</v>
      </c>
      <c r="G2565" s="2"/>
      <c r="H2565" s="4"/>
      <c r="I2565" s="5"/>
      <c r="J2565" s="5"/>
      <c r="K2565" s="5"/>
      <c r="L2565" s="6"/>
      <c r="M2565" s="2" t="s">
        <v>9244</v>
      </c>
      <c r="N2565" s="3">
        <v>42865</v>
      </c>
      <c r="O2565" s="3">
        <v>45200</v>
      </c>
      <c r="P2565" s="3">
        <v>47391</v>
      </c>
    </row>
    <row r="2566" spans="1:16" x14ac:dyDescent="0.15">
      <c r="A2566" s="2" t="s">
        <v>16</v>
      </c>
      <c r="B2566" s="2" t="s">
        <v>5606</v>
      </c>
      <c r="C2566" s="4" t="s">
        <v>6</v>
      </c>
      <c r="D2566" s="5" t="s">
        <v>2805</v>
      </c>
      <c r="E2566" s="5" t="s">
        <v>5607</v>
      </c>
      <c r="F2566" s="6" t="s">
        <v>5</v>
      </c>
      <c r="G2566" s="2" t="s">
        <v>5604</v>
      </c>
      <c r="H2566" s="4" t="s">
        <v>9</v>
      </c>
      <c r="I2566" s="5" t="s">
        <v>663</v>
      </c>
      <c r="J2566" s="5" t="s">
        <v>5605</v>
      </c>
      <c r="K2566" s="5" t="s">
        <v>5</v>
      </c>
      <c r="L2566" s="6" t="s">
        <v>5</v>
      </c>
      <c r="M2566" s="2" t="s">
        <v>5609</v>
      </c>
      <c r="N2566" s="3">
        <v>43028</v>
      </c>
      <c r="O2566" s="3">
        <v>45231</v>
      </c>
      <c r="P2566" s="3">
        <v>47422</v>
      </c>
    </row>
    <row r="2567" spans="1:16" x14ac:dyDescent="0.15">
      <c r="A2567" s="2" t="s">
        <v>49</v>
      </c>
      <c r="B2567" s="2" t="s">
        <v>9249</v>
      </c>
      <c r="C2567" s="4" t="s">
        <v>6</v>
      </c>
      <c r="D2567" s="5" t="s">
        <v>307</v>
      </c>
      <c r="E2567" s="5" t="s">
        <v>9250</v>
      </c>
      <c r="F2567" s="6" t="s">
        <v>9251</v>
      </c>
      <c r="G2567" s="2"/>
      <c r="H2567" s="4"/>
      <c r="I2567" s="5"/>
      <c r="J2567" s="5"/>
      <c r="K2567" s="5"/>
      <c r="L2567" s="6"/>
      <c r="M2567" s="2" t="s">
        <v>9252</v>
      </c>
      <c r="N2567" s="3">
        <v>45175</v>
      </c>
      <c r="O2567" s="3">
        <v>45175</v>
      </c>
      <c r="P2567" s="3">
        <v>47603</v>
      </c>
    </row>
    <row r="2568" spans="1:16" x14ac:dyDescent="0.15">
      <c r="A2568" s="2" t="s">
        <v>49</v>
      </c>
      <c r="B2568" s="2" t="s">
        <v>9253</v>
      </c>
      <c r="C2568" s="4" t="s">
        <v>6</v>
      </c>
      <c r="D2568" s="5" t="s">
        <v>500</v>
      </c>
      <c r="E2568" s="5" t="s">
        <v>9254</v>
      </c>
      <c r="F2568" s="6" t="s">
        <v>5</v>
      </c>
      <c r="G2568" s="2"/>
      <c r="H2568" s="4"/>
      <c r="I2568" s="5"/>
      <c r="J2568" s="5"/>
      <c r="K2568" s="5"/>
      <c r="L2568" s="6"/>
      <c r="M2568" s="2" t="s">
        <v>9255</v>
      </c>
      <c r="N2568" s="3">
        <v>45349</v>
      </c>
      <c r="O2568" s="3">
        <v>45349</v>
      </c>
      <c r="P2568" s="3">
        <v>47634</v>
      </c>
    </row>
    <row r="2569" spans="1:16" x14ac:dyDescent="0.15">
      <c r="A2569" s="2" t="s">
        <v>16</v>
      </c>
      <c r="B2569" s="2" t="s">
        <v>9257</v>
      </c>
      <c r="C2569" s="4" t="s">
        <v>6</v>
      </c>
      <c r="D2569" s="5" t="s">
        <v>2077</v>
      </c>
      <c r="E2569" s="5" t="s">
        <v>9256</v>
      </c>
      <c r="F2569" s="6" t="s">
        <v>5</v>
      </c>
      <c r="G2569" s="2"/>
      <c r="H2569" s="4"/>
      <c r="I2569" s="5"/>
      <c r="J2569" s="5"/>
      <c r="K2569" s="5"/>
      <c r="L2569" s="6"/>
      <c r="M2569" s="2" t="s">
        <v>9258</v>
      </c>
      <c r="N2569" s="3">
        <v>34409</v>
      </c>
      <c r="O2569" s="3">
        <v>45200</v>
      </c>
      <c r="P2569" s="3">
        <v>47026</v>
      </c>
    </row>
    <row r="2570" spans="1:16" x14ac:dyDescent="0.15">
      <c r="A2570" s="2" t="s">
        <v>49</v>
      </c>
      <c r="B2570" s="2" t="s">
        <v>9260</v>
      </c>
      <c r="C2570" s="4" t="s">
        <v>6</v>
      </c>
      <c r="D2570" s="5" t="s">
        <v>1517</v>
      </c>
      <c r="E2570" s="5" t="s">
        <v>9259</v>
      </c>
      <c r="F2570" s="6" t="s">
        <v>5</v>
      </c>
      <c r="G2570" s="2"/>
      <c r="H2570" s="4"/>
      <c r="I2570" s="5"/>
      <c r="J2570" s="5"/>
      <c r="K2570" s="5"/>
      <c r="L2570" s="6"/>
      <c r="M2570" s="2" t="s">
        <v>9261</v>
      </c>
      <c r="N2570" s="3">
        <v>38442</v>
      </c>
      <c r="O2570" s="3">
        <v>45200</v>
      </c>
      <c r="P2570" s="3">
        <v>47391</v>
      </c>
    </row>
    <row r="2571" spans="1:16" x14ac:dyDescent="0.15">
      <c r="A2571" s="2" t="s">
        <v>49</v>
      </c>
      <c r="B2571" s="2" t="s">
        <v>9262</v>
      </c>
      <c r="C2571" s="4" t="s">
        <v>6</v>
      </c>
      <c r="D2571" s="5" t="s">
        <v>6888</v>
      </c>
      <c r="E2571" s="5" t="s">
        <v>1287</v>
      </c>
      <c r="F2571" s="6" t="s">
        <v>5</v>
      </c>
      <c r="G2571" s="2"/>
      <c r="H2571" s="4"/>
      <c r="I2571" s="5"/>
      <c r="J2571" s="5"/>
      <c r="K2571" s="5"/>
      <c r="L2571" s="6"/>
      <c r="M2571" s="2" t="s">
        <v>9263</v>
      </c>
      <c r="N2571" s="3">
        <v>33070</v>
      </c>
      <c r="O2571" s="3">
        <v>45200</v>
      </c>
      <c r="P2571" s="3">
        <v>47026</v>
      </c>
    </row>
    <row r="2572" spans="1:16" x14ac:dyDescent="0.15">
      <c r="A2572" s="2" t="s">
        <v>49</v>
      </c>
      <c r="B2572" s="2" t="s">
        <v>9264</v>
      </c>
      <c r="C2572" s="4" t="s">
        <v>6</v>
      </c>
      <c r="D2572" s="5" t="s">
        <v>247</v>
      </c>
      <c r="E2572" s="5" t="s">
        <v>1969</v>
      </c>
      <c r="F2572" s="6" t="s">
        <v>5</v>
      </c>
      <c r="G2572" s="2"/>
      <c r="H2572" s="4"/>
      <c r="I2572" s="5"/>
      <c r="J2572" s="5"/>
      <c r="K2572" s="5"/>
      <c r="L2572" s="6"/>
      <c r="M2572" s="2" t="s">
        <v>9265</v>
      </c>
      <c r="N2572" s="3">
        <v>45200</v>
      </c>
      <c r="O2572" s="3">
        <v>45200</v>
      </c>
      <c r="P2572" s="3">
        <v>47269</v>
      </c>
    </row>
    <row r="2573" spans="1:16" x14ac:dyDescent="0.15">
      <c r="A2573" s="2" t="s">
        <v>49</v>
      </c>
      <c r="B2573" s="2" t="s">
        <v>2769</v>
      </c>
      <c r="C2573" s="4" t="s">
        <v>6</v>
      </c>
      <c r="D2573" s="5" t="s">
        <v>434</v>
      </c>
      <c r="E2573" s="5" t="s">
        <v>9266</v>
      </c>
      <c r="F2573" s="6" t="s">
        <v>5</v>
      </c>
      <c r="G2573" s="2"/>
      <c r="H2573" s="4"/>
      <c r="I2573" s="5"/>
      <c r="J2573" s="5"/>
      <c r="K2573" s="5"/>
      <c r="L2573" s="6"/>
      <c r="M2573" s="2" t="s">
        <v>9267</v>
      </c>
      <c r="N2573" s="3">
        <v>43042</v>
      </c>
      <c r="O2573" s="3">
        <v>45231</v>
      </c>
      <c r="P2573" s="3">
        <v>47057</v>
      </c>
    </row>
    <row r="2574" spans="1:16" x14ac:dyDescent="0.15">
      <c r="A2574" s="2" t="s">
        <v>49</v>
      </c>
      <c r="B2574" s="2" t="s">
        <v>9268</v>
      </c>
      <c r="C2574" s="4" t="s">
        <v>6</v>
      </c>
      <c r="D2574" s="5" t="s">
        <v>2993</v>
      </c>
      <c r="E2574" s="5" t="s">
        <v>3044</v>
      </c>
      <c r="F2574" s="6" t="s">
        <v>5</v>
      </c>
      <c r="G2574" s="2"/>
      <c r="H2574" s="4"/>
      <c r="I2574" s="5"/>
      <c r="J2574" s="5"/>
      <c r="K2574" s="5"/>
      <c r="L2574" s="6"/>
      <c r="M2574" s="2" t="s">
        <v>9269</v>
      </c>
      <c r="N2574" s="3">
        <v>43048</v>
      </c>
      <c r="O2574" s="3">
        <v>45200</v>
      </c>
      <c r="P2574" s="3">
        <v>47026</v>
      </c>
    </row>
    <row r="2575" spans="1:16" x14ac:dyDescent="0.15">
      <c r="A2575" s="2" t="s">
        <v>49</v>
      </c>
      <c r="B2575" s="2" t="s">
        <v>9270</v>
      </c>
      <c r="C2575" s="4" t="s">
        <v>6</v>
      </c>
      <c r="D2575" s="5" t="s">
        <v>911</v>
      </c>
      <c r="E2575" s="5" t="s">
        <v>9271</v>
      </c>
      <c r="F2575" s="6" t="s">
        <v>5</v>
      </c>
      <c r="G2575" s="2"/>
      <c r="H2575" s="4"/>
      <c r="I2575" s="5"/>
      <c r="J2575" s="5"/>
      <c r="K2575" s="5"/>
      <c r="L2575" s="6"/>
      <c r="M2575" s="2" t="s">
        <v>9272</v>
      </c>
      <c r="N2575" s="3">
        <v>42892</v>
      </c>
      <c r="O2575" s="3">
        <v>45200</v>
      </c>
      <c r="P2575" s="3">
        <v>47391</v>
      </c>
    </row>
    <row r="2576" spans="1:16" x14ac:dyDescent="0.15">
      <c r="A2576" s="2" t="s">
        <v>49</v>
      </c>
      <c r="B2576" s="2" t="s">
        <v>9275</v>
      </c>
      <c r="C2576" s="4" t="s">
        <v>6</v>
      </c>
      <c r="D2576" s="5" t="s">
        <v>6866</v>
      </c>
      <c r="E2576" s="5" t="s">
        <v>9274</v>
      </c>
      <c r="F2576" s="6" t="s">
        <v>5</v>
      </c>
      <c r="G2576" s="2" t="s">
        <v>9273</v>
      </c>
      <c r="H2576" s="4" t="s">
        <v>9</v>
      </c>
      <c r="I2576" s="5" t="s">
        <v>6</v>
      </c>
      <c r="J2576" s="5" t="s">
        <v>6866</v>
      </c>
      <c r="K2576" s="5" t="s">
        <v>9274</v>
      </c>
      <c r="L2576" s="6" t="s">
        <v>5</v>
      </c>
      <c r="M2576" s="2" t="s">
        <v>9276</v>
      </c>
      <c r="N2576" s="3">
        <v>37145</v>
      </c>
      <c r="O2576" s="3">
        <v>45231</v>
      </c>
      <c r="P2576" s="3">
        <v>47422</v>
      </c>
    </row>
    <row r="2577" spans="1:16" x14ac:dyDescent="0.15">
      <c r="A2577" s="2" t="s">
        <v>49</v>
      </c>
      <c r="B2577" s="2" t="s">
        <v>9277</v>
      </c>
      <c r="C2577" s="4" t="s">
        <v>6</v>
      </c>
      <c r="D2577" s="5" t="s">
        <v>6866</v>
      </c>
      <c r="E2577" s="5" t="s">
        <v>9274</v>
      </c>
      <c r="F2577" s="6" t="s">
        <v>5</v>
      </c>
      <c r="G2577" s="2" t="s">
        <v>9273</v>
      </c>
      <c r="H2577" s="4" t="s">
        <v>9</v>
      </c>
      <c r="I2577" s="5" t="s">
        <v>6</v>
      </c>
      <c r="J2577" s="5" t="s">
        <v>6866</v>
      </c>
      <c r="K2577" s="5" t="s">
        <v>9274</v>
      </c>
      <c r="L2577" s="6" t="s">
        <v>5</v>
      </c>
      <c r="M2577" s="2" t="s">
        <v>9279</v>
      </c>
      <c r="N2577" s="3">
        <v>35485</v>
      </c>
      <c r="O2577" s="3">
        <v>45231</v>
      </c>
      <c r="P2577" s="3">
        <v>47422</v>
      </c>
    </row>
    <row r="2578" spans="1:16" x14ac:dyDescent="0.15">
      <c r="A2578" s="2" t="s">
        <v>49</v>
      </c>
      <c r="B2578" s="2" t="s">
        <v>9280</v>
      </c>
      <c r="C2578" s="4" t="s">
        <v>6</v>
      </c>
      <c r="D2578" s="5" t="s">
        <v>3654</v>
      </c>
      <c r="E2578" s="5" t="s">
        <v>9281</v>
      </c>
      <c r="F2578" s="6" t="s">
        <v>5</v>
      </c>
      <c r="G2578" s="2" t="s">
        <v>9273</v>
      </c>
      <c r="H2578" s="4" t="s">
        <v>9</v>
      </c>
      <c r="I2578" s="5" t="s">
        <v>6</v>
      </c>
      <c r="J2578" s="5" t="s">
        <v>6866</v>
      </c>
      <c r="K2578" s="5" t="s">
        <v>9274</v>
      </c>
      <c r="L2578" s="6" t="s">
        <v>5</v>
      </c>
      <c r="M2578" s="2" t="s">
        <v>9282</v>
      </c>
      <c r="N2578" s="3">
        <v>36617</v>
      </c>
      <c r="O2578" s="3">
        <v>45413</v>
      </c>
      <c r="P2578" s="3">
        <v>47603</v>
      </c>
    </row>
    <row r="2579" spans="1:16" x14ac:dyDescent="0.15">
      <c r="A2579" s="2" t="s">
        <v>16</v>
      </c>
      <c r="B2579" s="2" t="s">
        <v>5621</v>
      </c>
      <c r="C2579" s="4" t="s">
        <v>6</v>
      </c>
      <c r="D2579" s="5" t="s">
        <v>613</v>
      </c>
      <c r="E2579" s="5" t="s">
        <v>1265</v>
      </c>
      <c r="F2579" s="6" t="s">
        <v>5</v>
      </c>
      <c r="G2579" s="2" t="s">
        <v>5621</v>
      </c>
      <c r="H2579" s="4" t="s">
        <v>9</v>
      </c>
      <c r="I2579" s="5" t="s">
        <v>6</v>
      </c>
      <c r="J2579" s="5" t="s">
        <v>5622</v>
      </c>
      <c r="K2579" s="5" t="s">
        <v>5</v>
      </c>
      <c r="L2579" s="6" t="s">
        <v>5</v>
      </c>
      <c r="M2579" s="2" t="s">
        <v>5623</v>
      </c>
      <c r="N2579" s="3">
        <v>44736</v>
      </c>
      <c r="O2579" s="3">
        <v>44736</v>
      </c>
      <c r="P2579" s="3">
        <v>47238</v>
      </c>
    </row>
    <row r="2580" spans="1:16" x14ac:dyDescent="0.15">
      <c r="A2580" s="2" t="s">
        <v>49</v>
      </c>
      <c r="B2580" s="2" t="s">
        <v>9286</v>
      </c>
      <c r="C2580" s="4" t="s">
        <v>6</v>
      </c>
      <c r="D2580" s="5" t="s">
        <v>140</v>
      </c>
      <c r="E2580" s="5" t="s">
        <v>9287</v>
      </c>
      <c r="F2580" s="6" t="s">
        <v>5</v>
      </c>
      <c r="G2580" s="2"/>
      <c r="H2580" s="4"/>
      <c r="I2580" s="5"/>
      <c r="J2580" s="5"/>
      <c r="K2580" s="5"/>
      <c r="L2580" s="6"/>
      <c r="M2580" s="2" t="s">
        <v>9288</v>
      </c>
      <c r="N2580" s="3">
        <v>40597</v>
      </c>
      <c r="O2580" s="3">
        <v>45200</v>
      </c>
      <c r="P2580" s="3">
        <v>47391</v>
      </c>
    </row>
    <row r="2581" spans="1:16" x14ac:dyDescent="0.15">
      <c r="A2581" s="2" t="s">
        <v>49</v>
      </c>
      <c r="B2581" s="2" t="s">
        <v>9289</v>
      </c>
      <c r="C2581" s="4" t="s">
        <v>6</v>
      </c>
      <c r="D2581" s="5" t="s">
        <v>354</v>
      </c>
      <c r="E2581" s="5" t="s">
        <v>9290</v>
      </c>
      <c r="F2581" s="6" t="s">
        <v>5</v>
      </c>
      <c r="G2581" s="2"/>
      <c r="H2581" s="4"/>
      <c r="I2581" s="5"/>
      <c r="J2581" s="5"/>
      <c r="K2581" s="5"/>
      <c r="L2581" s="6"/>
      <c r="M2581" s="2" t="s">
        <v>9291</v>
      </c>
      <c r="N2581" s="3">
        <v>40571</v>
      </c>
      <c r="O2581" s="3">
        <v>45017</v>
      </c>
      <c r="P2581" s="3">
        <v>47208</v>
      </c>
    </row>
    <row r="2582" spans="1:16" x14ac:dyDescent="0.15">
      <c r="A2582" s="2" t="s">
        <v>16</v>
      </c>
      <c r="B2582" s="2" t="s">
        <v>5908</v>
      </c>
      <c r="C2582" s="4" t="s">
        <v>6</v>
      </c>
      <c r="D2582" s="5" t="s">
        <v>5907</v>
      </c>
      <c r="E2582" s="5" t="s">
        <v>397</v>
      </c>
      <c r="F2582" s="6" t="s">
        <v>5</v>
      </c>
      <c r="G2582" s="2" t="s">
        <v>5906</v>
      </c>
      <c r="H2582" s="4" t="s">
        <v>9</v>
      </c>
      <c r="I2582" s="5" t="s">
        <v>6</v>
      </c>
      <c r="J2582" s="5" t="s">
        <v>5907</v>
      </c>
      <c r="K2582" s="5" t="s">
        <v>397</v>
      </c>
      <c r="L2582" s="6" t="s">
        <v>5</v>
      </c>
      <c r="M2582" s="2" t="s">
        <v>5909</v>
      </c>
      <c r="N2582" s="3">
        <v>42920</v>
      </c>
      <c r="O2582" s="3">
        <v>44835</v>
      </c>
      <c r="P2582" s="3">
        <v>46660</v>
      </c>
    </row>
    <row r="2583" spans="1:16" x14ac:dyDescent="0.15">
      <c r="A2583" s="2" t="s">
        <v>16</v>
      </c>
      <c r="B2583" s="2" t="s">
        <v>5943</v>
      </c>
      <c r="C2583" s="4" t="s">
        <v>6</v>
      </c>
      <c r="D2583" s="5" t="s">
        <v>230</v>
      </c>
      <c r="E2583" s="5" t="s">
        <v>1257</v>
      </c>
      <c r="F2583" s="6" t="s">
        <v>5</v>
      </c>
      <c r="G2583" s="2" t="s">
        <v>5942</v>
      </c>
      <c r="H2583" s="4" t="s">
        <v>9</v>
      </c>
      <c r="I2583" s="5" t="s">
        <v>6</v>
      </c>
      <c r="J2583" s="5" t="s">
        <v>230</v>
      </c>
      <c r="K2583" s="5" t="s">
        <v>1257</v>
      </c>
      <c r="L2583" s="6" t="s">
        <v>5</v>
      </c>
      <c r="M2583" s="2" t="s">
        <v>5944</v>
      </c>
      <c r="N2583" s="3">
        <v>30899</v>
      </c>
      <c r="O2583" s="3">
        <v>44835</v>
      </c>
      <c r="P2583" s="3">
        <v>47026</v>
      </c>
    </row>
    <row r="2584" spans="1:16" x14ac:dyDescent="0.15">
      <c r="A2584" s="2" t="s">
        <v>49</v>
      </c>
      <c r="B2584" s="2" t="s">
        <v>9302</v>
      </c>
      <c r="C2584" s="4" t="s">
        <v>6</v>
      </c>
      <c r="D2584" s="5" t="s">
        <v>1226</v>
      </c>
      <c r="E2584" s="5" t="s">
        <v>9301</v>
      </c>
      <c r="F2584" s="6" t="s">
        <v>5</v>
      </c>
      <c r="G2584" s="2"/>
      <c r="H2584" s="4"/>
      <c r="I2584" s="5"/>
      <c r="J2584" s="5"/>
      <c r="K2584" s="5"/>
      <c r="L2584" s="6"/>
      <c r="M2584" s="2" t="s">
        <v>9303</v>
      </c>
      <c r="N2584" s="3">
        <v>39721</v>
      </c>
      <c r="O2584" s="3">
        <v>45200</v>
      </c>
      <c r="P2584" s="3">
        <v>47026</v>
      </c>
    </row>
    <row r="2585" spans="1:16" x14ac:dyDescent="0.15">
      <c r="A2585" s="2" t="s">
        <v>16</v>
      </c>
      <c r="B2585" s="2" t="s">
        <v>9302</v>
      </c>
      <c r="C2585" s="4" t="s">
        <v>6</v>
      </c>
      <c r="D2585" s="5" t="s">
        <v>1226</v>
      </c>
      <c r="E2585" s="5" t="s">
        <v>9301</v>
      </c>
      <c r="F2585" s="6" t="s">
        <v>5</v>
      </c>
      <c r="G2585" s="2"/>
      <c r="H2585" s="4"/>
      <c r="I2585" s="5"/>
      <c r="J2585" s="5"/>
      <c r="K2585" s="5"/>
      <c r="L2585" s="6"/>
      <c r="M2585" s="2" t="s">
        <v>9304</v>
      </c>
      <c r="N2585" s="3">
        <v>43354</v>
      </c>
      <c r="O2585" s="3">
        <v>45200</v>
      </c>
      <c r="P2585" s="3">
        <v>47026</v>
      </c>
    </row>
    <row r="2586" spans="1:16" x14ac:dyDescent="0.15">
      <c r="A2586" s="2" t="s">
        <v>49</v>
      </c>
      <c r="B2586" s="2" t="s">
        <v>9306</v>
      </c>
      <c r="C2586" s="4" t="s">
        <v>6</v>
      </c>
      <c r="D2586" s="5" t="s">
        <v>3116</v>
      </c>
      <c r="E2586" s="5" t="s">
        <v>9305</v>
      </c>
      <c r="F2586" s="6" t="s">
        <v>5</v>
      </c>
      <c r="G2586" s="2"/>
      <c r="H2586" s="4"/>
      <c r="I2586" s="5"/>
      <c r="J2586" s="5"/>
      <c r="K2586" s="5"/>
      <c r="L2586" s="6"/>
      <c r="M2586" s="2" t="s">
        <v>9307</v>
      </c>
      <c r="N2586" s="3">
        <v>42681</v>
      </c>
      <c r="O2586" s="3">
        <v>45200</v>
      </c>
      <c r="P2586" s="3">
        <v>47391</v>
      </c>
    </row>
    <row r="2587" spans="1:16" x14ac:dyDescent="0.15">
      <c r="A2587" s="2" t="s">
        <v>49</v>
      </c>
      <c r="B2587" s="2" t="s">
        <v>9308</v>
      </c>
      <c r="C2587" s="4" t="s">
        <v>6</v>
      </c>
      <c r="D2587" s="5" t="s">
        <v>3678</v>
      </c>
      <c r="E2587" s="5" t="s">
        <v>9309</v>
      </c>
      <c r="F2587" s="6" t="s">
        <v>9310</v>
      </c>
      <c r="G2587" s="2"/>
      <c r="H2587" s="4"/>
      <c r="I2587" s="5"/>
      <c r="J2587" s="5"/>
      <c r="K2587" s="5"/>
      <c r="L2587" s="6"/>
      <c r="M2587" s="2" t="s">
        <v>9311</v>
      </c>
      <c r="N2587" s="3">
        <v>39710</v>
      </c>
      <c r="O2587" s="3">
        <v>45200</v>
      </c>
      <c r="P2587" s="3">
        <v>47026</v>
      </c>
    </row>
    <row r="2588" spans="1:16" x14ac:dyDescent="0.15">
      <c r="A2588" s="2" t="s">
        <v>49</v>
      </c>
      <c r="B2588" s="2" t="s">
        <v>9313</v>
      </c>
      <c r="C2588" s="4" t="s">
        <v>6</v>
      </c>
      <c r="D2588" s="5" t="s">
        <v>2016</v>
      </c>
      <c r="E2588" s="5" t="s">
        <v>9312</v>
      </c>
      <c r="F2588" s="6" t="s">
        <v>5</v>
      </c>
      <c r="G2588" s="2"/>
      <c r="H2588" s="4"/>
      <c r="I2588" s="5"/>
      <c r="J2588" s="5"/>
      <c r="K2588" s="5"/>
      <c r="L2588" s="6"/>
      <c r="M2588" s="2" t="s">
        <v>9314</v>
      </c>
      <c r="N2588" s="3">
        <v>39598</v>
      </c>
      <c r="O2588" s="3">
        <v>45231</v>
      </c>
      <c r="P2588" s="3">
        <v>47057</v>
      </c>
    </row>
    <row r="2589" spans="1:16" x14ac:dyDescent="0.15">
      <c r="A2589" s="2" t="s">
        <v>16</v>
      </c>
      <c r="B2589" s="2" t="s">
        <v>5958</v>
      </c>
      <c r="C2589" s="4" t="s">
        <v>6</v>
      </c>
      <c r="D2589" s="5" t="s">
        <v>1814</v>
      </c>
      <c r="E2589" s="5" t="s">
        <v>5959</v>
      </c>
      <c r="F2589" s="6" t="s">
        <v>5</v>
      </c>
      <c r="G2589" s="2" t="s">
        <v>5957</v>
      </c>
      <c r="H2589" s="4" t="s">
        <v>9</v>
      </c>
      <c r="I2589" s="5" t="s">
        <v>6</v>
      </c>
      <c r="J2589" s="5" t="s">
        <v>5916</v>
      </c>
      <c r="K2589" s="5" t="s">
        <v>4833</v>
      </c>
      <c r="L2589" s="6" t="s">
        <v>5</v>
      </c>
      <c r="M2589" s="2" t="s">
        <v>5961</v>
      </c>
      <c r="N2589" s="3">
        <v>44778</v>
      </c>
      <c r="O2589" s="3">
        <v>44778</v>
      </c>
      <c r="P2589" s="3">
        <v>47208</v>
      </c>
    </row>
    <row r="2590" spans="1:16" x14ac:dyDescent="0.15">
      <c r="A2590" s="2" t="s">
        <v>16</v>
      </c>
      <c r="B2590" s="2" t="s">
        <v>6100</v>
      </c>
      <c r="C2590" s="4" t="s">
        <v>6</v>
      </c>
      <c r="D2590" s="5" t="s">
        <v>6101</v>
      </c>
      <c r="E2590" s="5" t="s">
        <v>6102</v>
      </c>
      <c r="F2590" s="6" t="s">
        <v>5</v>
      </c>
      <c r="G2590" s="2" t="s">
        <v>6100</v>
      </c>
      <c r="H2590" s="4" t="s">
        <v>9</v>
      </c>
      <c r="I2590" s="5" t="s">
        <v>6</v>
      </c>
      <c r="J2590" s="5" t="s">
        <v>6101</v>
      </c>
      <c r="K2590" s="5" t="s">
        <v>6102</v>
      </c>
      <c r="L2590" s="6" t="s">
        <v>5</v>
      </c>
      <c r="M2590" s="2" t="s">
        <v>6103</v>
      </c>
      <c r="N2590" s="3">
        <v>38448</v>
      </c>
      <c r="O2590" s="3">
        <v>44835</v>
      </c>
      <c r="P2590" s="3">
        <v>47026</v>
      </c>
    </row>
    <row r="2591" spans="1:16" x14ac:dyDescent="0.15">
      <c r="A2591" s="2" t="s">
        <v>49</v>
      </c>
      <c r="B2591" s="2" t="s">
        <v>9326</v>
      </c>
      <c r="C2591" s="4" t="s">
        <v>6</v>
      </c>
      <c r="D2591" s="5" t="s">
        <v>9324</v>
      </c>
      <c r="E2591" s="5" t="s">
        <v>9325</v>
      </c>
      <c r="F2591" s="6" t="s">
        <v>5</v>
      </c>
      <c r="G2591" s="2"/>
      <c r="H2591" s="4"/>
      <c r="I2591" s="5"/>
      <c r="J2591" s="5"/>
      <c r="K2591" s="5"/>
      <c r="L2591" s="6"/>
      <c r="M2591" s="2" t="s">
        <v>9327</v>
      </c>
      <c r="N2591" s="3">
        <v>35788</v>
      </c>
      <c r="O2591" s="3">
        <v>45200</v>
      </c>
      <c r="P2591" s="3">
        <v>47026</v>
      </c>
    </row>
    <row r="2592" spans="1:16" x14ac:dyDescent="0.15">
      <c r="A2592" s="2" t="s">
        <v>49</v>
      </c>
      <c r="B2592" s="2" t="s">
        <v>9329</v>
      </c>
      <c r="C2592" s="4" t="s">
        <v>6</v>
      </c>
      <c r="D2592" s="5" t="s">
        <v>911</v>
      </c>
      <c r="E2592" s="5" t="s">
        <v>9328</v>
      </c>
      <c r="F2592" s="6" t="s">
        <v>5</v>
      </c>
      <c r="G2592" s="2"/>
      <c r="H2592" s="4"/>
      <c r="I2592" s="5"/>
      <c r="J2592" s="5"/>
      <c r="K2592" s="5"/>
      <c r="L2592" s="6"/>
      <c r="M2592" s="2" t="s">
        <v>9330</v>
      </c>
      <c r="N2592" s="3">
        <v>41537</v>
      </c>
      <c r="O2592" s="3">
        <v>45200</v>
      </c>
      <c r="P2592" s="3">
        <v>47026</v>
      </c>
    </row>
    <row r="2593" spans="1:16" x14ac:dyDescent="0.15">
      <c r="A2593" s="2" t="s">
        <v>49</v>
      </c>
      <c r="B2593" s="2" t="s">
        <v>9332</v>
      </c>
      <c r="C2593" s="4" t="s">
        <v>6</v>
      </c>
      <c r="D2593" s="5" t="s">
        <v>1827</v>
      </c>
      <c r="E2593" s="5" t="s">
        <v>9331</v>
      </c>
      <c r="F2593" s="6" t="s">
        <v>5</v>
      </c>
      <c r="G2593" s="2"/>
      <c r="H2593" s="4"/>
      <c r="I2593" s="5"/>
      <c r="J2593" s="5"/>
      <c r="K2593" s="5"/>
      <c r="L2593" s="6"/>
      <c r="M2593" s="2" t="s">
        <v>9333</v>
      </c>
      <c r="N2593" s="3">
        <v>33039</v>
      </c>
      <c r="O2593" s="3">
        <v>45200</v>
      </c>
      <c r="P2593" s="3">
        <v>47026</v>
      </c>
    </row>
    <row r="2594" spans="1:16" x14ac:dyDescent="0.15">
      <c r="A2594" s="2" t="s">
        <v>16</v>
      </c>
      <c r="B2594" s="2" t="s">
        <v>6108</v>
      </c>
      <c r="C2594" s="4" t="s">
        <v>6</v>
      </c>
      <c r="D2594" s="5" t="s">
        <v>6109</v>
      </c>
      <c r="E2594" s="5" t="s">
        <v>5998</v>
      </c>
      <c r="F2594" s="6" t="s">
        <v>5</v>
      </c>
      <c r="G2594" s="2" t="s">
        <v>6104</v>
      </c>
      <c r="H2594" s="4" t="s">
        <v>1694</v>
      </c>
      <c r="I2594" s="5" t="s">
        <v>6105</v>
      </c>
      <c r="J2594" s="5" t="s">
        <v>6106</v>
      </c>
      <c r="K2594" s="5" t="s">
        <v>6107</v>
      </c>
      <c r="L2594" s="6" t="s">
        <v>5</v>
      </c>
      <c r="M2594" s="2" t="s">
        <v>6110</v>
      </c>
      <c r="N2594" s="3">
        <v>33373</v>
      </c>
      <c r="O2594" s="3">
        <v>44835</v>
      </c>
      <c r="P2594" s="3">
        <v>47026</v>
      </c>
    </row>
    <row r="2595" spans="1:16" x14ac:dyDescent="0.15">
      <c r="A2595" s="2" t="s">
        <v>16</v>
      </c>
      <c r="B2595" s="2" t="s">
        <v>9338</v>
      </c>
      <c r="C2595" s="4" t="s">
        <v>6</v>
      </c>
      <c r="D2595" s="5" t="s">
        <v>9339</v>
      </c>
      <c r="E2595" s="5" t="s">
        <v>9340</v>
      </c>
      <c r="F2595" s="6" t="s">
        <v>5</v>
      </c>
      <c r="G2595" s="2"/>
      <c r="H2595" s="4"/>
      <c r="I2595" s="5"/>
      <c r="J2595" s="5"/>
      <c r="K2595" s="5"/>
      <c r="L2595" s="6"/>
      <c r="M2595" s="2" t="s">
        <v>9341</v>
      </c>
      <c r="N2595" s="3">
        <v>43040</v>
      </c>
      <c r="O2595" s="3">
        <v>45200</v>
      </c>
      <c r="P2595" s="3">
        <v>47026</v>
      </c>
    </row>
    <row r="2596" spans="1:16" x14ac:dyDescent="0.15">
      <c r="A2596" s="2" t="s">
        <v>16</v>
      </c>
      <c r="B2596" s="2" t="s">
        <v>6111</v>
      </c>
      <c r="C2596" s="4" t="s">
        <v>6</v>
      </c>
      <c r="D2596" s="5" t="s">
        <v>2401</v>
      </c>
      <c r="E2596" s="5" t="s">
        <v>6112</v>
      </c>
      <c r="F2596" s="6" t="s">
        <v>5</v>
      </c>
      <c r="G2596" s="2" t="s">
        <v>6104</v>
      </c>
      <c r="H2596" s="4" t="s">
        <v>1694</v>
      </c>
      <c r="I2596" s="5" t="s">
        <v>6105</v>
      </c>
      <c r="J2596" s="5" t="s">
        <v>6106</v>
      </c>
      <c r="K2596" s="5" t="s">
        <v>6107</v>
      </c>
      <c r="L2596" s="6" t="s">
        <v>5</v>
      </c>
      <c r="M2596" s="2" t="s">
        <v>6113</v>
      </c>
      <c r="N2596" s="3">
        <v>42473</v>
      </c>
      <c r="O2596" s="3">
        <v>45200</v>
      </c>
      <c r="P2596" s="3">
        <v>47756</v>
      </c>
    </row>
    <row r="2597" spans="1:16" x14ac:dyDescent="0.15">
      <c r="A2597" s="2" t="s">
        <v>49</v>
      </c>
      <c r="B2597" s="2" t="s">
        <v>9344</v>
      </c>
      <c r="C2597" s="4" t="s">
        <v>6</v>
      </c>
      <c r="D2597" s="5" t="s">
        <v>3678</v>
      </c>
      <c r="E2597" s="5" t="s">
        <v>9345</v>
      </c>
      <c r="F2597" s="6" t="s">
        <v>5</v>
      </c>
      <c r="G2597" s="2"/>
      <c r="H2597" s="4"/>
      <c r="I2597" s="5"/>
      <c r="J2597" s="5"/>
      <c r="K2597" s="5"/>
      <c r="L2597" s="6"/>
      <c r="M2597" s="2" t="s">
        <v>9346</v>
      </c>
      <c r="N2597" s="3">
        <v>45231</v>
      </c>
      <c r="O2597" s="3">
        <v>45231</v>
      </c>
      <c r="P2597" s="3">
        <v>47391</v>
      </c>
    </row>
    <row r="2598" spans="1:16" x14ac:dyDescent="0.15">
      <c r="A2598" s="2" t="s">
        <v>16</v>
      </c>
      <c r="B2598" s="2" t="s">
        <v>6267</v>
      </c>
      <c r="C2598" s="4" t="s">
        <v>6</v>
      </c>
      <c r="D2598" s="5" t="s">
        <v>911</v>
      </c>
      <c r="E2598" s="5" t="s">
        <v>6266</v>
      </c>
      <c r="F2598" s="6" t="s">
        <v>5</v>
      </c>
      <c r="G2598" s="2" t="s">
        <v>6265</v>
      </c>
      <c r="H2598" s="4" t="s">
        <v>9</v>
      </c>
      <c r="I2598" s="5" t="s">
        <v>6</v>
      </c>
      <c r="J2598" s="5" t="s">
        <v>911</v>
      </c>
      <c r="K2598" s="5" t="s">
        <v>6266</v>
      </c>
      <c r="L2598" s="6" t="s">
        <v>5</v>
      </c>
      <c r="M2598" s="2" t="s">
        <v>6268</v>
      </c>
      <c r="N2598" s="3">
        <v>37965</v>
      </c>
      <c r="O2598" s="3">
        <v>44835</v>
      </c>
      <c r="P2598" s="3">
        <v>47026</v>
      </c>
    </row>
    <row r="2599" spans="1:16" x14ac:dyDescent="0.15">
      <c r="A2599" s="2" t="s">
        <v>16</v>
      </c>
      <c r="B2599" s="2" t="s">
        <v>6604</v>
      </c>
      <c r="C2599" s="4" t="s">
        <v>6</v>
      </c>
      <c r="D2599" s="5" t="s">
        <v>179</v>
      </c>
      <c r="E2599" s="5" t="s">
        <v>6605</v>
      </c>
      <c r="F2599" s="6" t="s">
        <v>5</v>
      </c>
      <c r="G2599" s="2" t="s">
        <v>6602</v>
      </c>
      <c r="H2599" s="4" t="s">
        <v>9</v>
      </c>
      <c r="I2599" s="5" t="s">
        <v>6</v>
      </c>
      <c r="J2599" s="5" t="s">
        <v>1148</v>
      </c>
      <c r="K2599" s="5" t="s">
        <v>6603</v>
      </c>
      <c r="L2599" s="6" t="s">
        <v>5</v>
      </c>
      <c r="M2599" s="2" t="s">
        <v>6607</v>
      </c>
      <c r="N2599" s="3">
        <v>44839</v>
      </c>
      <c r="O2599" s="3">
        <v>44839</v>
      </c>
      <c r="P2599" s="3">
        <v>47391</v>
      </c>
    </row>
    <row r="2600" spans="1:16" x14ac:dyDescent="0.15">
      <c r="A2600" s="2" t="s">
        <v>49</v>
      </c>
      <c r="B2600" s="2" t="s">
        <v>9355</v>
      </c>
      <c r="C2600" s="4" t="s">
        <v>6</v>
      </c>
      <c r="D2600" s="5" t="s">
        <v>1669</v>
      </c>
      <c r="E2600" s="5" t="s">
        <v>9354</v>
      </c>
      <c r="F2600" s="6" t="s">
        <v>5</v>
      </c>
      <c r="G2600" s="2"/>
      <c r="H2600" s="4"/>
      <c r="I2600" s="5"/>
      <c r="J2600" s="5"/>
      <c r="K2600" s="5"/>
      <c r="L2600" s="6"/>
      <c r="M2600" s="2" t="s">
        <v>9356</v>
      </c>
      <c r="N2600" s="3">
        <v>33170</v>
      </c>
      <c r="O2600" s="3">
        <v>45200</v>
      </c>
      <c r="P2600" s="3">
        <v>47026</v>
      </c>
    </row>
    <row r="2601" spans="1:16" x14ac:dyDescent="0.15">
      <c r="A2601" s="2" t="s">
        <v>66</v>
      </c>
      <c r="B2601" s="2" t="s">
        <v>9355</v>
      </c>
      <c r="C2601" s="4" t="s">
        <v>6</v>
      </c>
      <c r="D2601" s="5" t="s">
        <v>1669</v>
      </c>
      <c r="E2601" s="5" t="s">
        <v>9354</v>
      </c>
      <c r="F2601" s="6" t="s">
        <v>5</v>
      </c>
      <c r="G2601" s="2"/>
      <c r="H2601" s="4"/>
      <c r="I2601" s="5"/>
      <c r="J2601" s="5"/>
      <c r="K2601" s="5"/>
      <c r="L2601" s="6"/>
      <c r="M2601" s="2" t="s">
        <v>9357</v>
      </c>
      <c r="N2601" s="3">
        <v>33170</v>
      </c>
      <c r="O2601" s="3">
        <v>45200</v>
      </c>
      <c r="P2601" s="3">
        <v>47026</v>
      </c>
    </row>
    <row r="2602" spans="1:16" x14ac:dyDescent="0.15">
      <c r="A2602" s="2" t="s">
        <v>49</v>
      </c>
      <c r="B2602" s="2" t="s">
        <v>9359</v>
      </c>
      <c r="C2602" s="4" t="s">
        <v>6</v>
      </c>
      <c r="D2602" s="5" t="s">
        <v>5846</v>
      </c>
      <c r="E2602" s="5" t="s">
        <v>9358</v>
      </c>
      <c r="F2602" s="6" t="s">
        <v>5</v>
      </c>
      <c r="G2602" s="2"/>
      <c r="H2602" s="4"/>
      <c r="I2602" s="5"/>
      <c r="J2602" s="5"/>
      <c r="K2602" s="5"/>
      <c r="L2602" s="6"/>
      <c r="M2602" s="2" t="s">
        <v>9360</v>
      </c>
      <c r="N2602" s="3">
        <v>39730</v>
      </c>
      <c r="O2602" s="3">
        <v>45231</v>
      </c>
      <c r="P2602" s="3">
        <v>47057</v>
      </c>
    </row>
    <row r="2603" spans="1:16" x14ac:dyDescent="0.15">
      <c r="A2603" s="2" t="s">
        <v>16</v>
      </c>
      <c r="B2603" s="2" t="s">
        <v>6660</v>
      </c>
      <c r="C2603" s="4" t="s">
        <v>6</v>
      </c>
      <c r="D2603" s="5" t="s">
        <v>6327</v>
      </c>
      <c r="E2603" s="5" t="s">
        <v>6661</v>
      </c>
      <c r="F2603" s="6" t="s">
        <v>5</v>
      </c>
      <c r="G2603" s="2" t="s">
        <v>6658</v>
      </c>
      <c r="H2603" s="4" t="s">
        <v>9</v>
      </c>
      <c r="I2603" s="5" t="s">
        <v>6</v>
      </c>
      <c r="J2603" s="5" t="s">
        <v>6327</v>
      </c>
      <c r="K2603" s="5" t="s">
        <v>6659</v>
      </c>
      <c r="L2603" s="6" t="s">
        <v>5</v>
      </c>
      <c r="M2603" s="2" t="s">
        <v>6662</v>
      </c>
      <c r="N2603" s="3">
        <v>29405</v>
      </c>
      <c r="O2603" s="3">
        <v>44835</v>
      </c>
      <c r="P2603" s="3">
        <v>47026</v>
      </c>
    </row>
    <row r="2604" spans="1:16" x14ac:dyDescent="0.15">
      <c r="A2604" s="2" t="s">
        <v>16</v>
      </c>
      <c r="B2604" s="2" t="s">
        <v>6975</v>
      </c>
      <c r="C2604" s="4" t="s">
        <v>6</v>
      </c>
      <c r="D2604" s="5" t="s">
        <v>6974</v>
      </c>
      <c r="E2604" s="5" t="s">
        <v>2766</v>
      </c>
      <c r="F2604" s="6" t="s">
        <v>5</v>
      </c>
      <c r="G2604" s="2" t="s">
        <v>6973</v>
      </c>
      <c r="H2604" s="4" t="s">
        <v>9</v>
      </c>
      <c r="I2604" s="5" t="s">
        <v>6</v>
      </c>
      <c r="J2604" s="5" t="s">
        <v>6974</v>
      </c>
      <c r="K2604" s="5" t="s">
        <v>2766</v>
      </c>
      <c r="L2604" s="6" t="s">
        <v>5</v>
      </c>
      <c r="M2604" s="2" t="s">
        <v>6976</v>
      </c>
      <c r="N2604" s="3">
        <v>40995</v>
      </c>
      <c r="O2604" s="3">
        <v>44866</v>
      </c>
      <c r="P2604" s="3">
        <v>46691</v>
      </c>
    </row>
    <row r="2605" spans="1:16" x14ac:dyDescent="0.15">
      <c r="A2605" s="2" t="s">
        <v>16</v>
      </c>
      <c r="B2605" s="2" t="s">
        <v>7024</v>
      </c>
      <c r="C2605" s="4" t="s">
        <v>6</v>
      </c>
      <c r="D2605" s="5" t="s">
        <v>152</v>
      </c>
      <c r="E2605" s="5" t="s">
        <v>153</v>
      </c>
      <c r="F2605" s="6" t="s">
        <v>7025</v>
      </c>
      <c r="G2605" s="2" t="s">
        <v>7022</v>
      </c>
      <c r="H2605" s="4" t="s">
        <v>9</v>
      </c>
      <c r="I2605" s="5" t="s">
        <v>663</v>
      </c>
      <c r="J2605" s="5" t="s">
        <v>7023</v>
      </c>
      <c r="K2605" s="5" t="s">
        <v>6862</v>
      </c>
      <c r="L2605" s="6" t="s">
        <v>5</v>
      </c>
      <c r="M2605" s="2" t="s">
        <v>7026</v>
      </c>
      <c r="N2605" s="3">
        <v>44895</v>
      </c>
      <c r="O2605" s="3">
        <v>44895</v>
      </c>
      <c r="P2605" s="3">
        <v>47422</v>
      </c>
    </row>
    <row r="2606" spans="1:16" x14ac:dyDescent="0.15">
      <c r="A2606" s="2" t="s">
        <v>16</v>
      </c>
      <c r="B2606" s="2" t="s">
        <v>7046</v>
      </c>
      <c r="C2606" s="4" t="s">
        <v>6</v>
      </c>
      <c r="D2606" s="5" t="s">
        <v>4711</v>
      </c>
      <c r="E2606" s="5" t="s">
        <v>2278</v>
      </c>
      <c r="F2606" s="6" t="s">
        <v>7047</v>
      </c>
      <c r="G2606" s="2" t="s">
        <v>7045</v>
      </c>
      <c r="H2606" s="4" t="s">
        <v>9</v>
      </c>
      <c r="I2606" s="5" t="s">
        <v>6</v>
      </c>
      <c r="J2606" s="5" t="s">
        <v>3856</v>
      </c>
      <c r="K2606" s="5" t="s">
        <v>4397</v>
      </c>
      <c r="L2606" s="6" t="s">
        <v>5</v>
      </c>
      <c r="M2606" s="2" t="s">
        <v>7049</v>
      </c>
      <c r="N2606" s="3">
        <v>44862</v>
      </c>
      <c r="O2606" s="3">
        <v>44862</v>
      </c>
      <c r="P2606" s="3">
        <v>47238</v>
      </c>
    </row>
    <row r="2607" spans="1:16" x14ac:dyDescent="0.15">
      <c r="A2607" s="2" t="s">
        <v>49</v>
      </c>
      <c r="B2607" s="2" t="s">
        <v>9375</v>
      </c>
      <c r="C2607" s="4" t="s">
        <v>6</v>
      </c>
      <c r="D2607" s="5" t="s">
        <v>1027</v>
      </c>
      <c r="E2607" s="5" t="s">
        <v>9376</v>
      </c>
      <c r="F2607" s="6" t="s">
        <v>9377</v>
      </c>
      <c r="G2607" s="2"/>
      <c r="H2607" s="4"/>
      <c r="I2607" s="5"/>
      <c r="J2607" s="5"/>
      <c r="K2607" s="5"/>
      <c r="L2607" s="6"/>
      <c r="M2607" s="2" t="s">
        <v>9378</v>
      </c>
      <c r="N2607" s="3">
        <v>45231</v>
      </c>
      <c r="O2607" s="3">
        <v>45231</v>
      </c>
      <c r="P2607" s="3">
        <v>47087</v>
      </c>
    </row>
    <row r="2608" spans="1:16" x14ac:dyDescent="0.15">
      <c r="A2608" s="2" t="s">
        <v>49</v>
      </c>
      <c r="B2608" s="2" t="s">
        <v>9379</v>
      </c>
      <c r="C2608" s="4" t="s">
        <v>6</v>
      </c>
      <c r="D2608" s="5" t="s">
        <v>8874</v>
      </c>
      <c r="E2608" s="5" t="s">
        <v>839</v>
      </c>
      <c r="F2608" s="6" t="s">
        <v>5</v>
      </c>
      <c r="G2608" s="2"/>
      <c r="H2608" s="4"/>
      <c r="I2608" s="5"/>
      <c r="J2608" s="5"/>
      <c r="K2608" s="5"/>
      <c r="L2608" s="6"/>
      <c r="M2608" s="2" t="s">
        <v>9380</v>
      </c>
      <c r="N2608" s="3">
        <v>42826</v>
      </c>
      <c r="O2608" s="3">
        <v>45200</v>
      </c>
      <c r="P2608" s="3">
        <v>47391</v>
      </c>
    </row>
    <row r="2609" spans="1:16" x14ac:dyDescent="0.15">
      <c r="A2609" s="2" t="s">
        <v>49</v>
      </c>
      <c r="B2609" s="2" t="s">
        <v>9382</v>
      </c>
      <c r="C2609" s="4" t="s">
        <v>6</v>
      </c>
      <c r="D2609" s="5" t="s">
        <v>207</v>
      </c>
      <c r="E2609" s="5" t="s">
        <v>9381</v>
      </c>
      <c r="F2609" s="6" t="s">
        <v>5</v>
      </c>
      <c r="G2609" s="2"/>
      <c r="H2609" s="4"/>
      <c r="I2609" s="5"/>
      <c r="J2609" s="5"/>
      <c r="K2609" s="5"/>
      <c r="L2609" s="6"/>
      <c r="M2609" s="2" t="s">
        <v>9383</v>
      </c>
      <c r="N2609" s="3">
        <v>45191</v>
      </c>
      <c r="O2609" s="3">
        <v>45191</v>
      </c>
      <c r="P2609" s="3">
        <v>47603</v>
      </c>
    </row>
    <row r="2610" spans="1:16" x14ac:dyDescent="0.15">
      <c r="A2610" s="2" t="s">
        <v>16</v>
      </c>
      <c r="B2610" s="2" t="s">
        <v>7050</v>
      </c>
      <c r="C2610" s="4" t="s">
        <v>6</v>
      </c>
      <c r="D2610" s="5" t="s">
        <v>2670</v>
      </c>
      <c r="E2610" s="5" t="s">
        <v>1676</v>
      </c>
      <c r="F2610" s="6" t="s">
        <v>5</v>
      </c>
      <c r="G2610" s="2" t="s">
        <v>7045</v>
      </c>
      <c r="H2610" s="4" t="s">
        <v>9</v>
      </c>
      <c r="I2610" s="5" t="s">
        <v>6</v>
      </c>
      <c r="J2610" s="5" t="s">
        <v>3856</v>
      </c>
      <c r="K2610" s="5" t="s">
        <v>4397</v>
      </c>
      <c r="L2610" s="6" t="s">
        <v>5</v>
      </c>
      <c r="M2610" s="2" t="s">
        <v>7052</v>
      </c>
      <c r="N2610" s="3">
        <v>42819</v>
      </c>
      <c r="O2610" s="3">
        <v>45200</v>
      </c>
      <c r="P2610" s="3">
        <v>47391</v>
      </c>
    </row>
    <row r="2611" spans="1:16" x14ac:dyDescent="0.15">
      <c r="A2611" s="2" t="s">
        <v>49</v>
      </c>
      <c r="B2611" s="2" t="s">
        <v>9389</v>
      </c>
      <c r="C2611" s="4" t="s">
        <v>6</v>
      </c>
      <c r="D2611" s="5" t="s">
        <v>9387</v>
      </c>
      <c r="E2611" s="5" t="s">
        <v>9388</v>
      </c>
      <c r="F2611" s="6" t="s">
        <v>5</v>
      </c>
      <c r="G2611" s="2"/>
      <c r="H2611" s="4"/>
      <c r="I2611" s="5"/>
      <c r="J2611" s="5"/>
      <c r="K2611" s="5"/>
      <c r="L2611" s="6"/>
      <c r="M2611" s="2" t="s">
        <v>9390</v>
      </c>
      <c r="N2611" s="3">
        <v>36473</v>
      </c>
      <c r="O2611" s="3">
        <v>45231</v>
      </c>
      <c r="P2611" s="3">
        <v>47422</v>
      </c>
    </row>
    <row r="2612" spans="1:16" x14ac:dyDescent="0.15">
      <c r="A2612" s="2" t="s">
        <v>16</v>
      </c>
      <c r="B2612" s="2" t="s">
        <v>9389</v>
      </c>
      <c r="C2612" s="4" t="s">
        <v>6</v>
      </c>
      <c r="D2612" s="5" t="s">
        <v>9387</v>
      </c>
      <c r="E2612" s="5" t="s">
        <v>9388</v>
      </c>
      <c r="F2612" s="6" t="s">
        <v>5</v>
      </c>
      <c r="G2612" s="2"/>
      <c r="H2612" s="4"/>
      <c r="I2612" s="5"/>
      <c r="J2612" s="5"/>
      <c r="K2612" s="5"/>
      <c r="L2612" s="6"/>
      <c r="M2612" s="2" t="s">
        <v>9391</v>
      </c>
      <c r="N2612" s="3">
        <v>36983</v>
      </c>
      <c r="O2612" s="3">
        <v>45231</v>
      </c>
      <c r="P2612" s="3">
        <v>47422</v>
      </c>
    </row>
    <row r="2613" spans="1:16" x14ac:dyDescent="0.15">
      <c r="A2613" s="2" t="s">
        <v>49</v>
      </c>
      <c r="B2613" s="2" t="s">
        <v>9392</v>
      </c>
      <c r="C2613" s="4" t="s">
        <v>6</v>
      </c>
      <c r="D2613" s="5" t="s">
        <v>9393</v>
      </c>
      <c r="E2613" s="5" t="s">
        <v>9394</v>
      </c>
      <c r="F2613" s="6" t="s">
        <v>5</v>
      </c>
      <c r="G2613" s="2"/>
      <c r="H2613" s="4"/>
      <c r="I2613" s="5"/>
      <c r="J2613" s="5"/>
      <c r="K2613" s="5"/>
      <c r="L2613" s="6"/>
      <c r="M2613" s="2" t="s">
        <v>9395</v>
      </c>
      <c r="N2613" s="3">
        <v>45187</v>
      </c>
      <c r="O2613" s="3">
        <v>45187</v>
      </c>
      <c r="P2613" s="3">
        <v>47026</v>
      </c>
    </row>
    <row r="2614" spans="1:16" x14ac:dyDescent="0.15">
      <c r="A2614" s="2" t="s">
        <v>16</v>
      </c>
      <c r="B2614" s="2" t="s">
        <v>9397</v>
      </c>
      <c r="C2614" s="4" t="s">
        <v>6</v>
      </c>
      <c r="D2614" s="5" t="s">
        <v>7670</v>
      </c>
      <c r="E2614" s="5" t="s">
        <v>9396</v>
      </c>
      <c r="F2614" s="6" t="s">
        <v>5</v>
      </c>
      <c r="G2614" s="2"/>
      <c r="H2614" s="4"/>
      <c r="I2614" s="5"/>
      <c r="J2614" s="5"/>
      <c r="K2614" s="5"/>
      <c r="L2614" s="6"/>
      <c r="M2614" s="2" t="s">
        <v>9398</v>
      </c>
      <c r="N2614" s="3">
        <v>40673</v>
      </c>
      <c r="O2614" s="3">
        <v>45231</v>
      </c>
      <c r="P2614" s="3">
        <v>47422</v>
      </c>
    </row>
    <row r="2615" spans="1:16" x14ac:dyDescent="0.15">
      <c r="A2615" s="2" t="s">
        <v>42</v>
      </c>
      <c r="B2615" s="2" t="s">
        <v>9397</v>
      </c>
      <c r="C2615" s="4" t="s">
        <v>6</v>
      </c>
      <c r="D2615" s="5" t="s">
        <v>7670</v>
      </c>
      <c r="E2615" s="5" t="s">
        <v>9396</v>
      </c>
      <c r="F2615" s="6" t="s">
        <v>5</v>
      </c>
      <c r="G2615" s="2"/>
      <c r="H2615" s="4"/>
      <c r="I2615" s="5"/>
      <c r="J2615" s="5"/>
      <c r="K2615" s="5"/>
      <c r="L2615" s="6"/>
      <c r="M2615" s="2" t="s">
        <v>9399</v>
      </c>
      <c r="N2615" s="3">
        <v>40673</v>
      </c>
      <c r="O2615" s="3">
        <v>45231</v>
      </c>
      <c r="P2615" s="3">
        <v>47422</v>
      </c>
    </row>
    <row r="2616" spans="1:16" x14ac:dyDescent="0.15">
      <c r="A2616" s="2" t="s">
        <v>49</v>
      </c>
      <c r="B2616" s="2" t="s">
        <v>9401</v>
      </c>
      <c r="C2616" s="4" t="s">
        <v>6</v>
      </c>
      <c r="D2616" s="5" t="s">
        <v>1848</v>
      </c>
      <c r="E2616" s="5" t="s">
        <v>9400</v>
      </c>
      <c r="F2616" s="6" t="s">
        <v>5</v>
      </c>
      <c r="G2616" s="2"/>
      <c r="H2616" s="4"/>
      <c r="I2616" s="5"/>
      <c r="J2616" s="5"/>
      <c r="K2616" s="5"/>
      <c r="L2616" s="6"/>
      <c r="M2616" s="2" t="s">
        <v>9402</v>
      </c>
      <c r="N2616" s="3">
        <v>37761</v>
      </c>
      <c r="O2616" s="3">
        <v>45231</v>
      </c>
      <c r="P2616" s="3">
        <v>47057</v>
      </c>
    </row>
    <row r="2617" spans="1:16" x14ac:dyDescent="0.15">
      <c r="A2617" s="2" t="s">
        <v>16</v>
      </c>
      <c r="B2617" s="2" t="s">
        <v>7059</v>
      </c>
      <c r="C2617" s="4" t="s">
        <v>6</v>
      </c>
      <c r="D2617" s="5" t="s">
        <v>179</v>
      </c>
      <c r="E2617" s="5" t="s">
        <v>180</v>
      </c>
      <c r="F2617" s="6" t="s">
        <v>7060</v>
      </c>
      <c r="G2617" s="2" t="s">
        <v>7057</v>
      </c>
      <c r="H2617" s="4" t="s">
        <v>9</v>
      </c>
      <c r="I2617" s="5" t="s">
        <v>1413</v>
      </c>
      <c r="J2617" s="5" t="s">
        <v>7058</v>
      </c>
      <c r="K2617" s="5" t="s">
        <v>6715</v>
      </c>
      <c r="L2617" s="6" t="s">
        <v>5</v>
      </c>
      <c r="M2617" s="2" t="s">
        <v>7061</v>
      </c>
      <c r="N2617" s="3">
        <v>44862</v>
      </c>
      <c r="O2617" s="3">
        <v>44862</v>
      </c>
      <c r="P2617" s="3">
        <v>47391</v>
      </c>
    </row>
    <row r="2618" spans="1:16" x14ac:dyDescent="0.15">
      <c r="A2618" s="2" t="s">
        <v>16</v>
      </c>
      <c r="B2618" s="2" t="s">
        <v>7240</v>
      </c>
      <c r="C2618" s="4" t="s">
        <v>6</v>
      </c>
      <c r="D2618" s="5" t="s">
        <v>253</v>
      </c>
      <c r="E2618" s="5" t="s">
        <v>3652</v>
      </c>
      <c r="F2618" s="6" t="s">
        <v>5</v>
      </c>
      <c r="G2618" s="2" t="s">
        <v>7236</v>
      </c>
      <c r="H2618" s="4" t="s">
        <v>1694</v>
      </c>
      <c r="I2618" s="5" t="s">
        <v>7237</v>
      </c>
      <c r="J2618" s="5" t="s">
        <v>7238</v>
      </c>
      <c r="K2618" s="5" t="s">
        <v>7239</v>
      </c>
      <c r="L2618" s="6" t="s">
        <v>5</v>
      </c>
      <c r="M2618" s="2" t="s">
        <v>7242</v>
      </c>
      <c r="N2618" s="3">
        <v>44944</v>
      </c>
      <c r="O2618" s="3">
        <v>44944</v>
      </c>
      <c r="P2618" s="3">
        <v>47269</v>
      </c>
    </row>
    <row r="2619" spans="1:16" x14ac:dyDescent="0.15">
      <c r="A2619" s="2" t="s">
        <v>49</v>
      </c>
      <c r="B2619" s="2" t="s">
        <v>9410</v>
      </c>
      <c r="C2619" s="4" t="s">
        <v>6</v>
      </c>
      <c r="D2619" s="5" t="s">
        <v>500</v>
      </c>
      <c r="E2619" s="5" t="s">
        <v>9411</v>
      </c>
      <c r="F2619" s="6" t="s">
        <v>5</v>
      </c>
      <c r="G2619" s="2"/>
      <c r="H2619" s="4"/>
      <c r="I2619" s="5"/>
      <c r="J2619" s="5"/>
      <c r="K2619" s="5"/>
      <c r="L2619" s="6"/>
      <c r="M2619" s="2" t="s">
        <v>9412</v>
      </c>
      <c r="N2619" s="3">
        <v>45190</v>
      </c>
      <c r="O2619" s="3">
        <v>45190</v>
      </c>
      <c r="P2619" s="3">
        <v>47634</v>
      </c>
    </row>
    <row r="2620" spans="1:16" x14ac:dyDescent="0.15">
      <c r="A2620" s="2" t="s">
        <v>49</v>
      </c>
      <c r="B2620" s="2" t="s">
        <v>9414</v>
      </c>
      <c r="C2620" s="4" t="s">
        <v>6</v>
      </c>
      <c r="D2620" s="5" t="s">
        <v>1130</v>
      </c>
      <c r="E2620" s="5" t="s">
        <v>9413</v>
      </c>
      <c r="F2620" s="6" t="s">
        <v>5</v>
      </c>
      <c r="G2620" s="2"/>
      <c r="H2620" s="4"/>
      <c r="I2620" s="5"/>
      <c r="J2620" s="5"/>
      <c r="K2620" s="5"/>
      <c r="L2620" s="6"/>
      <c r="M2620" s="2" t="s">
        <v>9415</v>
      </c>
      <c r="N2620" s="3">
        <v>37768</v>
      </c>
      <c r="O2620" s="3">
        <v>45231</v>
      </c>
      <c r="P2620" s="3">
        <v>47057</v>
      </c>
    </row>
    <row r="2621" spans="1:16" x14ac:dyDescent="0.15">
      <c r="A2621" s="2" t="s">
        <v>49</v>
      </c>
      <c r="B2621" s="2" t="s">
        <v>9416</v>
      </c>
      <c r="C2621" s="4" t="s">
        <v>6</v>
      </c>
      <c r="D2621" s="5" t="s">
        <v>247</v>
      </c>
      <c r="E2621" s="5" t="s">
        <v>1307</v>
      </c>
      <c r="F2621" s="6" t="s">
        <v>9417</v>
      </c>
      <c r="G2621" s="2"/>
      <c r="H2621" s="4"/>
      <c r="I2621" s="5"/>
      <c r="J2621" s="5"/>
      <c r="K2621" s="5"/>
      <c r="L2621" s="6"/>
      <c r="M2621" s="2" t="s">
        <v>9418</v>
      </c>
      <c r="N2621" s="3">
        <v>43983</v>
      </c>
      <c r="O2621" s="3">
        <v>43983</v>
      </c>
      <c r="P2621" s="3">
        <v>46173</v>
      </c>
    </row>
    <row r="2622" spans="1:16" x14ac:dyDescent="0.15">
      <c r="A2622" s="2" t="s">
        <v>858</v>
      </c>
      <c r="B2622" s="2" t="s">
        <v>9416</v>
      </c>
      <c r="C2622" s="4" t="s">
        <v>6</v>
      </c>
      <c r="D2622" s="5" t="s">
        <v>247</v>
      </c>
      <c r="E2622" s="5" t="s">
        <v>1307</v>
      </c>
      <c r="F2622" s="6" t="s">
        <v>9417</v>
      </c>
      <c r="G2622" s="2"/>
      <c r="H2622" s="4"/>
      <c r="I2622" s="5"/>
      <c r="J2622" s="5"/>
      <c r="K2622" s="5"/>
      <c r="L2622" s="6"/>
      <c r="M2622" s="2" t="s">
        <v>9419</v>
      </c>
      <c r="N2622" s="3">
        <v>45185</v>
      </c>
      <c r="O2622" s="3">
        <v>45185</v>
      </c>
      <c r="P2622" s="3">
        <v>47634</v>
      </c>
    </row>
    <row r="2623" spans="1:16" x14ac:dyDescent="0.15">
      <c r="A2623" s="2" t="s">
        <v>16</v>
      </c>
      <c r="B2623" s="2" t="s">
        <v>7319</v>
      </c>
      <c r="C2623" s="4" t="s">
        <v>6</v>
      </c>
      <c r="D2623" s="5" t="s">
        <v>5554</v>
      </c>
      <c r="E2623" s="5" t="s">
        <v>3871</v>
      </c>
      <c r="F2623" s="6" t="s">
        <v>5</v>
      </c>
      <c r="G2623" s="2" t="s">
        <v>7317</v>
      </c>
      <c r="H2623" s="4" t="s">
        <v>9</v>
      </c>
      <c r="I2623" s="5" t="s">
        <v>6</v>
      </c>
      <c r="J2623" s="5" t="s">
        <v>7318</v>
      </c>
      <c r="K2623" s="5" t="s">
        <v>6165</v>
      </c>
      <c r="L2623" s="6" t="s">
        <v>5</v>
      </c>
      <c r="M2623" s="2" t="s">
        <v>7320</v>
      </c>
      <c r="N2623" s="3">
        <v>44910</v>
      </c>
      <c r="O2623" s="3">
        <v>44910</v>
      </c>
      <c r="P2623" s="3">
        <v>47299</v>
      </c>
    </row>
    <row r="2624" spans="1:16" x14ac:dyDescent="0.15">
      <c r="A2624" s="2" t="s">
        <v>16</v>
      </c>
      <c r="B2624" s="2" t="s">
        <v>7345</v>
      </c>
      <c r="C2624" s="4" t="s">
        <v>6</v>
      </c>
      <c r="D2624" s="5" t="s">
        <v>500</v>
      </c>
      <c r="E2624" s="5" t="s">
        <v>3575</v>
      </c>
      <c r="F2624" s="6" t="s">
        <v>7346</v>
      </c>
      <c r="G2624" s="2" t="s">
        <v>7344</v>
      </c>
      <c r="H2624" s="4" t="s">
        <v>9</v>
      </c>
      <c r="I2624" s="5" t="s">
        <v>6</v>
      </c>
      <c r="J2624" s="5" t="s">
        <v>500</v>
      </c>
      <c r="K2624" s="5" t="s">
        <v>3575</v>
      </c>
      <c r="L2624" s="6" t="s">
        <v>5</v>
      </c>
      <c r="M2624" s="2" t="s">
        <v>7348</v>
      </c>
      <c r="N2624" s="3">
        <v>44918</v>
      </c>
      <c r="O2624" s="3">
        <v>44918</v>
      </c>
      <c r="P2624" s="3">
        <v>47269</v>
      </c>
    </row>
    <row r="2625" spans="1:16" x14ac:dyDescent="0.15">
      <c r="A2625" s="2" t="s">
        <v>49</v>
      </c>
      <c r="B2625" s="2" t="s">
        <v>9433</v>
      </c>
      <c r="C2625" s="4" t="s">
        <v>6</v>
      </c>
      <c r="D2625" s="5" t="s">
        <v>6009</v>
      </c>
      <c r="E2625" s="5" t="s">
        <v>9434</v>
      </c>
      <c r="F2625" s="6" t="s">
        <v>5</v>
      </c>
      <c r="G2625" s="2"/>
      <c r="H2625" s="4"/>
      <c r="I2625" s="5"/>
      <c r="J2625" s="5"/>
      <c r="K2625" s="5"/>
      <c r="L2625" s="6"/>
      <c r="M2625" s="2" t="s">
        <v>9435</v>
      </c>
      <c r="N2625" s="3">
        <v>42957</v>
      </c>
      <c r="O2625" s="3">
        <v>45200</v>
      </c>
      <c r="P2625" s="3">
        <v>47391</v>
      </c>
    </row>
    <row r="2626" spans="1:16" x14ac:dyDescent="0.15">
      <c r="A2626" s="2" t="s">
        <v>49</v>
      </c>
      <c r="B2626" s="2" t="s">
        <v>9436</v>
      </c>
      <c r="C2626" s="4" t="s">
        <v>6</v>
      </c>
      <c r="D2626" s="5" t="s">
        <v>6721</v>
      </c>
      <c r="E2626" s="5" t="s">
        <v>9437</v>
      </c>
      <c r="F2626" s="6" t="s">
        <v>5</v>
      </c>
      <c r="G2626" s="2"/>
      <c r="H2626" s="4"/>
      <c r="I2626" s="5"/>
      <c r="J2626" s="5"/>
      <c r="K2626" s="5"/>
      <c r="L2626" s="6"/>
      <c r="M2626" s="2" t="s">
        <v>9438</v>
      </c>
      <c r="N2626" s="3">
        <v>34592</v>
      </c>
      <c r="O2626" s="3">
        <v>45231</v>
      </c>
      <c r="P2626" s="3">
        <v>47057</v>
      </c>
    </row>
    <row r="2627" spans="1:16" x14ac:dyDescent="0.15">
      <c r="A2627" s="2" t="s">
        <v>49</v>
      </c>
      <c r="B2627" s="2" t="s">
        <v>9439</v>
      </c>
      <c r="C2627" s="4" t="s">
        <v>6</v>
      </c>
      <c r="D2627" s="5" t="s">
        <v>91</v>
      </c>
      <c r="E2627" s="5" t="s">
        <v>9440</v>
      </c>
      <c r="F2627" s="6" t="s">
        <v>9441</v>
      </c>
      <c r="G2627" s="2"/>
      <c r="H2627" s="4"/>
      <c r="I2627" s="5"/>
      <c r="J2627" s="5"/>
      <c r="K2627" s="5"/>
      <c r="L2627" s="6"/>
      <c r="M2627" s="2" t="s">
        <v>9442</v>
      </c>
      <c r="N2627" s="3">
        <v>45201</v>
      </c>
      <c r="O2627" s="3">
        <v>45201</v>
      </c>
      <c r="P2627" s="3">
        <v>47573</v>
      </c>
    </row>
    <row r="2628" spans="1:16" x14ac:dyDescent="0.15">
      <c r="A2628" s="2" t="s">
        <v>16</v>
      </c>
      <c r="B2628" s="2" t="s">
        <v>7447</v>
      </c>
      <c r="C2628" s="4" t="s">
        <v>6</v>
      </c>
      <c r="D2628" s="5" t="s">
        <v>627</v>
      </c>
      <c r="E2628" s="5" t="s">
        <v>7448</v>
      </c>
      <c r="F2628" s="6" t="s">
        <v>7449</v>
      </c>
      <c r="G2628" s="2" t="s">
        <v>7445</v>
      </c>
      <c r="H2628" s="4" t="s">
        <v>9</v>
      </c>
      <c r="I2628" s="5" t="s">
        <v>1280</v>
      </c>
      <c r="J2628" s="5" t="s">
        <v>7446</v>
      </c>
      <c r="K2628" s="5" t="s">
        <v>5</v>
      </c>
      <c r="L2628" s="6" t="s">
        <v>5</v>
      </c>
      <c r="M2628" s="2" t="s">
        <v>7451</v>
      </c>
      <c r="N2628" s="3">
        <v>44986</v>
      </c>
      <c r="O2628" s="3">
        <v>44986</v>
      </c>
      <c r="P2628" s="3">
        <v>47208</v>
      </c>
    </row>
    <row r="2629" spans="1:16" x14ac:dyDescent="0.15">
      <c r="A2629" s="2" t="s">
        <v>49</v>
      </c>
      <c r="B2629" s="2" t="s">
        <v>9446</v>
      </c>
      <c r="C2629" s="4" t="s">
        <v>6</v>
      </c>
      <c r="D2629" s="5" t="s">
        <v>111</v>
      </c>
      <c r="E2629" s="5" t="s">
        <v>9447</v>
      </c>
      <c r="F2629" s="6" t="s">
        <v>5</v>
      </c>
      <c r="G2629" s="2"/>
      <c r="H2629" s="4"/>
      <c r="I2629" s="5"/>
      <c r="J2629" s="5"/>
      <c r="K2629" s="5"/>
      <c r="L2629" s="6"/>
      <c r="M2629" s="2" t="s">
        <v>9448</v>
      </c>
      <c r="N2629" s="3">
        <v>32711</v>
      </c>
      <c r="O2629" s="3">
        <v>45231</v>
      </c>
      <c r="P2629" s="3">
        <v>47422</v>
      </c>
    </row>
    <row r="2630" spans="1:16" x14ac:dyDescent="0.15">
      <c r="A2630" s="2" t="s">
        <v>16</v>
      </c>
      <c r="B2630" s="2" t="s">
        <v>7504</v>
      </c>
      <c r="C2630" s="4" t="s">
        <v>6</v>
      </c>
      <c r="D2630" s="5" t="s">
        <v>1148</v>
      </c>
      <c r="E2630" s="5" t="s">
        <v>7505</v>
      </c>
      <c r="F2630" s="6" t="s">
        <v>5</v>
      </c>
      <c r="G2630" s="2" t="s">
        <v>7504</v>
      </c>
      <c r="H2630" s="4" t="s">
        <v>9</v>
      </c>
      <c r="I2630" s="5" t="s">
        <v>6</v>
      </c>
      <c r="J2630" s="5" t="s">
        <v>1148</v>
      </c>
      <c r="K2630" s="5" t="s">
        <v>7505</v>
      </c>
      <c r="L2630" s="6" t="s">
        <v>5</v>
      </c>
      <c r="M2630" s="2" t="s">
        <v>7506</v>
      </c>
      <c r="N2630" s="3">
        <v>30914</v>
      </c>
      <c r="O2630" s="3">
        <v>45017</v>
      </c>
      <c r="P2630" s="3">
        <v>47208</v>
      </c>
    </row>
    <row r="2631" spans="1:16" x14ac:dyDescent="0.15">
      <c r="A2631" s="2" t="s">
        <v>16</v>
      </c>
      <c r="B2631" s="2" t="s">
        <v>7528</v>
      </c>
      <c r="C2631" s="4" t="s">
        <v>6</v>
      </c>
      <c r="D2631" s="5" t="s">
        <v>123</v>
      </c>
      <c r="E2631" s="5" t="s">
        <v>124</v>
      </c>
      <c r="F2631" s="6" t="s">
        <v>7529</v>
      </c>
      <c r="G2631" s="2" t="s">
        <v>7022</v>
      </c>
      <c r="H2631" s="4" t="s">
        <v>9</v>
      </c>
      <c r="I2631" s="5" t="s">
        <v>663</v>
      </c>
      <c r="J2631" s="5" t="s">
        <v>7526</v>
      </c>
      <c r="K2631" s="5" t="s">
        <v>7527</v>
      </c>
      <c r="L2631" s="6" t="s">
        <v>5</v>
      </c>
      <c r="M2631" s="2" t="s">
        <v>7530</v>
      </c>
      <c r="N2631" s="3">
        <v>42620</v>
      </c>
      <c r="O2631" s="3">
        <v>45017</v>
      </c>
      <c r="P2631" s="3">
        <v>47208</v>
      </c>
    </row>
    <row r="2632" spans="1:16" x14ac:dyDescent="0.15">
      <c r="A2632" s="2" t="s">
        <v>49</v>
      </c>
      <c r="B2632" s="2" t="s">
        <v>9455</v>
      </c>
      <c r="C2632" s="4" t="s">
        <v>6</v>
      </c>
      <c r="D2632" s="5" t="s">
        <v>1937</v>
      </c>
      <c r="E2632" s="5" t="s">
        <v>9454</v>
      </c>
      <c r="F2632" s="6" t="s">
        <v>5</v>
      </c>
      <c r="G2632" s="2"/>
      <c r="H2632" s="4"/>
      <c r="I2632" s="5"/>
      <c r="J2632" s="5"/>
      <c r="K2632" s="5"/>
      <c r="L2632" s="6"/>
      <c r="M2632" s="2" t="s">
        <v>9456</v>
      </c>
      <c r="N2632" s="3">
        <v>39567</v>
      </c>
      <c r="O2632" s="3">
        <v>45231</v>
      </c>
      <c r="P2632" s="3">
        <v>47057</v>
      </c>
    </row>
    <row r="2633" spans="1:16" x14ac:dyDescent="0.15">
      <c r="A2633" s="2" t="s">
        <v>66</v>
      </c>
      <c r="B2633" s="2" t="s">
        <v>9455</v>
      </c>
      <c r="C2633" s="4" t="s">
        <v>6</v>
      </c>
      <c r="D2633" s="5" t="s">
        <v>1937</v>
      </c>
      <c r="E2633" s="5" t="s">
        <v>9454</v>
      </c>
      <c r="F2633" s="6" t="s">
        <v>5</v>
      </c>
      <c r="G2633" s="2"/>
      <c r="H2633" s="4"/>
      <c r="I2633" s="5"/>
      <c r="J2633" s="5"/>
      <c r="K2633" s="5"/>
      <c r="L2633" s="6"/>
      <c r="M2633" s="2" t="s">
        <v>9457</v>
      </c>
      <c r="N2633" s="3">
        <v>39567</v>
      </c>
      <c r="O2633" s="3">
        <v>45231</v>
      </c>
      <c r="P2633" s="3">
        <v>47057</v>
      </c>
    </row>
    <row r="2634" spans="1:16" x14ac:dyDescent="0.15">
      <c r="A2634" s="2" t="s">
        <v>49</v>
      </c>
      <c r="B2634" s="2" t="s">
        <v>9458</v>
      </c>
      <c r="C2634" s="4" t="s">
        <v>6</v>
      </c>
      <c r="D2634" s="5" t="s">
        <v>45</v>
      </c>
      <c r="E2634" s="5" t="s">
        <v>9459</v>
      </c>
      <c r="F2634" s="6" t="s">
        <v>9460</v>
      </c>
      <c r="G2634" s="2"/>
      <c r="H2634" s="4"/>
      <c r="I2634" s="5"/>
      <c r="J2634" s="5"/>
      <c r="K2634" s="5"/>
      <c r="L2634" s="6"/>
      <c r="M2634" s="2" t="s">
        <v>9461</v>
      </c>
      <c r="N2634" s="3">
        <v>45218</v>
      </c>
      <c r="O2634" s="3">
        <v>45218</v>
      </c>
      <c r="P2634" s="3">
        <v>47087</v>
      </c>
    </row>
    <row r="2635" spans="1:16" x14ac:dyDescent="0.15">
      <c r="A2635" s="2" t="s">
        <v>49</v>
      </c>
      <c r="B2635" s="2" t="s">
        <v>9462</v>
      </c>
      <c r="C2635" s="4" t="s">
        <v>6</v>
      </c>
      <c r="D2635" s="5" t="s">
        <v>1741</v>
      </c>
      <c r="E2635" s="5" t="s">
        <v>9463</v>
      </c>
      <c r="F2635" s="6" t="s">
        <v>9464</v>
      </c>
      <c r="G2635" s="2"/>
      <c r="H2635" s="4"/>
      <c r="I2635" s="5"/>
      <c r="J2635" s="5"/>
      <c r="K2635" s="5"/>
      <c r="L2635" s="6"/>
      <c r="M2635" s="2" t="s">
        <v>9465</v>
      </c>
      <c r="N2635" s="3">
        <v>41124</v>
      </c>
      <c r="O2635" s="3">
        <v>45200</v>
      </c>
      <c r="P2635" s="3">
        <v>47391</v>
      </c>
    </row>
    <row r="2636" spans="1:16" x14ac:dyDescent="0.15">
      <c r="A2636" s="2" t="s">
        <v>49</v>
      </c>
      <c r="B2636" s="2" t="s">
        <v>9466</v>
      </c>
      <c r="C2636" s="4" t="s">
        <v>6</v>
      </c>
      <c r="D2636" s="5" t="s">
        <v>45</v>
      </c>
      <c r="E2636" s="5" t="s">
        <v>9467</v>
      </c>
      <c r="F2636" s="6" t="s">
        <v>9468</v>
      </c>
      <c r="G2636" s="2"/>
      <c r="H2636" s="4"/>
      <c r="I2636" s="5"/>
      <c r="J2636" s="5"/>
      <c r="K2636" s="5"/>
      <c r="L2636" s="6"/>
      <c r="M2636" s="2" t="s">
        <v>9469</v>
      </c>
      <c r="N2636" s="3">
        <v>45200</v>
      </c>
      <c r="O2636" s="3">
        <v>45200</v>
      </c>
      <c r="P2636" s="3">
        <v>47452</v>
      </c>
    </row>
    <row r="2637" spans="1:16" x14ac:dyDescent="0.15">
      <c r="A2637" s="2" t="s">
        <v>49</v>
      </c>
      <c r="B2637" s="2" t="s">
        <v>9470</v>
      </c>
      <c r="C2637" s="4" t="s">
        <v>6</v>
      </c>
      <c r="D2637" s="5" t="s">
        <v>9471</v>
      </c>
      <c r="E2637" s="5" t="s">
        <v>9472</v>
      </c>
      <c r="F2637" s="6" t="s">
        <v>5</v>
      </c>
      <c r="G2637" s="2"/>
      <c r="H2637" s="4"/>
      <c r="I2637" s="5"/>
      <c r="J2637" s="5"/>
      <c r="K2637" s="5"/>
      <c r="L2637" s="6"/>
      <c r="M2637" s="2" t="s">
        <v>9473</v>
      </c>
      <c r="N2637" s="3">
        <v>37605</v>
      </c>
      <c r="O2637" s="3">
        <v>45231</v>
      </c>
      <c r="P2637" s="3">
        <v>47057</v>
      </c>
    </row>
    <row r="2638" spans="1:16" x14ac:dyDescent="0.15">
      <c r="A2638" s="2" t="s">
        <v>49</v>
      </c>
      <c r="B2638" s="2" t="s">
        <v>9474</v>
      </c>
      <c r="C2638" s="4" t="s">
        <v>6</v>
      </c>
      <c r="D2638" s="5" t="s">
        <v>1027</v>
      </c>
      <c r="E2638" s="5" t="s">
        <v>9475</v>
      </c>
      <c r="F2638" s="6" t="s">
        <v>9476</v>
      </c>
      <c r="G2638" s="2"/>
      <c r="H2638" s="4"/>
      <c r="I2638" s="5"/>
      <c r="J2638" s="5"/>
      <c r="K2638" s="5"/>
      <c r="L2638" s="6"/>
      <c r="M2638" s="2" t="s">
        <v>9477</v>
      </c>
      <c r="N2638" s="3">
        <v>45201</v>
      </c>
      <c r="O2638" s="3">
        <v>45201</v>
      </c>
      <c r="P2638" s="3">
        <v>47087</v>
      </c>
    </row>
    <row r="2639" spans="1:16" x14ac:dyDescent="0.15">
      <c r="A2639" s="2" t="s">
        <v>16</v>
      </c>
      <c r="B2639" s="2" t="s">
        <v>7531</v>
      </c>
      <c r="C2639" s="4" t="s">
        <v>6</v>
      </c>
      <c r="D2639" s="5" t="s">
        <v>7532</v>
      </c>
      <c r="E2639" s="5" t="s">
        <v>7533</v>
      </c>
      <c r="F2639" s="6" t="s">
        <v>5</v>
      </c>
      <c r="G2639" s="2" t="s">
        <v>7022</v>
      </c>
      <c r="H2639" s="4" t="s">
        <v>9</v>
      </c>
      <c r="I2639" s="5" t="s">
        <v>663</v>
      </c>
      <c r="J2639" s="5" t="s">
        <v>7526</v>
      </c>
      <c r="K2639" s="5" t="s">
        <v>7527</v>
      </c>
      <c r="L2639" s="6" t="s">
        <v>5</v>
      </c>
      <c r="M2639" s="2" t="s">
        <v>7534</v>
      </c>
      <c r="N2639" s="3">
        <v>41006</v>
      </c>
      <c r="O2639" s="3">
        <v>45413</v>
      </c>
      <c r="P2639" s="3">
        <v>47603</v>
      </c>
    </row>
    <row r="2640" spans="1:16" x14ac:dyDescent="0.15">
      <c r="A2640" s="2" t="s">
        <v>16</v>
      </c>
      <c r="B2640" s="2" t="s">
        <v>7545</v>
      </c>
      <c r="C2640" s="4" t="s">
        <v>6</v>
      </c>
      <c r="D2640" s="5" t="s">
        <v>7248</v>
      </c>
      <c r="E2640" s="5" t="s">
        <v>7546</v>
      </c>
      <c r="F2640" s="6" t="s">
        <v>5</v>
      </c>
      <c r="G2640" s="2" t="s">
        <v>7543</v>
      </c>
      <c r="H2640" s="4" t="s">
        <v>9</v>
      </c>
      <c r="I2640" s="5" t="s">
        <v>663</v>
      </c>
      <c r="J2640" s="5" t="s">
        <v>7544</v>
      </c>
      <c r="K2640" s="5" t="s">
        <v>3230</v>
      </c>
      <c r="L2640" s="6" t="s">
        <v>5</v>
      </c>
      <c r="M2640" s="2" t="s">
        <v>7547</v>
      </c>
      <c r="N2640" s="3">
        <v>36941</v>
      </c>
      <c r="O2640" s="3">
        <v>45017</v>
      </c>
      <c r="P2640" s="3">
        <v>47208</v>
      </c>
    </row>
    <row r="2641" spans="1:16" x14ac:dyDescent="0.15">
      <c r="A2641" s="2" t="s">
        <v>49</v>
      </c>
      <c r="B2641" s="2" t="s">
        <v>9484</v>
      </c>
      <c r="C2641" s="4" t="s">
        <v>6</v>
      </c>
      <c r="D2641" s="5" t="s">
        <v>911</v>
      </c>
      <c r="E2641" s="5" t="s">
        <v>9485</v>
      </c>
      <c r="F2641" s="6" t="s">
        <v>9486</v>
      </c>
      <c r="G2641" s="2"/>
      <c r="H2641" s="4"/>
      <c r="I2641" s="5"/>
      <c r="J2641" s="5"/>
      <c r="K2641" s="5"/>
      <c r="L2641" s="6"/>
      <c r="M2641" s="2" t="s">
        <v>9487</v>
      </c>
      <c r="N2641" s="3">
        <v>39489</v>
      </c>
      <c r="O2641" s="3">
        <v>45200</v>
      </c>
      <c r="P2641" s="3">
        <v>47026</v>
      </c>
    </row>
    <row r="2642" spans="1:16" x14ac:dyDescent="0.15">
      <c r="A2642" s="2" t="s">
        <v>49</v>
      </c>
      <c r="B2642" s="2" t="s">
        <v>9488</v>
      </c>
      <c r="C2642" s="4" t="s">
        <v>6</v>
      </c>
      <c r="D2642" s="5" t="s">
        <v>2685</v>
      </c>
      <c r="E2642" s="5" t="s">
        <v>9489</v>
      </c>
      <c r="F2642" s="6" t="s">
        <v>5</v>
      </c>
      <c r="G2642" s="2"/>
      <c r="H2642" s="4"/>
      <c r="I2642" s="5"/>
      <c r="J2642" s="5"/>
      <c r="K2642" s="5"/>
      <c r="L2642" s="6"/>
      <c r="M2642" s="2" t="s">
        <v>9490</v>
      </c>
      <c r="N2642" s="3">
        <v>45194</v>
      </c>
      <c r="O2642" s="3">
        <v>45194</v>
      </c>
      <c r="P2642" s="3">
        <v>47026</v>
      </c>
    </row>
    <row r="2643" spans="1:16" x14ac:dyDescent="0.15">
      <c r="A2643" s="2" t="s">
        <v>16</v>
      </c>
      <c r="B2643" s="2" t="s">
        <v>7556</v>
      </c>
      <c r="C2643" s="4" t="s">
        <v>6</v>
      </c>
      <c r="D2643" s="5" t="s">
        <v>1758</v>
      </c>
      <c r="E2643" s="5" t="s">
        <v>7557</v>
      </c>
      <c r="F2643" s="6" t="s">
        <v>5</v>
      </c>
      <c r="G2643" s="2" t="s">
        <v>7556</v>
      </c>
      <c r="H2643" s="4" t="s">
        <v>9</v>
      </c>
      <c r="I2643" s="5" t="s">
        <v>6</v>
      </c>
      <c r="J2643" s="5" t="s">
        <v>1758</v>
      </c>
      <c r="K2643" s="5" t="s">
        <v>7557</v>
      </c>
      <c r="L2643" s="6" t="s">
        <v>5</v>
      </c>
      <c r="M2643" s="2" t="s">
        <v>7558</v>
      </c>
      <c r="N2643" s="3">
        <v>44986</v>
      </c>
      <c r="O2643" s="3">
        <v>44986</v>
      </c>
      <c r="P2643" s="3">
        <v>47391</v>
      </c>
    </row>
    <row r="2644" spans="1:16" x14ac:dyDescent="0.15">
      <c r="A2644" s="2" t="s">
        <v>16</v>
      </c>
      <c r="B2644" s="2" t="s">
        <v>7648</v>
      </c>
      <c r="C2644" s="4" t="s">
        <v>6</v>
      </c>
      <c r="D2644" s="5" t="s">
        <v>613</v>
      </c>
      <c r="E2644" s="5" t="s">
        <v>6241</v>
      </c>
      <c r="F2644" s="6" t="s">
        <v>5</v>
      </c>
      <c r="G2644" s="2" t="s">
        <v>7648</v>
      </c>
      <c r="H2644" s="4" t="s">
        <v>9</v>
      </c>
      <c r="I2644" s="5" t="s">
        <v>6</v>
      </c>
      <c r="J2644" s="5" t="s">
        <v>613</v>
      </c>
      <c r="K2644" s="5" t="s">
        <v>6241</v>
      </c>
      <c r="L2644" s="6" t="s">
        <v>5</v>
      </c>
      <c r="M2644" s="2" t="s">
        <v>7649</v>
      </c>
      <c r="N2644" s="3">
        <v>45019</v>
      </c>
      <c r="O2644" s="3">
        <v>45019</v>
      </c>
      <c r="P2644" s="3">
        <v>47238</v>
      </c>
    </row>
    <row r="2645" spans="1:16" x14ac:dyDescent="0.15">
      <c r="A2645" s="2" t="s">
        <v>16</v>
      </c>
      <c r="B2645" s="2" t="s">
        <v>7652</v>
      </c>
      <c r="C2645" s="4" t="s">
        <v>6</v>
      </c>
      <c r="D2645" s="5" t="s">
        <v>627</v>
      </c>
      <c r="E2645" s="5" t="s">
        <v>7651</v>
      </c>
      <c r="F2645" s="6" t="s">
        <v>5</v>
      </c>
      <c r="G2645" s="2" t="s">
        <v>7650</v>
      </c>
      <c r="H2645" s="4" t="s">
        <v>9</v>
      </c>
      <c r="I2645" s="5" t="s">
        <v>6</v>
      </c>
      <c r="J2645" s="5" t="s">
        <v>627</v>
      </c>
      <c r="K2645" s="5" t="s">
        <v>7651</v>
      </c>
      <c r="L2645" s="6" t="s">
        <v>5</v>
      </c>
      <c r="M2645" s="2" t="s">
        <v>7653</v>
      </c>
      <c r="N2645" s="3">
        <v>32387</v>
      </c>
      <c r="O2645" s="3">
        <v>45017</v>
      </c>
      <c r="P2645" s="3">
        <v>47208</v>
      </c>
    </row>
    <row r="2646" spans="1:16" x14ac:dyDescent="0.15">
      <c r="A2646" s="2" t="s">
        <v>16</v>
      </c>
      <c r="B2646" s="2" t="s">
        <v>7661</v>
      </c>
      <c r="C2646" s="4" t="s">
        <v>6</v>
      </c>
      <c r="D2646" s="5" t="s">
        <v>91</v>
      </c>
      <c r="E2646" s="5" t="s">
        <v>7662</v>
      </c>
      <c r="F2646" s="6" t="s">
        <v>5</v>
      </c>
      <c r="G2646" s="2" t="s">
        <v>7659</v>
      </c>
      <c r="H2646" s="4" t="s">
        <v>9</v>
      </c>
      <c r="I2646" s="5" t="s">
        <v>6</v>
      </c>
      <c r="J2646" s="5" t="s">
        <v>1839</v>
      </c>
      <c r="K2646" s="5" t="s">
        <v>7660</v>
      </c>
      <c r="L2646" s="6" t="s">
        <v>5</v>
      </c>
      <c r="M2646" s="2" t="s">
        <v>7663</v>
      </c>
      <c r="N2646" s="3">
        <v>45008</v>
      </c>
      <c r="O2646" s="3">
        <v>45008</v>
      </c>
      <c r="P2646" s="3">
        <v>47208</v>
      </c>
    </row>
    <row r="2647" spans="1:16" x14ac:dyDescent="0.15">
      <c r="A2647" s="2" t="s">
        <v>16</v>
      </c>
      <c r="B2647" s="2" t="s">
        <v>7728</v>
      </c>
      <c r="C2647" s="4" t="s">
        <v>6</v>
      </c>
      <c r="D2647" s="5" t="s">
        <v>1790</v>
      </c>
      <c r="E2647" s="5" t="s">
        <v>7727</v>
      </c>
      <c r="F2647" s="6" t="s">
        <v>5</v>
      </c>
      <c r="G2647" s="2" t="s">
        <v>7726</v>
      </c>
      <c r="H2647" s="4" t="s">
        <v>9</v>
      </c>
      <c r="I2647" s="5" t="s">
        <v>6</v>
      </c>
      <c r="J2647" s="5" t="s">
        <v>1790</v>
      </c>
      <c r="K2647" s="5" t="s">
        <v>7727</v>
      </c>
      <c r="L2647" s="6" t="s">
        <v>5</v>
      </c>
      <c r="M2647" s="2" t="s">
        <v>7730</v>
      </c>
      <c r="N2647" s="3">
        <v>34451</v>
      </c>
      <c r="O2647" s="3">
        <v>45047</v>
      </c>
      <c r="P2647" s="3">
        <v>46873</v>
      </c>
    </row>
    <row r="2648" spans="1:16" x14ac:dyDescent="0.15">
      <c r="A2648" s="2" t="s">
        <v>16</v>
      </c>
      <c r="B2648" s="2" t="s">
        <v>7867</v>
      </c>
      <c r="C2648" s="4" t="s">
        <v>6</v>
      </c>
      <c r="D2648" s="5" t="s">
        <v>2356</v>
      </c>
      <c r="E2648" s="5" t="s">
        <v>7866</v>
      </c>
      <c r="F2648" s="6" t="s">
        <v>5</v>
      </c>
      <c r="G2648" s="2" t="s">
        <v>7865</v>
      </c>
      <c r="H2648" s="4" t="s">
        <v>9</v>
      </c>
      <c r="I2648" s="5" t="s">
        <v>6</v>
      </c>
      <c r="J2648" s="5" t="s">
        <v>2356</v>
      </c>
      <c r="K2648" s="5" t="s">
        <v>7866</v>
      </c>
      <c r="L2648" s="6" t="s">
        <v>5</v>
      </c>
      <c r="M2648" s="2" t="s">
        <v>7869</v>
      </c>
      <c r="N2648" s="3">
        <v>38105</v>
      </c>
      <c r="O2648" s="3">
        <v>45017</v>
      </c>
      <c r="P2648" s="3">
        <v>47208</v>
      </c>
    </row>
    <row r="2649" spans="1:16" x14ac:dyDescent="0.15">
      <c r="A2649" s="2" t="s">
        <v>16</v>
      </c>
      <c r="B2649" s="2" t="s">
        <v>7906</v>
      </c>
      <c r="C2649" s="4" t="s">
        <v>6</v>
      </c>
      <c r="D2649" s="5" t="s">
        <v>7904</v>
      </c>
      <c r="E2649" s="5" t="s">
        <v>7907</v>
      </c>
      <c r="F2649" s="6" t="s">
        <v>5</v>
      </c>
      <c r="G2649" s="2" t="s">
        <v>7903</v>
      </c>
      <c r="H2649" s="4" t="s">
        <v>9</v>
      </c>
      <c r="I2649" s="5" t="s">
        <v>6</v>
      </c>
      <c r="J2649" s="5" t="s">
        <v>7904</v>
      </c>
      <c r="K2649" s="5" t="s">
        <v>7905</v>
      </c>
      <c r="L2649" s="6" t="s">
        <v>5</v>
      </c>
      <c r="M2649" s="2" t="s">
        <v>7910</v>
      </c>
      <c r="N2649" s="3">
        <v>44089</v>
      </c>
      <c r="O2649" s="3">
        <v>44089</v>
      </c>
      <c r="P2649" s="3">
        <v>46477</v>
      </c>
    </row>
    <row r="2650" spans="1:16" x14ac:dyDescent="0.15">
      <c r="A2650" s="2" t="s">
        <v>49</v>
      </c>
      <c r="B2650" s="2" t="s">
        <v>9524</v>
      </c>
      <c r="C2650" s="4" t="s">
        <v>6</v>
      </c>
      <c r="D2650" s="5" t="s">
        <v>1999</v>
      </c>
      <c r="E2650" s="5" t="s">
        <v>4948</v>
      </c>
      <c r="F2650" s="6" t="s">
        <v>5</v>
      </c>
      <c r="G2650" s="2"/>
      <c r="H2650" s="4"/>
      <c r="I2650" s="5"/>
      <c r="J2650" s="5"/>
      <c r="K2650" s="5"/>
      <c r="L2650" s="6"/>
      <c r="M2650" s="2" t="s">
        <v>9525</v>
      </c>
      <c r="N2650" s="3">
        <v>42748</v>
      </c>
      <c r="O2650" s="3">
        <v>45200</v>
      </c>
      <c r="P2650" s="3">
        <v>47391</v>
      </c>
    </row>
    <row r="2651" spans="1:16" x14ac:dyDescent="0.15">
      <c r="A2651" s="2" t="s">
        <v>49</v>
      </c>
      <c r="B2651" s="2" t="s">
        <v>9526</v>
      </c>
      <c r="C2651" s="4" t="s">
        <v>6</v>
      </c>
      <c r="D2651" s="5" t="s">
        <v>5897</v>
      </c>
      <c r="E2651" s="5" t="s">
        <v>772</v>
      </c>
      <c r="F2651" s="6" t="s">
        <v>5</v>
      </c>
      <c r="G2651" s="2"/>
      <c r="H2651" s="4"/>
      <c r="I2651" s="5"/>
      <c r="J2651" s="5"/>
      <c r="K2651" s="5"/>
      <c r="L2651" s="6"/>
      <c r="M2651" s="2" t="s">
        <v>9527</v>
      </c>
      <c r="N2651" s="3">
        <v>31629</v>
      </c>
      <c r="O2651" s="3">
        <v>45231</v>
      </c>
      <c r="P2651" s="3">
        <v>47057</v>
      </c>
    </row>
    <row r="2652" spans="1:16" x14ac:dyDescent="0.15">
      <c r="A2652" s="2" t="s">
        <v>49</v>
      </c>
      <c r="B2652" s="2" t="s">
        <v>9528</v>
      </c>
      <c r="C2652" s="4" t="s">
        <v>6</v>
      </c>
      <c r="D2652" s="5" t="s">
        <v>1394</v>
      </c>
      <c r="E2652" s="5" t="s">
        <v>9529</v>
      </c>
      <c r="F2652" s="6" t="s">
        <v>9530</v>
      </c>
      <c r="G2652" s="2"/>
      <c r="H2652" s="4"/>
      <c r="I2652" s="5"/>
      <c r="J2652" s="5"/>
      <c r="K2652" s="5"/>
      <c r="L2652" s="6"/>
      <c r="M2652" s="2" t="s">
        <v>9531</v>
      </c>
      <c r="N2652" s="3">
        <v>41543</v>
      </c>
      <c r="O2652" s="3">
        <v>45200</v>
      </c>
      <c r="P2652" s="3">
        <v>47026</v>
      </c>
    </row>
    <row r="2653" spans="1:16" x14ac:dyDescent="0.15">
      <c r="A2653" s="2" t="s">
        <v>6987</v>
      </c>
      <c r="B2653" s="2" t="s">
        <v>9532</v>
      </c>
      <c r="C2653" s="4" t="s">
        <v>6</v>
      </c>
      <c r="D2653" s="5" t="s">
        <v>9533</v>
      </c>
      <c r="E2653" s="5" t="s">
        <v>8503</v>
      </c>
      <c r="F2653" s="6" t="s">
        <v>5</v>
      </c>
      <c r="G2653" s="2"/>
      <c r="H2653" s="4"/>
      <c r="I2653" s="5"/>
      <c r="J2653" s="5"/>
      <c r="K2653" s="5"/>
      <c r="L2653" s="6"/>
      <c r="M2653" s="2" t="s">
        <v>9534</v>
      </c>
      <c r="N2653" s="3">
        <v>42693</v>
      </c>
      <c r="O2653" s="3">
        <v>45200</v>
      </c>
      <c r="P2653" s="3">
        <v>47391</v>
      </c>
    </row>
    <row r="2654" spans="1:16" x14ac:dyDescent="0.15">
      <c r="A2654" s="2" t="s">
        <v>16</v>
      </c>
      <c r="B2654" s="2" t="s">
        <v>7045</v>
      </c>
      <c r="C2654" s="4" t="s">
        <v>6</v>
      </c>
      <c r="D2654" s="5" t="s">
        <v>7904</v>
      </c>
      <c r="E2654" s="5" t="s">
        <v>4379</v>
      </c>
      <c r="F2654" s="6" t="s">
        <v>5</v>
      </c>
      <c r="G2654" s="2" t="s">
        <v>7045</v>
      </c>
      <c r="H2654" s="4" t="s">
        <v>9</v>
      </c>
      <c r="I2654" s="5" t="s">
        <v>6</v>
      </c>
      <c r="J2654" s="5" t="s">
        <v>7904</v>
      </c>
      <c r="K2654" s="5" t="s">
        <v>4379</v>
      </c>
      <c r="L2654" s="6" t="s">
        <v>5</v>
      </c>
      <c r="M2654" s="2" t="s">
        <v>7918</v>
      </c>
      <c r="N2654" s="3">
        <v>42592</v>
      </c>
      <c r="O2654" s="3">
        <v>45017</v>
      </c>
      <c r="P2654" s="3">
        <v>47208</v>
      </c>
    </row>
    <row r="2655" spans="1:16" x14ac:dyDescent="0.15">
      <c r="A2655" s="2" t="s">
        <v>49</v>
      </c>
      <c r="B2655" s="2" t="s">
        <v>9537</v>
      </c>
      <c r="C2655" s="4" t="s">
        <v>6</v>
      </c>
      <c r="D2655" s="5" t="s">
        <v>378</v>
      </c>
      <c r="E2655" s="5" t="s">
        <v>9538</v>
      </c>
      <c r="F2655" s="6" t="s">
        <v>9539</v>
      </c>
      <c r="G2655" s="2"/>
      <c r="H2655" s="4"/>
      <c r="I2655" s="5"/>
      <c r="J2655" s="5"/>
      <c r="K2655" s="5"/>
      <c r="L2655" s="6"/>
      <c r="M2655" s="2" t="s">
        <v>9540</v>
      </c>
      <c r="N2655" s="3">
        <v>40722</v>
      </c>
      <c r="O2655" s="3">
        <v>45200</v>
      </c>
      <c r="P2655" s="3">
        <v>47391</v>
      </c>
    </row>
    <row r="2656" spans="1:16" x14ac:dyDescent="0.15">
      <c r="A2656" s="2" t="s">
        <v>49</v>
      </c>
      <c r="B2656" s="2" t="s">
        <v>9541</v>
      </c>
      <c r="C2656" s="4" t="s">
        <v>6</v>
      </c>
      <c r="D2656" s="5" t="s">
        <v>140</v>
      </c>
      <c r="E2656" s="5" t="s">
        <v>9542</v>
      </c>
      <c r="F2656" s="6" t="s">
        <v>5</v>
      </c>
      <c r="G2656" s="2"/>
      <c r="H2656" s="4"/>
      <c r="I2656" s="5"/>
      <c r="J2656" s="5"/>
      <c r="K2656" s="5"/>
      <c r="L2656" s="6"/>
      <c r="M2656" s="2" t="s">
        <v>9543</v>
      </c>
      <c r="N2656" s="3">
        <v>36431</v>
      </c>
      <c r="O2656" s="3">
        <v>45200</v>
      </c>
      <c r="P2656" s="3">
        <v>47391</v>
      </c>
    </row>
    <row r="2657" spans="1:16" x14ac:dyDescent="0.15">
      <c r="A2657" s="2" t="s">
        <v>49</v>
      </c>
      <c r="B2657" s="2" t="s">
        <v>9544</v>
      </c>
      <c r="C2657" s="4" t="s">
        <v>6</v>
      </c>
      <c r="D2657" s="5" t="s">
        <v>1999</v>
      </c>
      <c r="E2657" s="5" t="s">
        <v>9545</v>
      </c>
      <c r="F2657" s="6" t="s">
        <v>9546</v>
      </c>
      <c r="G2657" s="2"/>
      <c r="H2657" s="4"/>
      <c r="I2657" s="5"/>
      <c r="J2657" s="5"/>
      <c r="K2657" s="5"/>
      <c r="L2657" s="6"/>
      <c r="M2657" s="2" t="s">
        <v>9547</v>
      </c>
      <c r="N2657" s="3">
        <v>33451</v>
      </c>
      <c r="O2657" s="3">
        <v>45200</v>
      </c>
      <c r="P2657" s="3">
        <v>47391</v>
      </c>
    </row>
    <row r="2658" spans="1:16" x14ac:dyDescent="0.15">
      <c r="A2658" s="2" t="s">
        <v>49</v>
      </c>
      <c r="B2658" s="2" t="s">
        <v>9548</v>
      </c>
      <c r="C2658" s="4" t="s">
        <v>6</v>
      </c>
      <c r="D2658" s="5" t="s">
        <v>1027</v>
      </c>
      <c r="E2658" s="5" t="s">
        <v>3782</v>
      </c>
      <c r="F2658" s="6" t="s">
        <v>9549</v>
      </c>
      <c r="G2658" s="2"/>
      <c r="H2658" s="4"/>
      <c r="I2658" s="5"/>
      <c r="J2658" s="5"/>
      <c r="K2658" s="5"/>
      <c r="L2658" s="6"/>
      <c r="M2658" s="2" t="s">
        <v>9550</v>
      </c>
      <c r="N2658" s="3">
        <v>42956</v>
      </c>
      <c r="O2658" s="3">
        <v>45261</v>
      </c>
      <c r="P2658" s="3">
        <v>47452</v>
      </c>
    </row>
    <row r="2659" spans="1:16" x14ac:dyDescent="0.15">
      <c r="A2659" s="2" t="s">
        <v>16</v>
      </c>
      <c r="B2659" s="2" t="s">
        <v>9552</v>
      </c>
      <c r="C2659" s="4" t="s">
        <v>6</v>
      </c>
      <c r="D2659" s="5" t="s">
        <v>1440</v>
      </c>
      <c r="E2659" s="5" t="s">
        <v>9551</v>
      </c>
      <c r="F2659" s="6" t="s">
        <v>5</v>
      </c>
      <c r="G2659" s="2"/>
      <c r="H2659" s="4"/>
      <c r="I2659" s="5"/>
      <c r="J2659" s="5"/>
      <c r="K2659" s="5"/>
      <c r="L2659" s="6"/>
      <c r="M2659" s="2" t="s">
        <v>9553</v>
      </c>
      <c r="N2659" s="3">
        <v>27271</v>
      </c>
      <c r="O2659" s="3">
        <v>45231</v>
      </c>
      <c r="P2659" s="3">
        <v>47057</v>
      </c>
    </row>
    <row r="2660" spans="1:16" x14ac:dyDescent="0.15">
      <c r="A2660" s="2" t="s">
        <v>16</v>
      </c>
      <c r="B2660" s="2" t="s">
        <v>7927</v>
      </c>
      <c r="C2660" s="4" t="s">
        <v>6</v>
      </c>
      <c r="D2660" s="5" t="s">
        <v>7904</v>
      </c>
      <c r="E2660" s="5" t="s">
        <v>4379</v>
      </c>
      <c r="F2660" s="6" t="s">
        <v>5</v>
      </c>
      <c r="G2660" s="2" t="s">
        <v>7926</v>
      </c>
      <c r="H2660" s="4" t="s">
        <v>9</v>
      </c>
      <c r="I2660" s="5" t="s">
        <v>6</v>
      </c>
      <c r="J2660" s="5" t="s">
        <v>1248</v>
      </c>
      <c r="K2660" s="5" t="s">
        <v>3729</v>
      </c>
      <c r="L2660" s="6" t="s">
        <v>5</v>
      </c>
      <c r="M2660" s="2" t="s">
        <v>7928</v>
      </c>
      <c r="N2660" s="3">
        <v>42592</v>
      </c>
      <c r="O2660" s="3">
        <v>45017</v>
      </c>
      <c r="P2660" s="3">
        <v>47208</v>
      </c>
    </row>
    <row r="2661" spans="1:16" x14ac:dyDescent="0.15">
      <c r="A2661" s="2" t="s">
        <v>49</v>
      </c>
      <c r="B2661" s="2" t="s">
        <v>9558</v>
      </c>
      <c r="C2661" s="4" t="s">
        <v>6</v>
      </c>
      <c r="D2661" s="5" t="s">
        <v>134</v>
      </c>
      <c r="E2661" s="5" t="s">
        <v>9559</v>
      </c>
      <c r="F2661" s="6" t="s">
        <v>5</v>
      </c>
      <c r="G2661" s="2"/>
      <c r="H2661" s="4"/>
      <c r="I2661" s="5"/>
      <c r="J2661" s="5"/>
      <c r="K2661" s="5"/>
      <c r="L2661" s="6"/>
      <c r="M2661" s="2" t="s">
        <v>9560</v>
      </c>
      <c r="N2661" s="3">
        <v>43032</v>
      </c>
      <c r="O2661" s="3">
        <v>45231</v>
      </c>
      <c r="P2661" s="3">
        <v>47422</v>
      </c>
    </row>
    <row r="2662" spans="1:16" x14ac:dyDescent="0.15">
      <c r="A2662" s="2" t="s">
        <v>49</v>
      </c>
      <c r="B2662" s="2" t="s">
        <v>9561</v>
      </c>
      <c r="C2662" s="4" t="s">
        <v>6</v>
      </c>
      <c r="D2662" s="5" t="s">
        <v>2132</v>
      </c>
      <c r="E2662" s="5" t="s">
        <v>9562</v>
      </c>
      <c r="F2662" s="6" t="s">
        <v>5</v>
      </c>
      <c r="G2662" s="2"/>
      <c r="H2662" s="4"/>
      <c r="I2662" s="5"/>
      <c r="J2662" s="5"/>
      <c r="K2662" s="5"/>
      <c r="L2662" s="6"/>
      <c r="M2662" s="2" t="s">
        <v>9563</v>
      </c>
      <c r="N2662" s="3">
        <v>39668</v>
      </c>
      <c r="O2662" s="3">
        <v>45231</v>
      </c>
      <c r="P2662" s="3">
        <v>47057</v>
      </c>
    </row>
    <row r="2663" spans="1:16" x14ac:dyDescent="0.15">
      <c r="A2663" s="2" t="s">
        <v>16</v>
      </c>
      <c r="B2663" s="2" t="s">
        <v>7944</v>
      </c>
      <c r="C2663" s="4" t="s">
        <v>6</v>
      </c>
      <c r="D2663" s="5" t="s">
        <v>45</v>
      </c>
      <c r="E2663" s="5" t="s">
        <v>7945</v>
      </c>
      <c r="F2663" s="6" t="s">
        <v>7946</v>
      </c>
      <c r="G2663" s="2" t="s">
        <v>7938</v>
      </c>
      <c r="H2663" s="4" t="s">
        <v>9</v>
      </c>
      <c r="I2663" s="5" t="s">
        <v>6</v>
      </c>
      <c r="J2663" s="5" t="s">
        <v>7939</v>
      </c>
      <c r="K2663" s="5" t="s">
        <v>7940</v>
      </c>
      <c r="L2663" s="6" t="s">
        <v>5</v>
      </c>
      <c r="M2663" s="2" t="s">
        <v>7947</v>
      </c>
      <c r="N2663" s="3">
        <v>45125</v>
      </c>
      <c r="O2663" s="3">
        <v>45125</v>
      </c>
      <c r="P2663" s="3">
        <v>47452</v>
      </c>
    </row>
    <row r="2664" spans="1:16" x14ac:dyDescent="0.15">
      <c r="A2664" s="2" t="s">
        <v>49</v>
      </c>
      <c r="B2664" s="2" t="s">
        <v>9570</v>
      </c>
      <c r="C2664" s="4" t="s">
        <v>6</v>
      </c>
      <c r="D2664" s="5" t="s">
        <v>1027</v>
      </c>
      <c r="E2664" s="5" t="s">
        <v>2830</v>
      </c>
      <c r="F2664" s="6" t="s">
        <v>2831</v>
      </c>
      <c r="G2664" s="2"/>
      <c r="H2664" s="4"/>
      <c r="I2664" s="5"/>
      <c r="J2664" s="5"/>
      <c r="K2664" s="5"/>
      <c r="L2664" s="6"/>
      <c r="M2664" s="2" t="s">
        <v>9571</v>
      </c>
      <c r="N2664" s="3">
        <v>37895</v>
      </c>
      <c r="O2664" s="3">
        <v>45261</v>
      </c>
      <c r="P2664" s="3">
        <v>47087</v>
      </c>
    </row>
    <row r="2665" spans="1:16" x14ac:dyDescent="0.15">
      <c r="A2665" s="2" t="s">
        <v>49</v>
      </c>
      <c r="B2665" s="2" t="s">
        <v>9572</v>
      </c>
      <c r="C2665" s="4" t="s">
        <v>6</v>
      </c>
      <c r="D2665" s="5" t="s">
        <v>45</v>
      </c>
      <c r="E2665" s="5" t="s">
        <v>9573</v>
      </c>
      <c r="F2665" s="6" t="s">
        <v>9574</v>
      </c>
      <c r="G2665" s="2"/>
      <c r="H2665" s="4"/>
      <c r="I2665" s="5"/>
      <c r="J2665" s="5"/>
      <c r="K2665" s="5"/>
      <c r="L2665" s="6"/>
      <c r="M2665" s="2" t="s">
        <v>9575</v>
      </c>
      <c r="N2665" s="3">
        <v>43145</v>
      </c>
      <c r="O2665" s="3">
        <v>45261</v>
      </c>
      <c r="P2665" s="3">
        <v>47087</v>
      </c>
    </row>
    <row r="2666" spans="1:16" x14ac:dyDescent="0.15">
      <c r="A2666" s="2" t="s">
        <v>16</v>
      </c>
      <c r="B2666" s="2" t="s">
        <v>7961</v>
      </c>
      <c r="C2666" s="4" t="s">
        <v>6</v>
      </c>
      <c r="D2666" s="5" t="s">
        <v>7904</v>
      </c>
      <c r="E2666" s="5" t="s">
        <v>4379</v>
      </c>
      <c r="F2666" s="6" t="s">
        <v>5</v>
      </c>
      <c r="G2666" s="2" t="s">
        <v>7961</v>
      </c>
      <c r="H2666" s="4" t="s">
        <v>9</v>
      </c>
      <c r="I2666" s="5" t="s">
        <v>6</v>
      </c>
      <c r="J2666" s="5" t="s">
        <v>1248</v>
      </c>
      <c r="K2666" s="5" t="s">
        <v>3729</v>
      </c>
      <c r="L2666" s="6" t="s">
        <v>5</v>
      </c>
      <c r="M2666" s="2" t="s">
        <v>7963</v>
      </c>
      <c r="N2666" s="3">
        <v>42592</v>
      </c>
      <c r="O2666" s="3">
        <v>45017</v>
      </c>
      <c r="P2666" s="3">
        <v>47208</v>
      </c>
    </row>
    <row r="2667" spans="1:16" x14ac:dyDescent="0.15">
      <c r="A2667" s="2" t="s">
        <v>16</v>
      </c>
      <c r="B2667" s="2" t="s">
        <v>8003</v>
      </c>
      <c r="C2667" s="4" t="s">
        <v>6</v>
      </c>
      <c r="D2667" s="5" t="s">
        <v>834</v>
      </c>
      <c r="E2667" s="5" t="s">
        <v>8002</v>
      </c>
      <c r="F2667" s="6" t="s">
        <v>5</v>
      </c>
      <c r="G2667" s="2" t="s">
        <v>8001</v>
      </c>
      <c r="H2667" s="4" t="s">
        <v>9</v>
      </c>
      <c r="I2667" s="5" t="s">
        <v>6</v>
      </c>
      <c r="J2667" s="5" t="s">
        <v>834</v>
      </c>
      <c r="K2667" s="5" t="s">
        <v>8002</v>
      </c>
      <c r="L2667" s="6" t="s">
        <v>5</v>
      </c>
      <c r="M2667" s="2" t="s">
        <v>8005</v>
      </c>
      <c r="N2667" s="3">
        <v>43718</v>
      </c>
      <c r="O2667" s="3">
        <v>45017</v>
      </c>
      <c r="P2667" s="3">
        <v>47208</v>
      </c>
    </row>
    <row r="2668" spans="1:16" x14ac:dyDescent="0.15">
      <c r="A2668" s="2" t="s">
        <v>16</v>
      </c>
      <c r="B2668" s="2" t="s">
        <v>8087</v>
      </c>
      <c r="C2668" s="4" t="s">
        <v>6</v>
      </c>
      <c r="D2668" s="5" t="s">
        <v>838</v>
      </c>
      <c r="E2668" s="5" t="s">
        <v>8088</v>
      </c>
      <c r="F2668" s="6" t="s">
        <v>5</v>
      </c>
      <c r="G2668" s="2" t="s">
        <v>8087</v>
      </c>
      <c r="H2668" s="4" t="s">
        <v>9</v>
      </c>
      <c r="I2668" s="5" t="s">
        <v>6</v>
      </c>
      <c r="J2668" s="5" t="s">
        <v>838</v>
      </c>
      <c r="K2668" s="5" t="s">
        <v>8088</v>
      </c>
      <c r="L2668" s="6" t="s">
        <v>5</v>
      </c>
      <c r="M2668" s="2" t="s">
        <v>8089</v>
      </c>
      <c r="N2668" s="3">
        <v>30962</v>
      </c>
      <c r="O2668" s="3">
        <v>45047</v>
      </c>
      <c r="P2668" s="3">
        <v>47238</v>
      </c>
    </row>
    <row r="2669" spans="1:16" x14ac:dyDescent="0.15">
      <c r="A2669" s="2" t="s">
        <v>49</v>
      </c>
      <c r="B2669" s="2" t="s">
        <v>9588</v>
      </c>
      <c r="C2669" s="4" t="s">
        <v>6</v>
      </c>
      <c r="D2669" s="5" t="s">
        <v>8754</v>
      </c>
      <c r="E2669" s="5" t="s">
        <v>9589</v>
      </c>
      <c r="F2669" s="6" t="s">
        <v>9590</v>
      </c>
      <c r="G2669" s="2"/>
      <c r="H2669" s="4"/>
      <c r="I2669" s="5"/>
      <c r="J2669" s="5"/>
      <c r="K2669" s="5"/>
      <c r="L2669" s="6"/>
      <c r="M2669" s="2" t="s">
        <v>9591</v>
      </c>
      <c r="N2669" s="3">
        <v>42864</v>
      </c>
      <c r="O2669" s="3">
        <v>45200</v>
      </c>
      <c r="P2669" s="3">
        <v>47391</v>
      </c>
    </row>
    <row r="2670" spans="1:16" x14ac:dyDescent="0.15">
      <c r="A2670" s="2" t="s">
        <v>49</v>
      </c>
      <c r="B2670" s="2" t="s">
        <v>9592</v>
      </c>
      <c r="C2670" s="4" t="s">
        <v>6</v>
      </c>
      <c r="D2670" s="5" t="s">
        <v>1027</v>
      </c>
      <c r="E2670" s="5" t="s">
        <v>1322</v>
      </c>
      <c r="F2670" s="6" t="s">
        <v>9593</v>
      </c>
      <c r="G2670" s="2"/>
      <c r="H2670" s="4"/>
      <c r="I2670" s="5"/>
      <c r="J2670" s="5"/>
      <c r="K2670" s="5"/>
      <c r="L2670" s="6"/>
      <c r="M2670" s="2" t="s">
        <v>9594</v>
      </c>
      <c r="N2670" s="3">
        <v>39617</v>
      </c>
      <c r="O2670" s="3">
        <v>45261</v>
      </c>
      <c r="P2670" s="3">
        <v>47087</v>
      </c>
    </row>
    <row r="2671" spans="1:16" x14ac:dyDescent="0.15">
      <c r="A2671" s="2" t="s">
        <v>16</v>
      </c>
      <c r="B2671" s="2" t="s">
        <v>8180</v>
      </c>
      <c r="C2671" s="4" t="s">
        <v>6</v>
      </c>
      <c r="D2671" s="5" t="s">
        <v>4034</v>
      </c>
      <c r="E2671" s="5" t="s">
        <v>8181</v>
      </c>
      <c r="F2671" s="6" t="s">
        <v>5</v>
      </c>
      <c r="G2671" s="2" t="s">
        <v>8178</v>
      </c>
      <c r="H2671" s="4" t="s">
        <v>9</v>
      </c>
      <c r="I2671" s="5" t="s">
        <v>6</v>
      </c>
      <c r="J2671" s="5" t="s">
        <v>1517</v>
      </c>
      <c r="K2671" s="5" t="s">
        <v>8179</v>
      </c>
      <c r="L2671" s="6" t="s">
        <v>5</v>
      </c>
      <c r="M2671" s="2" t="s">
        <v>8183</v>
      </c>
      <c r="N2671" s="3">
        <v>45028</v>
      </c>
      <c r="O2671" s="3">
        <v>45028</v>
      </c>
      <c r="P2671" s="3">
        <v>47208</v>
      </c>
    </row>
    <row r="2672" spans="1:16" x14ac:dyDescent="0.15">
      <c r="A2672" s="2" t="s">
        <v>16</v>
      </c>
      <c r="B2672" s="2" t="s">
        <v>8180</v>
      </c>
      <c r="C2672" s="4" t="s">
        <v>6</v>
      </c>
      <c r="D2672" s="5" t="s">
        <v>1517</v>
      </c>
      <c r="E2672" s="5" t="s">
        <v>8179</v>
      </c>
      <c r="F2672" s="6" t="s">
        <v>5</v>
      </c>
      <c r="G2672" s="2" t="s">
        <v>8178</v>
      </c>
      <c r="H2672" s="4" t="s">
        <v>9</v>
      </c>
      <c r="I2672" s="5" t="s">
        <v>6</v>
      </c>
      <c r="J2672" s="5" t="s">
        <v>1517</v>
      </c>
      <c r="K2672" s="5" t="s">
        <v>8179</v>
      </c>
      <c r="L2672" s="6" t="s">
        <v>5</v>
      </c>
      <c r="M2672" s="2" t="s">
        <v>8185</v>
      </c>
      <c r="N2672" s="3">
        <v>45028</v>
      </c>
      <c r="O2672" s="3">
        <v>45028</v>
      </c>
      <c r="P2672" s="3">
        <v>47026</v>
      </c>
    </row>
    <row r="2673" spans="1:16" x14ac:dyDescent="0.15">
      <c r="A2673" s="2" t="s">
        <v>49</v>
      </c>
      <c r="B2673" s="2" t="s">
        <v>9602</v>
      </c>
      <c r="C2673" s="4" t="s">
        <v>6</v>
      </c>
      <c r="D2673" s="5" t="s">
        <v>1894</v>
      </c>
      <c r="E2673" s="5" t="s">
        <v>9603</v>
      </c>
      <c r="F2673" s="6" t="s">
        <v>5</v>
      </c>
      <c r="G2673" s="2"/>
      <c r="H2673" s="4"/>
      <c r="I2673" s="5"/>
      <c r="J2673" s="5"/>
      <c r="K2673" s="5"/>
      <c r="L2673" s="6"/>
      <c r="M2673" s="2" t="s">
        <v>9604</v>
      </c>
      <c r="N2673" s="3">
        <v>45241</v>
      </c>
      <c r="O2673" s="3">
        <v>45241</v>
      </c>
      <c r="P2673" s="3">
        <v>47391</v>
      </c>
    </row>
    <row r="2674" spans="1:16" x14ac:dyDescent="0.15">
      <c r="A2674" s="2" t="s">
        <v>49</v>
      </c>
      <c r="B2674" s="2" t="s">
        <v>9605</v>
      </c>
      <c r="C2674" s="4" t="s">
        <v>6</v>
      </c>
      <c r="D2674" s="5" t="s">
        <v>9606</v>
      </c>
      <c r="E2674" s="5" t="s">
        <v>422</v>
      </c>
      <c r="F2674" s="6" t="s">
        <v>5</v>
      </c>
      <c r="G2674" s="2"/>
      <c r="H2674" s="4"/>
      <c r="I2674" s="5"/>
      <c r="J2674" s="5"/>
      <c r="K2674" s="5"/>
      <c r="L2674" s="6"/>
      <c r="M2674" s="2" t="s">
        <v>9607</v>
      </c>
      <c r="N2674" s="3">
        <v>45202</v>
      </c>
      <c r="O2674" s="3">
        <v>45202</v>
      </c>
      <c r="P2674" s="3">
        <v>47756</v>
      </c>
    </row>
    <row r="2675" spans="1:16" x14ac:dyDescent="0.15">
      <c r="A2675" s="2" t="s">
        <v>16</v>
      </c>
      <c r="B2675" s="2" t="s">
        <v>9608</v>
      </c>
      <c r="C2675" s="4" t="s">
        <v>6</v>
      </c>
      <c r="D2675" s="5" t="s">
        <v>5897</v>
      </c>
      <c r="E2675" s="5" t="s">
        <v>9609</v>
      </c>
      <c r="F2675" s="6" t="s">
        <v>5</v>
      </c>
      <c r="G2675" s="2"/>
      <c r="H2675" s="4"/>
      <c r="I2675" s="5"/>
      <c r="J2675" s="5"/>
      <c r="K2675" s="5"/>
      <c r="L2675" s="6"/>
      <c r="M2675" s="2" t="s">
        <v>9610</v>
      </c>
      <c r="N2675" s="3">
        <v>39648</v>
      </c>
      <c r="O2675" s="3">
        <v>45231</v>
      </c>
      <c r="P2675" s="3">
        <v>47057</v>
      </c>
    </row>
    <row r="2676" spans="1:16" x14ac:dyDescent="0.15">
      <c r="A2676" s="2" t="s">
        <v>42</v>
      </c>
      <c r="B2676" s="2" t="s">
        <v>9608</v>
      </c>
      <c r="C2676" s="4" t="s">
        <v>6</v>
      </c>
      <c r="D2676" s="5" t="s">
        <v>5897</v>
      </c>
      <c r="E2676" s="5" t="s">
        <v>9609</v>
      </c>
      <c r="F2676" s="6" t="s">
        <v>5</v>
      </c>
      <c r="G2676" s="2"/>
      <c r="H2676" s="4"/>
      <c r="I2676" s="5"/>
      <c r="J2676" s="5"/>
      <c r="K2676" s="5"/>
      <c r="L2676" s="6"/>
      <c r="M2676" s="2" t="s">
        <v>9611</v>
      </c>
      <c r="N2676" s="3">
        <v>39648</v>
      </c>
      <c r="O2676" s="3">
        <v>45231</v>
      </c>
      <c r="P2676" s="3">
        <v>47057</v>
      </c>
    </row>
    <row r="2677" spans="1:16" x14ac:dyDescent="0.15">
      <c r="A2677" s="2" t="s">
        <v>49</v>
      </c>
      <c r="B2677" s="2" t="s">
        <v>9613</v>
      </c>
      <c r="C2677" s="4" t="s">
        <v>6</v>
      </c>
      <c r="D2677" s="5" t="s">
        <v>79</v>
      </c>
      <c r="E2677" s="5" t="s">
        <v>9612</v>
      </c>
      <c r="F2677" s="6" t="s">
        <v>5</v>
      </c>
      <c r="G2677" s="2"/>
      <c r="H2677" s="4"/>
      <c r="I2677" s="5"/>
      <c r="J2677" s="5"/>
      <c r="K2677" s="5"/>
      <c r="L2677" s="6"/>
      <c r="M2677" s="2" t="s">
        <v>9614</v>
      </c>
      <c r="N2677" s="3">
        <v>30670</v>
      </c>
      <c r="O2677" s="3">
        <v>45231</v>
      </c>
      <c r="P2677" s="3">
        <v>47422</v>
      </c>
    </row>
    <row r="2678" spans="1:16" x14ac:dyDescent="0.15">
      <c r="A2678" s="2" t="s">
        <v>16</v>
      </c>
      <c r="B2678" s="2" t="s">
        <v>8195</v>
      </c>
      <c r="C2678" s="4" t="s">
        <v>6</v>
      </c>
      <c r="D2678" s="5" t="s">
        <v>3361</v>
      </c>
      <c r="E2678" s="5" t="s">
        <v>8194</v>
      </c>
      <c r="F2678" s="6" t="s">
        <v>5</v>
      </c>
      <c r="G2678" s="2" t="s">
        <v>8193</v>
      </c>
      <c r="H2678" s="4" t="s">
        <v>9</v>
      </c>
      <c r="I2678" s="5" t="s">
        <v>6</v>
      </c>
      <c r="J2678" s="5" t="s">
        <v>3361</v>
      </c>
      <c r="K2678" s="5" t="s">
        <v>8194</v>
      </c>
      <c r="L2678" s="6" t="s">
        <v>5</v>
      </c>
      <c r="M2678" s="2" t="s">
        <v>8197</v>
      </c>
      <c r="N2678" s="3">
        <v>42697</v>
      </c>
      <c r="O2678" s="3">
        <v>45047</v>
      </c>
      <c r="P2678" s="3">
        <v>47238</v>
      </c>
    </row>
    <row r="2679" spans="1:16" x14ac:dyDescent="0.15">
      <c r="A2679" s="2" t="s">
        <v>49</v>
      </c>
      <c r="B2679" s="2" t="s">
        <v>9621</v>
      </c>
      <c r="C2679" s="4" t="s">
        <v>6</v>
      </c>
      <c r="D2679" s="5" t="s">
        <v>2179</v>
      </c>
      <c r="E2679" s="5" t="s">
        <v>9620</v>
      </c>
      <c r="F2679" s="6" t="s">
        <v>5</v>
      </c>
      <c r="G2679" s="2"/>
      <c r="H2679" s="4"/>
      <c r="I2679" s="5"/>
      <c r="J2679" s="5"/>
      <c r="K2679" s="5"/>
      <c r="L2679" s="6"/>
      <c r="M2679" s="2" t="s">
        <v>9622</v>
      </c>
      <c r="N2679" s="3">
        <v>34400</v>
      </c>
      <c r="O2679" s="3">
        <v>45231</v>
      </c>
      <c r="P2679" s="3">
        <v>47057</v>
      </c>
    </row>
    <row r="2680" spans="1:16" x14ac:dyDescent="0.15">
      <c r="A2680" s="2" t="s">
        <v>16</v>
      </c>
      <c r="B2680" s="2" t="s">
        <v>8199</v>
      </c>
      <c r="C2680" s="4" t="s">
        <v>6</v>
      </c>
      <c r="D2680" s="5" t="s">
        <v>4652</v>
      </c>
      <c r="E2680" s="5" t="s">
        <v>8200</v>
      </c>
      <c r="F2680" s="6" t="s">
        <v>5</v>
      </c>
      <c r="G2680" s="2" t="s">
        <v>8199</v>
      </c>
      <c r="H2680" s="4" t="s">
        <v>9</v>
      </c>
      <c r="I2680" s="5" t="s">
        <v>6</v>
      </c>
      <c r="J2680" s="5" t="s">
        <v>4652</v>
      </c>
      <c r="K2680" s="5" t="s">
        <v>8200</v>
      </c>
      <c r="L2680" s="6" t="s">
        <v>5</v>
      </c>
      <c r="M2680" s="2" t="s">
        <v>8201</v>
      </c>
      <c r="N2680" s="3">
        <v>38809</v>
      </c>
      <c r="O2680" s="3">
        <v>45413</v>
      </c>
      <c r="P2680" s="3">
        <v>47603</v>
      </c>
    </row>
    <row r="2681" spans="1:16" x14ac:dyDescent="0.15">
      <c r="A2681" s="2" t="s">
        <v>16</v>
      </c>
      <c r="B2681" s="2" t="s">
        <v>8203</v>
      </c>
      <c r="C2681" s="4" t="s">
        <v>6</v>
      </c>
      <c r="D2681" s="5" t="s">
        <v>8204</v>
      </c>
      <c r="E2681" s="5" t="s">
        <v>8205</v>
      </c>
      <c r="F2681" s="6" t="s">
        <v>5</v>
      </c>
      <c r="G2681" s="2" t="s">
        <v>8199</v>
      </c>
      <c r="H2681" s="4" t="s">
        <v>9</v>
      </c>
      <c r="I2681" s="5" t="s">
        <v>6</v>
      </c>
      <c r="J2681" s="5" t="s">
        <v>4652</v>
      </c>
      <c r="K2681" s="5" t="s">
        <v>8200</v>
      </c>
      <c r="L2681" s="6" t="s">
        <v>5</v>
      </c>
      <c r="M2681" s="2" t="s">
        <v>8206</v>
      </c>
      <c r="N2681" s="3">
        <v>33213</v>
      </c>
      <c r="O2681" s="3">
        <v>45047</v>
      </c>
      <c r="P2681" s="3">
        <v>47238</v>
      </c>
    </row>
    <row r="2682" spans="1:16" x14ac:dyDescent="0.15">
      <c r="A2682" s="2" t="s">
        <v>66</v>
      </c>
      <c r="B2682" s="2" t="s">
        <v>9632</v>
      </c>
      <c r="C2682" s="4" t="s">
        <v>6</v>
      </c>
      <c r="D2682" s="5" t="s">
        <v>111</v>
      </c>
      <c r="E2682" s="5" t="s">
        <v>2709</v>
      </c>
      <c r="F2682" s="6" t="s">
        <v>9633</v>
      </c>
      <c r="G2682" s="2"/>
      <c r="H2682" s="4"/>
      <c r="I2682" s="5"/>
      <c r="J2682" s="5"/>
      <c r="K2682" s="5"/>
      <c r="L2682" s="6"/>
      <c r="M2682" s="2" t="s">
        <v>9634</v>
      </c>
      <c r="N2682" s="3">
        <v>41250</v>
      </c>
      <c r="O2682" s="3">
        <v>45231</v>
      </c>
      <c r="P2682" s="3">
        <v>47057</v>
      </c>
    </row>
    <row r="2683" spans="1:16" x14ac:dyDescent="0.15">
      <c r="A2683" s="2" t="s">
        <v>49</v>
      </c>
      <c r="B2683" s="2" t="s">
        <v>9636</v>
      </c>
      <c r="C2683" s="4" t="s">
        <v>6</v>
      </c>
      <c r="D2683" s="5" t="s">
        <v>79</v>
      </c>
      <c r="E2683" s="5" t="s">
        <v>9635</v>
      </c>
      <c r="F2683" s="6" t="s">
        <v>5</v>
      </c>
      <c r="G2683" s="2"/>
      <c r="H2683" s="4"/>
      <c r="I2683" s="5"/>
      <c r="J2683" s="5"/>
      <c r="K2683" s="5"/>
      <c r="L2683" s="6"/>
      <c r="M2683" s="2" t="s">
        <v>9637</v>
      </c>
      <c r="N2683" s="3">
        <v>35136</v>
      </c>
      <c r="O2683" s="3">
        <v>45231</v>
      </c>
      <c r="P2683" s="3">
        <v>47422</v>
      </c>
    </row>
    <row r="2684" spans="1:16" x14ac:dyDescent="0.15">
      <c r="A2684" s="2" t="s">
        <v>49</v>
      </c>
      <c r="B2684" s="2" t="s">
        <v>9639</v>
      </c>
      <c r="C2684" s="4" t="s">
        <v>6</v>
      </c>
      <c r="D2684" s="5" t="s">
        <v>45</v>
      </c>
      <c r="E2684" s="5" t="s">
        <v>9638</v>
      </c>
      <c r="F2684" s="6" t="s">
        <v>5</v>
      </c>
      <c r="G2684" s="2"/>
      <c r="H2684" s="4"/>
      <c r="I2684" s="5"/>
      <c r="J2684" s="5"/>
      <c r="K2684" s="5"/>
      <c r="L2684" s="6"/>
      <c r="M2684" s="2" t="s">
        <v>9640</v>
      </c>
      <c r="N2684" s="3">
        <v>30264</v>
      </c>
      <c r="O2684" s="3">
        <v>45261</v>
      </c>
      <c r="P2684" s="3">
        <v>47087</v>
      </c>
    </row>
    <row r="2685" spans="1:16" x14ac:dyDescent="0.15">
      <c r="A2685" s="2" t="s">
        <v>49</v>
      </c>
      <c r="B2685" s="2" t="s">
        <v>9641</v>
      </c>
      <c r="C2685" s="4" t="s">
        <v>6</v>
      </c>
      <c r="D2685" s="5" t="s">
        <v>2366</v>
      </c>
      <c r="E2685" s="5" t="s">
        <v>2367</v>
      </c>
      <c r="F2685" s="6" t="s">
        <v>9642</v>
      </c>
      <c r="G2685" s="2"/>
      <c r="H2685" s="4"/>
      <c r="I2685" s="5"/>
      <c r="J2685" s="5"/>
      <c r="K2685" s="5"/>
      <c r="L2685" s="6"/>
      <c r="M2685" s="2" t="s">
        <v>9643</v>
      </c>
      <c r="N2685" s="3">
        <v>45229</v>
      </c>
      <c r="O2685" s="3">
        <v>45229</v>
      </c>
      <c r="P2685" s="3">
        <v>47603</v>
      </c>
    </row>
    <row r="2686" spans="1:16" x14ac:dyDescent="0.15">
      <c r="A2686" s="2" t="s">
        <v>16</v>
      </c>
      <c r="B2686" s="2" t="s">
        <v>8246</v>
      </c>
      <c r="C2686" s="4" t="s">
        <v>6</v>
      </c>
      <c r="D2686" s="5" t="s">
        <v>3019</v>
      </c>
      <c r="E2686" s="5" t="s">
        <v>8247</v>
      </c>
      <c r="F2686" s="6" t="s">
        <v>5</v>
      </c>
      <c r="G2686" s="2" t="s">
        <v>8244</v>
      </c>
      <c r="H2686" s="4" t="s">
        <v>9</v>
      </c>
      <c r="I2686" s="5" t="s">
        <v>6</v>
      </c>
      <c r="J2686" s="5" t="s">
        <v>570</v>
      </c>
      <c r="K2686" s="5" t="s">
        <v>8245</v>
      </c>
      <c r="L2686" s="6" t="s">
        <v>5</v>
      </c>
      <c r="M2686" s="2" t="s">
        <v>8249</v>
      </c>
      <c r="N2686" s="3">
        <v>45047</v>
      </c>
      <c r="O2686" s="3">
        <v>45047</v>
      </c>
      <c r="P2686" s="3">
        <v>47238</v>
      </c>
    </row>
    <row r="2687" spans="1:16" x14ac:dyDescent="0.15">
      <c r="A2687" s="2" t="s">
        <v>49</v>
      </c>
      <c r="B2687" s="2" t="s">
        <v>9650</v>
      </c>
      <c r="C2687" s="4" t="s">
        <v>6</v>
      </c>
      <c r="D2687" s="5" t="s">
        <v>755</v>
      </c>
      <c r="E2687" s="5" t="s">
        <v>9651</v>
      </c>
      <c r="F2687" s="6" t="s">
        <v>5</v>
      </c>
      <c r="G2687" s="2"/>
      <c r="H2687" s="4"/>
      <c r="I2687" s="5"/>
      <c r="J2687" s="5"/>
      <c r="K2687" s="5"/>
      <c r="L2687" s="6"/>
      <c r="M2687" s="2" t="s">
        <v>9652</v>
      </c>
      <c r="N2687" s="3">
        <v>45241</v>
      </c>
      <c r="O2687" s="3">
        <v>45241</v>
      </c>
      <c r="P2687" s="3">
        <v>47208</v>
      </c>
    </row>
    <row r="2688" spans="1:16" x14ac:dyDescent="0.15">
      <c r="A2688" s="2" t="s">
        <v>49</v>
      </c>
      <c r="B2688" s="2" t="s">
        <v>9653</v>
      </c>
      <c r="C2688" s="4" t="s">
        <v>6</v>
      </c>
      <c r="D2688" s="5" t="s">
        <v>1037</v>
      </c>
      <c r="E2688" s="5" t="s">
        <v>9654</v>
      </c>
      <c r="F2688" s="6" t="s">
        <v>5</v>
      </c>
      <c r="G2688" s="2"/>
      <c r="H2688" s="4"/>
      <c r="I2688" s="5"/>
      <c r="J2688" s="5"/>
      <c r="K2688" s="5"/>
      <c r="L2688" s="6"/>
      <c r="M2688" s="2" t="s">
        <v>9655</v>
      </c>
      <c r="N2688" s="3">
        <v>42769</v>
      </c>
      <c r="O2688" s="3">
        <v>45231</v>
      </c>
      <c r="P2688" s="3">
        <v>47422</v>
      </c>
    </row>
    <row r="2689" spans="1:16" x14ac:dyDescent="0.15">
      <c r="A2689" s="2" t="s">
        <v>49</v>
      </c>
      <c r="B2689" s="2" t="s">
        <v>9656</v>
      </c>
      <c r="C2689" s="4" t="s">
        <v>6</v>
      </c>
      <c r="D2689" s="5" t="s">
        <v>1027</v>
      </c>
      <c r="E2689" s="5" t="s">
        <v>3305</v>
      </c>
      <c r="F2689" s="6" t="s">
        <v>9657</v>
      </c>
      <c r="G2689" s="2"/>
      <c r="H2689" s="4"/>
      <c r="I2689" s="5"/>
      <c r="J2689" s="5"/>
      <c r="K2689" s="5"/>
      <c r="L2689" s="6"/>
      <c r="M2689" s="2" t="s">
        <v>9658</v>
      </c>
      <c r="N2689" s="3">
        <v>32650</v>
      </c>
      <c r="O2689" s="3">
        <v>45261</v>
      </c>
      <c r="P2689" s="3">
        <v>47452</v>
      </c>
    </row>
    <row r="2690" spans="1:16" x14ac:dyDescent="0.15">
      <c r="A2690" s="2" t="s">
        <v>16</v>
      </c>
      <c r="B2690" s="2" t="s">
        <v>8341</v>
      </c>
      <c r="C2690" s="4" t="s">
        <v>6</v>
      </c>
      <c r="D2690" s="5" t="s">
        <v>627</v>
      </c>
      <c r="E2690" s="5" t="s">
        <v>1933</v>
      </c>
      <c r="F2690" s="6" t="s">
        <v>5</v>
      </c>
      <c r="G2690" s="2" t="s">
        <v>8339</v>
      </c>
      <c r="H2690" s="4" t="s">
        <v>9</v>
      </c>
      <c r="I2690" s="5" t="s">
        <v>6</v>
      </c>
      <c r="J2690" s="5" t="s">
        <v>1977</v>
      </c>
      <c r="K2690" s="5" t="s">
        <v>8340</v>
      </c>
      <c r="L2690" s="6" t="s">
        <v>5</v>
      </c>
      <c r="M2690" s="2" t="s">
        <v>8343</v>
      </c>
      <c r="N2690" s="3">
        <v>45047</v>
      </c>
      <c r="O2690" s="3">
        <v>45047</v>
      </c>
      <c r="P2690" s="3">
        <v>47573</v>
      </c>
    </row>
    <row r="2691" spans="1:16" x14ac:dyDescent="0.15">
      <c r="A2691" s="2" t="s">
        <v>16</v>
      </c>
      <c r="B2691" s="2" t="s">
        <v>8451</v>
      </c>
      <c r="C2691" s="4" t="s">
        <v>6</v>
      </c>
      <c r="D2691" s="5" t="s">
        <v>253</v>
      </c>
      <c r="E2691" s="5" t="s">
        <v>8450</v>
      </c>
      <c r="F2691" s="6" t="s">
        <v>5</v>
      </c>
      <c r="G2691" s="2" t="s">
        <v>8449</v>
      </c>
      <c r="H2691" s="4" t="s">
        <v>9</v>
      </c>
      <c r="I2691" s="5" t="s">
        <v>6</v>
      </c>
      <c r="J2691" s="5" t="s">
        <v>253</v>
      </c>
      <c r="K2691" s="5" t="s">
        <v>8450</v>
      </c>
      <c r="L2691" s="6" t="s">
        <v>5</v>
      </c>
      <c r="M2691" s="2" t="s">
        <v>8453</v>
      </c>
      <c r="N2691" s="3">
        <v>42760</v>
      </c>
      <c r="O2691" s="3">
        <v>45078</v>
      </c>
      <c r="P2691" s="3">
        <v>47269</v>
      </c>
    </row>
    <row r="2692" spans="1:16" x14ac:dyDescent="0.15">
      <c r="A2692" s="2" t="s">
        <v>49</v>
      </c>
      <c r="B2692" s="2" t="s">
        <v>9666</v>
      </c>
      <c r="C2692" s="4" t="s">
        <v>6</v>
      </c>
      <c r="D2692" s="5" t="s">
        <v>558</v>
      </c>
      <c r="E2692" s="5" t="s">
        <v>9667</v>
      </c>
      <c r="F2692" s="6" t="s">
        <v>5</v>
      </c>
      <c r="G2692" s="2"/>
      <c r="H2692" s="4"/>
      <c r="I2692" s="5"/>
      <c r="J2692" s="5"/>
      <c r="K2692" s="5"/>
      <c r="L2692" s="6"/>
      <c r="M2692" s="2" t="s">
        <v>9668</v>
      </c>
      <c r="N2692" s="3">
        <v>45216</v>
      </c>
      <c r="O2692" s="3">
        <v>45216</v>
      </c>
      <c r="P2692" s="3">
        <v>47299</v>
      </c>
    </row>
    <row r="2693" spans="1:16" x14ac:dyDescent="0.15">
      <c r="A2693" s="2" t="s">
        <v>49</v>
      </c>
      <c r="B2693" s="2" t="s">
        <v>9669</v>
      </c>
      <c r="C2693" s="4" t="s">
        <v>6</v>
      </c>
      <c r="D2693" s="5" t="s">
        <v>45</v>
      </c>
      <c r="E2693" s="5" t="s">
        <v>9670</v>
      </c>
      <c r="F2693" s="6" t="s">
        <v>5</v>
      </c>
      <c r="G2693" s="2"/>
      <c r="H2693" s="4"/>
      <c r="I2693" s="5"/>
      <c r="J2693" s="5"/>
      <c r="K2693" s="5"/>
      <c r="L2693" s="6"/>
      <c r="M2693" s="2" t="s">
        <v>9671</v>
      </c>
      <c r="N2693" s="3">
        <v>32203</v>
      </c>
      <c r="O2693" s="3">
        <v>45261</v>
      </c>
      <c r="P2693" s="3">
        <v>47452</v>
      </c>
    </row>
    <row r="2694" spans="1:16" x14ac:dyDescent="0.15">
      <c r="A2694" s="2" t="s">
        <v>16</v>
      </c>
      <c r="B2694" s="2" t="s">
        <v>8468</v>
      </c>
      <c r="C2694" s="4" t="s">
        <v>6</v>
      </c>
      <c r="D2694" s="5" t="s">
        <v>500</v>
      </c>
      <c r="E2694" s="5" t="s">
        <v>5083</v>
      </c>
      <c r="F2694" s="6" t="s">
        <v>8469</v>
      </c>
      <c r="G2694" s="2" t="s">
        <v>8466</v>
      </c>
      <c r="H2694" s="4" t="s">
        <v>9</v>
      </c>
      <c r="I2694" s="5" t="s">
        <v>6</v>
      </c>
      <c r="J2694" s="5" t="s">
        <v>2805</v>
      </c>
      <c r="K2694" s="5" t="s">
        <v>8467</v>
      </c>
      <c r="L2694" s="6" t="s">
        <v>5</v>
      </c>
      <c r="M2694" s="2" t="s">
        <v>8470</v>
      </c>
      <c r="N2694" s="3">
        <v>43217</v>
      </c>
      <c r="O2694" s="3">
        <v>45078</v>
      </c>
      <c r="P2694" s="3">
        <v>47269</v>
      </c>
    </row>
    <row r="2695" spans="1:16" x14ac:dyDescent="0.15">
      <c r="A2695" s="2" t="s">
        <v>49</v>
      </c>
      <c r="B2695" s="2" t="s">
        <v>9676</v>
      </c>
      <c r="C2695" s="4" t="s">
        <v>6</v>
      </c>
      <c r="D2695" s="5" t="s">
        <v>1027</v>
      </c>
      <c r="E2695" s="5" t="s">
        <v>1597</v>
      </c>
      <c r="F2695" s="6" t="s">
        <v>9677</v>
      </c>
      <c r="G2695" s="2"/>
      <c r="H2695" s="4"/>
      <c r="I2695" s="5"/>
      <c r="J2695" s="5"/>
      <c r="K2695" s="5"/>
      <c r="L2695" s="6"/>
      <c r="M2695" s="2" t="s">
        <v>9678</v>
      </c>
      <c r="N2695" s="3">
        <v>41523</v>
      </c>
      <c r="O2695" s="3">
        <v>45261</v>
      </c>
      <c r="P2695" s="3">
        <v>47087</v>
      </c>
    </row>
    <row r="2696" spans="1:16" x14ac:dyDescent="0.15">
      <c r="A2696" s="2" t="s">
        <v>49</v>
      </c>
      <c r="B2696" s="2" t="s">
        <v>9679</v>
      </c>
      <c r="C2696" s="4" t="s">
        <v>6</v>
      </c>
      <c r="D2696" s="5" t="s">
        <v>1027</v>
      </c>
      <c r="E2696" s="5" t="s">
        <v>2818</v>
      </c>
      <c r="F2696" s="6" t="s">
        <v>9680</v>
      </c>
      <c r="G2696" s="2"/>
      <c r="H2696" s="4"/>
      <c r="I2696" s="5"/>
      <c r="J2696" s="5"/>
      <c r="K2696" s="5"/>
      <c r="L2696" s="6"/>
      <c r="M2696" s="2" t="s">
        <v>9681</v>
      </c>
      <c r="N2696" s="3">
        <v>41492</v>
      </c>
      <c r="O2696" s="3">
        <v>45261</v>
      </c>
      <c r="P2696" s="3">
        <v>47087</v>
      </c>
    </row>
    <row r="2697" spans="1:16" x14ac:dyDescent="0.15">
      <c r="A2697" s="2" t="s">
        <v>16</v>
      </c>
      <c r="B2697" s="2" t="s">
        <v>8624</v>
      </c>
      <c r="C2697" s="4" t="s">
        <v>6</v>
      </c>
      <c r="D2697" s="5" t="s">
        <v>8622</v>
      </c>
      <c r="E2697" s="5" t="s">
        <v>8623</v>
      </c>
      <c r="F2697" s="6" t="s">
        <v>5</v>
      </c>
      <c r="G2697" s="2" t="s">
        <v>8621</v>
      </c>
      <c r="H2697" s="4" t="s">
        <v>9</v>
      </c>
      <c r="I2697" s="5" t="s">
        <v>6</v>
      </c>
      <c r="J2697" s="5" t="s">
        <v>8622</v>
      </c>
      <c r="K2697" s="5" t="s">
        <v>8623</v>
      </c>
      <c r="L2697" s="6" t="s">
        <v>5</v>
      </c>
      <c r="M2697" s="2" t="s">
        <v>8625</v>
      </c>
      <c r="N2697" s="3">
        <v>38341</v>
      </c>
      <c r="O2697" s="3">
        <v>45108</v>
      </c>
      <c r="P2697" s="3">
        <v>47299</v>
      </c>
    </row>
    <row r="2698" spans="1:16" x14ac:dyDescent="0.15">
      <c r="A2698" s="2" t="s">
        <v>49</v>
      </c>
      <c r="B2698" s="2" t="s">
        <v>9689</v>
      </c>
      <c r="C2698" s="4" t="s">
        <v>6</v>
      </c>
      <c r="D2698" s="5" t="s">
        <v>2617</v>
      </c>
      <c r="E2698" s="5" t="s">
        <v>9688</v>
      </c>
      <c r="F2698" s="6" t="s">
        <v>5</v>
      </c>
      <c r="G2698" s="2"/>
      <c r="H2698" s="4"/>
      <c r="I2698" s="5"/>
      <c r="J2698" s="5"/>
      <c r="K2698" s="5"/>
      <c r="L2698" s="6"/>
      <c r="M2698" s="2" t="s">
        <v>9690</v>
      </c>
      <c r="N2698" s="3">
        <v>34255</v>
      </c>
      <c r="O2698" s="3">
        <v>45231</v>
      </c>
      <c r="P2698" s="3">
        <v>47422</v>
      </c>
    </row>
    <row r="2699" spans="1:16" x14ac:dyDescent="0.15">
      <c r="A2699" s="2" t="s">
        <v>66</v>
      </c>
      <c r="B2699" s="2" t="s">
        <v>9689</v>
      </c>
      <c r="C2699" s="4" t="s">
        <v>6</v>
      </c>
      <c r="D2699" s="5" t="s">
        <v>2617</v>
      </c>
      <c r="E2699" s="5" t="s">
        <v>9688</v>
      </c>
      <c r="F2699" s="6" t="s">
        <v>5</v>
      </c>
      <c r="G2699" s="2"/>
      <c r="H2699" s="4"/>
      <c r="I2699" s="5"/>
      <c r="J2699" s="5"/>
      <c r="K2699" s="5"/>
      <c r="L2699" s="6"/>
      <c r="M2699" s="2" t="s">
        <v>9691</v>
      </c>
      <c r="N2699" s="3">
        <v>34255</v>
      </c>
      <c r="O2699" s="3">
        <v>45231</v>
      </c>
      <c r="P2699" s="3">
        <v>47422</v>
      </c>
    </row>
    <row r="2700" spans="1:16" x14ac:dyDescent="0.15">
      <c r="A2700" s="2" t="s">
        <v>49</v>
      </c>
      <c r="B2700" s="2" t="s">
        <v>9692</v>
      </c>
      <c r="C2700" s="4" t="s">
        <v>6</v>
      </c>
      <c r="D2700" s="5" t="s">
        <v>140</v>
      </c>
      <c r="E2700" s="5" t="s">
        <v>9693</v>
      </c>
      <c r="F2700" s="6" t="s">
        <v>5</v>
      </c>
      <c r="G2700" s="2"/>
      <c r="H2700" s="4"/>
      <c r="I2700" s="5"/>
      <c r="J2700" s="5"/>
      <c r="K2700" s="5"/>
      <c r="L2700" s="6"/>
      <c r="M2700" s="2" t="s">
        <v>9694</v>
      </c>
      <c r="N2700" s="3">
        <v>41439</v>
      </c>
      <c r="O2700" s="3">
        <v>45200</v>
      </c>
      <c r="P2700" s="3">
        <v>47026</v>
      </c>
    </row>
    <row r="2701" spans="1:16" x14ac:dyDescent="0.15">
      <c r="A2701" s="2" t="s">
        <v>49</v>
      </c>
      <c r="B2701" s="2" t="s">
        <v>9696</v>
      </c>
      <c r="C2701" s="4" t="s">
        <v>6</v>
      </c>
      <c r="D2701" s="5" t="s">
        <v>1726</v>
      </c>
      <c r="E2701" s="5" t="s">
        <v>9695</v>
      </c>
      <c r="F2701" s="6" t="s">
        <v>5</v>
      </c>
      <c r="G2701" s="2"/>
      <c r="H2701" s="4"/>
      <c r="I2701" s="5"/>
      <c r="J2701" s="5"/>
      <c r="K2701" s="5"/>
      <c r="L2701" s="6"/>
      <c r="M2701" s="2" t="s">
        <v>9697</v>
      </c>
      <c r="N2701" s="3">
        <v>45231</v>
      </c>
      <c r="O2701" s="3">
        <v>45231</v>
      </c>
      <c r="P2701" s="3">
        <v>47422</v>
      </c>
    </row>
    <row r="2702" spans="1:16" x14ac:dyDescent="0.15">
      <c r="A2702" s="2" t="s">
        <v>49</v>
      </c>
      <c r="B2702" s="2" t="s">
        <v>9699</v>
      </c>
      <c r="C2702" s="4" t="s">
        <v>6</v>
      </c>
      <c r="D2702" s="5" t="s">
        <v>1351</v>
      </c>
      <c r="E2702" s="5" t="s">
        <v>9698</v>
      </c>
      <c r="F2702" s="6" t="s">
        <v>5</v>
      </c>
      <c r="G2702" s="2"/>
      <c r="H2702" s="4"/>
      <c r="I2702" s="5"/>
      <c r="J2702" s="5"/>
      <c r="K2702" s="5"/>
      <c r="L2702" s="6"/>
      <c r="M2702" s="2" t="s">
        <v>9700</v>
      </c>
      <c r="N2702" s="3">
        <v>43203</v>
      </c>
      <c r="O2702" s="3">
        <v>45231</v>
      </c>
      <c r="P2702" s="3">
        <v>47057</v>
      </c>
    </row>
    <row r="2703" spans="1:16" x14ac:dyDescent="0.15">
      <c r="A2703" s="2" t="s">
        <v>16</v>
      </c>
      <c r="B2703" s="2" t="s">
        <v>9701</v>
      </c>
      <c r="C2703" s="4" t="s">
        <v>6</v>
      </c>
      <c r="D2703" s="5" t="s">
        <v>7722</v>
      </c>
      <c r="E2703" s="5" t="s">
        <v>8474</v>
      </c>
      <c r="F2703" s="6" t="s">
        <v>9704</v>
      </c>
      <c r="G2703" s="2" t="s">
        <v>9701</v>
      </c>
      <c r="H2703" s="4" t="s">
        <v>9</v>
      </c>
      <c r="I2703" s="5" t="s">
        <v>9702</v>
      </c>
      <c r="J2703" s="5" t="s">
        <v>9703</v>
      </c>
      <c r="K2703" s="5" t="s">
        <v>9454</v>
      </c>
      <c r="L2703" s="6" t="s">
        <v>5</v>
      </c>
      <c r="M2703" s="2" t="s">
        <v>9705</v>
      </c>
      <c r="N2703" s="3">
        <v>45214</v>
      </c>
      <c r="O2703" s="3">
        <v>45214</v>
      </c>
      <c r="P2703" s="3">
        <v>47603</v>
      </c>
    </row>
    <row r="2704" spans="1:16" x14ac:dyDescent="0.15">
      <c r="A2704" s="2" t="s">
        <v>42</v>
      </c>
      <c r="B2704" s="2" t="s">
        <v>9701</v>
      </c>
      <c r="C2704" s="4" t="s">
        <v>6</v>
      </c>
      <c r="D2704" s="5" t="s">
        <v>7722</v>
      </c>
      <c r="E2704" s="5" t="s">
        <v>8474</v>
      </c>
      <c r="F2704" s="6" t="s">
        <v>9704</v>
      </c>
      <c r="G2704" s="2" t="s">
        <v>9701</v>
      </c>
      <c r="H2704" s="4" t="s">
        <v>9</v>
      </c>
      <c r="I2704" s="5" t="s">
        <v>9702</v>
      </c>
      <c r="J2704" s="5" t="s">
        <v>9703</v>
      </c>
      <c r="K2704" s="5" t="s">
        <v>9454</v>
      </c>
      <c r="L2704" s="6" t="s">
        <v>5</v>
      </c>
      <c r="M2704" s="2" t="s">
        <v>9706</v>
      </c>
      <c r="N2704" s="3">
        <v>45214</v>
      </c>
      <c r="O2704" s="3">
        <v>45214</v>
      </c>
      <c r="P2704" s="3">
        <v>47603</v>
      </c>
    </row>
    <row r="2705" spans="1:16" x14ac:dyDescent="0.15">
      <c r="A2705" s="2" t="s">
        <v>16</v>
      </c>
      <c r="B2705" s="2" t="s">
        <v>8640</v>
      </c>
      <c r="C2705" s="4" t="s">
        <v>6</v>
      </c>
      <c r="D2705" s="5" t="s">
        <v>8638</v>
      </c>
      <c r="E2705" s="5" t="s">
        <v>8641</v>
      </c>
      <c r="F2705" s="6" t="s">
        <v>5</v>
      </c>
      <c r="G2705" s="2" t="s">
        <v>8637</v>
      </c>
      <c r="H2705" s="4" t="s">
        <v>9</v>
      </c>
      <c r="I2705" s="5" t="s">
        <v>6</v>
      </c>
      <c r="J2705" s="5" t="s">
        <v>8638</v>
      </c>
      <c r="K2705" s="5" t="s">
        <v>8639</v>
      </c>
      <c r="L2705" s="6" t="s">
        <v>5</v>
      </c>
      <c r="M2705" s="2" t="s">
        <v>8643</v>
      </c>
      <c r="N2705" s="3">
        <v>45136</v>
      </c>
      <c r="O2705" s="3">
        <v>45136</v>
      </c>
      <c r="P2705" s="3">
        <v>47391</v>
      </c>
    </row>
    <row r="2706" spans="1:16" x14ac:dyDescent="0.15">
      <c r="A2706" s="2" t="s">
        <v>49</v>
      </c>
      <c r="B2706" s="2" t="s">
        <v>9711</v>
      </c>
      <c r="C2706" s="4" t="s">
        <v>6</v>
      </c>
      <c r="D2706" s="5" t="s">
        <v>2089</v>
      </c>
      <c r="E2706" s="5" t="s">
        <v>397</v>
      </c>
      <c r="F2706" s="6" t="s">
        <v>9712</v>
      </c>
      <c r="G2706" s="2"/>
      <c r="H2706" s="4"/>
      <c r="I2706" s="5"/>
      <c r="J2706" s="5"/>
      <c r="K2706" s="5"/>
      <c r="L2706" s="6"/>
      <c r="M2706" s="2" t="s">
        <v>9713</v>
      </c>
      <c r="N2706" s="3">
        <v>40525</v>
      </c>
      <c r="O2706" s="3">
        <v>45261</v>
      </c>
      <c r="P2706" s="3">
        <v>47452</v>
      </c>
    </row>
    <row r="2707" spans="1:16" x14ac:dyDescent="0.15">
      <c r="A2707" s="2" t="s">
        <v>16</v>
      </c>
      <c r="B2707" s="2" t="s">
        <v>9711</v>
      </c>
      <c r="C2707" s="4" t="s">
        <v>6</v>
      </c>
      <c r="D2707" s="5" t="s">
        <v>2089</v>
      </c>
      <c r="E2707" s="5" t="s">
        <v>397</v>
      </c>
      <c r="F2707" s="6" t="s">
        <v>9712</v>
      </c>
      <c r="G2707" s="2"/>
      <c r="H2707" s="4"/>
      <c r="I2707" s="5"/>
      <c r="J2707" s="5"/>
      <c r="K2707" s="5"/>
      <c r="L2707" s="6"/>
      <c r="M2707" s="2" t="s">
        <v>9714</v>
      </c>
      <c r="N2707" s="3">
        <v>40525</v>
      </c>
      <c r="O2707" s="3">
        <v>45261</v>
      </c>
      <c r="P2707" s="3">
        <v>47452</v>
      </c>
    </row>
    <row r="2708" spans="1:16" x14ac:dyDescent="0.15">
      <c r="A2708" s="2" t="s">
        <v>16</v>
      </c>
      <c r="B2708" s="2" t="s">
        <v>8688</v>
      </c>
      <c r="C2708" s="4" t="s">
        <v>6</v>
      </c>
      <c r="D2708" s="5" t="s">
        <v>3762</v>
      </c>
      <c r="E2708" s="5" t="s">
        <v>1347</v>
      </c>
      <c r="F2708" s="6" t="s">
        <v>5</v>
      </c>
      <c r="G2708" s="2" t="s">
        <v>8688</v>
      </c>
      <c r="H2708" s="4" t="s">
        <v>9</v>
      </c>
      <c r="I2708" s="5" t="s">
        <v>6</v>
      </c>
      <c r="J2708" s="5" t="s">
        <v>3762</v>
      </c>
      <c r="K2708" s="5" t="s">
        <v>1347</v>
      </c>
      <c r="L2708" s="6" t="s">
        <v>5</v>
      </c>
      <c r="M2708" s="2" t="s">
        <v>8689</v>
      </c>
      <c r="N2708" s="3">
        <v>35406</v>
      </c>
      <c r="O2708" s="3">
        <v>45087</v>
      </c>
      <c r="P2708" s="3">
        <v>47391</v>
      </c>
    </row>
    <row r="2709" spans="1:16" x14ac:dyDescent="0.15">
      <c r="A2709" s="2" t="s">
        <v>16</v>
      </c>
      <c r="B2709" s="2" t="s">
        <v>8811</v>
      </c>
      <c r="C2709" s="4" t="s">
        <v>6</v>
      </c>
      <c r="D2709" s="5" t="s">
        <v>8812</v>
      </c>
      <c r="E2709" s="5" t="s">
        <v>8813</v>
      </c>
      <c r="F2709" s="6" t="s">
        <v>5</v>
      </c>
      <c r="G2709" s="2" t="s">
        <v>8810</v>
      </c>
      <c r="H2709" s="4" t="s">
        <v>9</v>
      </c>
      <c r="I2709" s="5" t="s">
        <v>6</v>
      </c>
      <c r="J2709" s="5" t="s">
        <v>5930</v>
      </c>
      <c r="K2709" s="5" t="s">
        <v>1723</v>
      </c>
      <c r="L2709" s="6" t="s">
        <v>5</v>
      </c>
      <c r="M2709" s="2" t="s">
        <v>8815</v>
      </c>
      <c r="N2709" s="3">
        <v>45109</v>
      </c>
      <c r="O2709" s="3">
        <v>45109</v>
      </c>
      <c r="P2709" s="3">
        <v>47391</v>
      </c>
    </row>
    <row r="2710" spans="1:16" x14ac:dyDescent="0.15">
      <c r="A2710" s="2" t="s">
        <v>49</v>
      </c>
      <c r="B2710" s="2" t="s">
        <v>9725</v>
      </c>
      <c r="C2710" s="4" t="s">
        <v>6</v>
      </c>
      <c r="D2710" s="5" t="s">
        <v>140</v>
      </c>
      <c r="E2710" s="5" t="s">
        <v>9726</v>
      </c>
      <c r="F2710" s="6" t="s">
        <v>5</v>
      </c>
      <c r="G2710" s="2"/>
      <c r="H2710" s="4"/>
      <c r="I2710" s="5"/>
      <c r="J2710" s="5"/>
      <c r="K2710" s="5"/>
      <c r="L2710" s="6"/>
      <c r="M2710" s="2" t="s">
        <v>9727</v>
      </c>
      <c r="N2710" s="3">
        <v>45231</v>
      </c>
      <c r="O2710" s="3">
        <v>45231</v>
      </c>
      <c r="P2710" s="3">
        <v>47391</v>
      </c>
    </row>
    <row r="2711" spans="1:16" x14ac:dyDescent="0.15">
      <c r="A2711" s="2" t="s">
        <v>66</v>
      </c>
      <c r="B2711" s="2" t="s">
        <v>9728</v>
      </c>
      <c r="C2711" s="4" t="s">
        <v>6</v>
      </c>
      <c r="D2711" s="5" t="s">
        <v>6527</v>
      </c>
      <c r="E2711" s="5" t="s">
        <v>646</v>
      </c>
      <c r="F2711" s="6" t="s">
        <v>5</v>
      </c>
      <c r="G2711" s="2"/>
      <c r="H2711" s="4"/>
      <c r="I2711" s="5"/>
      <c r="J2711" s="5"/>
      <c r="K2711" s="5"/>
      <c r="L2711" s="6"/>
      <c r="M2711" s="2" t="s">
        <v>9729</v>
      </c>
      <c r="N2711" s="3">
        <v>43405</v>
      </c>
      <c r="O2711" s="3">
        <v>45231</v>
      </c>
      <c r="P2711" s="3">
        <v>47057</v>
      </c>
    </row>
    <row r="2712" spans="1:16" x14ac:dyDescent="0.15">
      <c r="A2712" s="2" t="s">
        <v>49</v>
      </c>
      <c r="B2712" s="2" t="s">
        <v>9731</v>
      </c>
      <c r="C2712" s="4" t="s">
        <v>6</v>
      </c>
      <c r="D2712" s="5" t="s">
        <v>111</v>
      </c>
      <c r="E2712" s="5" t="s">
        <v>9730</v>
      </c>
      <c r="F2712" s="6" t="s">
        <v>5</v>
      </c>
      <c r="G2712" s="2"/>
      <c r="H2712" s="4"/>
      <c r="I2712" s="5"/>
      <c r="J2712" s="5"/>
      <c r="K2712" s="5"/>
      <c r="L2712" s="6"/>
      <c r="M2712" s="2" t="s">
        <v>9732</v>
      </c>
      <c r="N2712" s="3">
        <v>43132</v>
      </c>
      <c r="O2712" s="3">
        <v>45231</v>
      </c>
      <c r="P2712" s="3">
        <v>47057</v>
      </c>
    </row>
    <row r="2713" spans="1:16" x14ac:dyDescent="0.15">
      <c r="A2713" s="2" t="s">
        <v>16</v>
      </c>
      <c r="B2713" s="2" t="s">
        <v>8831</v>
      </c>
      <c r="C2713" s="4" t="s">
        <v>6</v>
      </c>
      <c r="D2713" s="5" t="s">
        <v>152</v>
      </c>
      <c r="E2713" s="5" t="s">
        <v>8832</v>
      </c>
      <c r="F2713" s="6" t="s">
        <v>5</v>
      </c>
      <c r="G2713" s="2" t="s">
        <v>8828</v>
      </c>
      <c r="H2713" s="4" t="s">
        <v>9</v>
      </c>
      <c r="I2713" s="5" t="s">
        <v>6</v>
      </c>
      <c r="J2713" s="5" t="s">
        <v>8829</v>
      </c>
      <c r="K2713" s="5" t="s">
        <v>8830</v>
      </c>
      <c r="L2713" s="6" t="s">
        <v>5</v>
      </c>
      <c r="M2713" s="2" t="s">
        <v>8834</v>
      </c>
      <c r="N2713" s="3">
        <v>45335</v>
      </c>
      <c r="O2713" s="3">
        <v>45335</v>
      </c>
      <c r="P2713" s="3">
        <v>47787</v>
      </c>
    </row>
    <row r="2714" spans="1:16" x14ac:dyDescent="0.15">
      <c r="A2714" s="2" t="s">
        <v>16</v>
      </c>
      <c r="B2714" s="2" t="s">
        <v>8843</v>
      </c>
      <c r="C2714" s="4" t="s">
        <v>6</v>
      </c>
      <c r="D2714" s="5" t="s">
        <v>8841</v>
      </c>
      <c r="E2714" s="5" t="s">
        <v>4341</v>
      </c>
      <c r="F2714" s="6" t="s">
        <v>5</v>
      </c>
      <c r="G2714" s="2" t="s">
        <v>8838</v>
      </c>
      <c r="H2714" s="4" t="s">
        <v>9</v>
      </c>
      <c r="I2714" s="5" t="s">
        <v>6</v>
      </c>
      <c r="J2714" s="5" t="s">
        <v>1201</v>
      </c>
      <c r="K2714" s="5" t="s">
        <v>8839</v>
      </c>
      <c r="L2714" s="6" t="s">
        <v>5</v>
      </c>
      <c r="M2714" s="2" t="s">
        <v>8844</v>
      </c>
      <c r="N2714" s="3">
        <v>45157</v>
      </c>
      <c r="O2714" s="3">
        <v>45157</v>
      </c>
      <c r="P2714" s="3">
        <v>47299</v>
      </c>
    </row>
    <row r="2715" spans="1:16" x14ac:dyDescent="0.15">
      <c r="A2715" s="2" t="s">
        <v>49</v>
      </c>
      <c r="B2715" s="2" t="s">
        <v>9746</v>
      </c>
      <c r="C2715" s="4" t="s">
        <v>6</v>
      </c>
      <c r="D2715" s="5" t="s">
        <v>2705</v>
      </c>
      <c r="E2715" s="5" t="s">
        <v>9745</v>
      </c>
      <c r="F2715" s="6" t="s">
        <v>5</v>
      </c>
      <c r="G2715" s="2"/>
      <c r="H2715" s="4"/>
      <c r="I2715" s="5"/>
      <c r="J2715" s="5"/>
      <c r="K2715" s="5"/>
      <c r="L2715" s="6"/>
      <c r="M2715" s="2" t="s">
        <v>9747</v>
      </c>
      <c r="N2715" s="3">
        <v>27141</v>
      </c>
      <c r="O2715" s="3">
        <v>45231</v>
      </c>
      <c r="P2715" s="3">
        <v>47057</v>
      </c>
    </row>
    <row r="2716" spans="1:16" x14ac:dyDescent="0.15">
      <c r="A2716" s="2" t="s">
        <v>49</v>
      </c>
      <c r="B2716" s="2" t="s">
        <v>9748</v>
      </c>
      <c r="C2716" s="4" t="s">
        <v>6</v>
      </c>
      <c r="D2716" s="5" t="s">
        <v>1027</v>
      </c>
      <c r="E2716" s="5" t="s">
        <v>7856</v>
      </c>
      <c r="F2716" s="6" t="s">
        <v>9749</v>
      </c>
      <c r="G2716" s="2"/>
      <c r="H2716" s="4"/>
      <c r="I2716" s="5"/>
      <c r="J2716" s="5"/>
      <c r="K2716" s="5"/>
      <c r="L2716" s="6"/>
      <c r="M2716" s="2" t="s">
        <v>9750</v>
      </c>
      <c r="N2716" s="3">
        <v>39037</v>
      </c>
      <c r="O2716" s="3">
        <v>45261</v>
      </c>
      <c r="P2716" s="3">
        <v>47452</v>
      </c>
    </row>
    <row r="2717" spans="1:16" x14ac:dyDescent="0.15">
      <c r="A2717" s="2" t="s">
        <v>49</v>
      </c>
      <c r="B2717" s="2" t="s">
        <v>9751</v>
      </c>
      <c r="C2717" s="4" t="s">
        <v>6</v>
      </c>
      <c r="D2717" s="5" t="s">
        <v>2470</v>
      </c>
      <c r="E2717" s="5" t="s">
        <v>9752</v>
      </c>
      <c r="F2717" s="6" t="s">
        <v>5</v>
      </c>
      <c r="G2717" s="2"/>
      <c r="H2717" s="4"/>
      <c r="I2717" s="5"/>
      <c r="J2717" s="5"/>
      <c r="K2717" s="5"/>
      <c r="L2717" s="6"/>
      <c r="M2717" s="2" t="s">
        <v>9753</v>
      </c>
      <c r="N2717" s="3">
        <v>41233</v>
      </c>
      <c r="O2717" s="3">
        <v>45231</v>
      </c>
      <c r="P2717" s="3">
        <v>47057</v>
      </c>
    </row>
    <row r="2718" spans="1:16" x14ac:dyDescent="0.15">
      <c r="A2718" s="2" t="s">
        <v>49</v>
      </c>
      <c r="B2718" s="2" t="s">
        <v>9754</v>
      </c>
      <c r="C2718" s="4" t="s">
        <v>6</v>
      </c>
      <c r="D2718" s="5" t="s">
        <v>616</v>
      </c>
      <c r="E2718" s="5" t="s">
        <v>1479</v>
      </c>
      <c r="F2718" s="6" t="s">
        <v>9755</v>
      </c>
      <c r="G2718" s="2"/>
      <c r="H2718" s="4"/>
      <c r="I2718" s="5"/>
      <c r="J2718" s="5"/>
      <c r="K2718" s="5"/>
      <c r="L2718" s="6"/>
      <c r="M2718" s="2" t="s">
        <v>9756</v>
      </c>
      <c r="N2718" s="3">
        <v>40903</v>
      </c>
      <c r="O2718" s="3">
        <v>45261</v>
      </c>
      <c r="P2718" s="3">
        <v>47452</v>
      </c>
    </row>
    <row r="2719" spans="1:16" x14ac:dyDescent="0.15">
      <c r="A2719" s="2" t="s">
        <v>49</v>
      </c>
      <c r="B2719" s="2" t="s">
        <v>9757</v>
      </c>
      <c r="C2719" s="4" t="s">
        <v>6</v>
      </c>
      <c r="D2719" s="5" t="s">
        <v>45</v>
      </c>
      <c r="E2719" s="5" t="s">
        <v>9758</v>
      </c>
      <c r="F2719" s="6" t="s">
        <v>9759</v>
      </c>
      <c r="G2719" s="2"/>
      <c r="H2719" s="4"/>
      <c r="I2719" s="5"/>
      <c r="J2719" s="5"/>
      <c r="K2719" s="5"/>
      <c r="L2719" s="6"/>
      <c r="M2719" s="2" t="s">
        <v>9760</v>
      </c>
      <c r="N2719" s="3">
        <v>43308</v>
      </c>
      <c r="O2719" s="3">
        <v>45261</v>
      </c>
      <c r="P2719" s="3">
        <v>47087</v>
      </c>
    </row>
    <row r="2720" spans="1:16" x14ac:dyDescent="0.15">
      <c r="A2720" s="2" t="s">
        <v>49</v>
      </c>
      <c r="B2720" s="2" t="s">
        <v>9761</v>
      </c>
      <c r="C2720" s="4" t="s">
        <v>6</v>
      </c>
      <c r="D2720" s="5" t="s">
        <v>45</v>
      </c>
      <c r="E2720" s="5" t="s">
        <v>9762</v>
      </c>
      <c r="F2720" s="6" t="s">
        <v>9763</v>
      </c>
      <c r="G2720" s="2"/>
      <c r="H2720" s="4"/>
      <c r="I2720" s="5"/>
      <c r="J2720" s="5"/>
      <c r="K2720" s="5"/>
      <c r="L2720" s="6"/>
      <c r="M2720" s="2" t="s">
        <v>9764</v>
      </c>
      <c r="N2720" s="3">
        <v>40714</v>
      </c>
      <c r="O2720" s="3">
        <v>45261</v>
      </c>
      <c r="P2720" s="3">
        <v>47452</v>
      </c>
    </row>
    <row r="2721" spans="1:16" x14ac:dyDescent="0.15">
      <c r="A2721" s="2" t="s">
        <v>49</v>
      </c>
      <c r="B2721" s="2" t="s">
        <v>9765</v>
      </c>
      <c r="C2721" s="4" t="s">
        <v>6</v>
      </c>
      <c r="D2721" s="5" t="s">
        <v>45</v>
      </c>
      <c r="E2721" s="5" t="s">
        <v>9766</v>
      </c>
      <c r="F2721" s="6" t="s">
        <v>9767</v>
      </c>
      <c r="G2721" s="2"/>
      <c r="H2721" s="4"/>
      <c r="I2721" s="5"/>
      <c r="J2721" s="5"/>
      <c r="K2721" s="5"/>
      <c r="L2721" s="6"/>
      <c r="M2721" s="2" t="s">
        <v>9768</v>
      </c>
      <c r="N2721" s="3">
        <v>37791</v>
      </c>
      <c r="O2721" s="3">
        <v>45261</v>
      </c>
      <c r="P2721" s="3">
        <v>47087</v>
      </c>
    </row>
    <row r="2722" spans="1:16" x14ac:dyDescent="0.15">
      <c r="A2722" s="2" t="s">
        <v>49</v>
      </c>
      <c r="B2722" s="2" t="s">
        <v>9769</v>
      </c>
      <c r="C2722" s="4" t="s">
        <v>6</v>
      </c>
      <c r="D2722" s="5" t="s">
        <v>45</v>
      </c>
      <c r="E2722" s="5" t="s">
        <v>9770</v>
      </c>
      <c r="F2722" s="6" t="s">
        <v>9771</v>
      </c>
      <c r="G2722" s="2"/>
      <c r="H2722" s="4"/>
      <c r="I2722" s="5"/>
      <c r="J2722" s="5"/>
      <c r="K2722" s="5"/>
      <c r="L2722" s="6"/>
      <c r="M2722" s="2" t="s">
        <v>9772</v>
      </c>
      <c r="N2722" s="3">
        <v>39725</v>
      </c>
      <c r="O2722" s="3">
        <v>45261</v>
      </c>
      <c r="P2722" s="3">
        <v>47087</v>
      </c>
    </row>
    <row r="2723" spans="1:16" x14ac:dyDescent="0.15">
      <c r="A2723" s="2" t="s">
        <v>49</v>
      </c>
      <c r="B2723" s="2" t="s">
        <v>9773</v>
      </c>
      <c r="C2723" s="4" t="s">
        <v>6</v>
      </c>
      <c r="D2723" s="5" t="s">
        <v>45</v>
      </c>
      <c r="E2723" s="5" t="s">
        <v>9774</v>
      </c>
      <c r="F2723" s="6" t="s">
        <v>9775</v>
      </c>
      <c r="G2723" s="2"/>
      <c r="H2723" s="4"/>
      <c r="I2723" s="5"/>
      <c r="J2723" s="5"/>
      <c r="K2723" s="5"/>
      <c r="L2723" s="6"/>
      <c r="M2723" s="2" t="s">
        <v>9776</v>
      </c>
      <c r="N2723" s="3">
        <v>39052</v>
      </c>
      <c r="O2723" s="3">
        <v>45261</v>
      </c>
      <c r="P2723" s="3">
        <v>47452</v>
      </c>
    </row>
    <row r="2724" spans="1:16" x14ac:dyDescent="0.15">
      <c r="A2724" s="2" t="s">
        <v>16</v>
      </c>
      <c r="B2724" s="2" t="s">
        <v>8973</v>
      </c>
      <c r="C2724" s="4" t="s">
        <v>6</v>
      </c>
      <c r="D2724" s="5" t="s">
        <v>4927</v>
      </c>
      <c r="E2724" s="5" t="s">
        <v>8975</v>
      </c>
      <c r="F2724" s="6" t="s">
        <v>5</v>
      </c>
      <c r="G2724" s="2" t="s">
        <v>8973</v>
      </c>
      <c r="H2724" s="4" t="s">
        <v>9</v>
      </c>
      <c r="I2724" s="5" t="s">
        <v>6</v>
      </c>
      <c r="J2724" s="5" t="s">
        <v>111</v>
      </c>
      <c r="K2724" s="5" t="s">
        <v>8974</v>
      </c>
      <c r="L2724" s="6" t="s">
        <v>5</v>
      </c>
      <c r="M2724" s="2" t="s">
        <v>8976</v>
      </c>
      <c r="N2724" s="3">
        <v>35355</v>
      </c>
      <c r="O2724" s="3">
        <v>43405</v>
      </c>
      <c r="P2724" s="3">
        <v>45596</v>
      </c>
    </row>
    <row r="2725" spans="1:16" x14ac:dyDescent="0.15">
      <c r="A2725" s="2" t="s">
        <v>49</v>
      </c>
      <c r="B2725" s="2" t="s">
        <v>9780</v>
      </c>
      <c r="C2725" s="4" t="s">
        <v>6</v>
      </c>
      <c r="D2725" s="5" t="s">
        <v>1027</v>
      </c>
      <c r="E2725" s="5" t="s">
        <v>2818</v>
      </c>
      <c r="F2725" s="6" t="s">
        <v>8128</v>
      </c>
      <c r="G2725" s="2"/>
      <c r="H2725" s="4"/>
      <c r="I2725" s="5"/>
      <c r="J2725" s="5"/>
      <c r="K2725" s="5"/>
      <c r="L2725" s="6"/>
      <c r="M2725" s="2" t="s">
        <v>9781</v>
      </c>
      <c r="N2725" s="3">
        <v>37344</v>
      </c>
      <c r="O2725" s="3">
        <v>45261</v>
      </c>
      <c r="P2725" s="3">
        <v>47452</v>
      </c>
    </row>
    <row r="2726" spans="1:16" x14ac:dyDescent="0.15">
      <c r="A2726" s="2" t="s">
        <v>49</v>
      </c>
      <c r="B2726" s="2" t="s">
        <v>9782</v>
      </c>
      <c r="C2726" s="4" t="s">
        <v>6</v>
      </c>
      <c r="D2726" s="5" t="s">
        <v>45</v>
      </c>
      <c r="E2726" s="5" t="s">
        <v>9783</v>
      </c>
      <c r="F2726" s="6" t="s">
        <v>9784</v>
      </c>
      <c r="G2726" s="2"/>
      <c r="H2726" s="4"/>
      <c r="I2726" s="5"/>
      <c r="J2726" s="5"/>
      <c r="K2726" s="5"/>
      <c r="L2726" s="6"/>
      <c r="M2726" s="2" t="s">
        <v>9785</v>
      </c>
      <c r="N2726" s="3">
        <v>32624</v>
      </c>
      <c r="O2726" s="3">
        <v>45261</v>
      </c>
      <c r="P2726" s="3">
        <v>47452</v>
      </c>
    </row>
    <row r="2727" spans="1:16" x14ac:dyDescent="0.15">
      <c r="A2727" s="2" t="s">
        <v>49</v>
      </c>
      <c r="B2727" s="2" t="s">
        <v>9786</v>
      </c>
      <c r="C2727" s="4" t="s">
        <v>6</v>
      </c>
      <c r="D2727" s="5" t="s">
        <v>1027</v>
      </c>
      <c r="E2727" s="5" t="s">
        <v>1322</v>
      </c>
      <c r="F2727" s="6" t="s">
        <v>9787</v>
      </c>
      <c r="G2727" s="2"/>
      <c r="H2727" s="4"/>
      <c r="I2727" s="5"/>
      <c r="J2727" s="5"/>
      <c r="K2727" s="5"/>
      <c r="L2727" s="6"/>
      <c r="M2727" s="2" t="s">
        <v>9788</v>
      </c>
      <c r="N2727" s="3">
        <v>31586</v>
      </c>
      <c r="O2727" s="3">
        <v>45261</v>
      </c>
      <c r="P2727" s="3">
        <v>47087</v>
      </c>
    </row>
    <row r="2728" spans="1:16" x14ac:dyDescent="0.15">
      <c r="A2728" s="2" t="s">
        <v>16</v>
      </c>
      <c r="B2728" s="2" t="s">
        <v>8973</v>
      </c>
      <c r="C2728" s="4" t="s">
        <v>6</v>
      </c>
      <c r="D2728" s="5" t="s">
        <v>111</v>
      </c>
      <c r="E2728" s="5" t="s">
        <v>8974</v>
      </c>
      <c r="F2728" s="6" t="s">
        <v>5</v>
      </c>
      <c r="G2728" s="2" t="s">
        <v>8973</v>
      </c>
      <c r="H2728" s="4" t="s">
        <v>9</v>
      </c>
      <c r="I2728" s="5" t="s">
        <v>6</v>
      </c>
      <c r="J2728" s="5" t="s">
        <v>111</v>
      </c>
      <c r="K2728" s="5" t="s">
        <v>8974</v>
      </c>
      <c r="L2728" s="6" t="s">
        <v>5</v>
      </c>
      <c r="M2728" s="2" t="s">
        <v>8978</v>
      </c>
      <c r="N2728" s="3">
        <v>35355</v>
      </c>
      <c r="O2728" s="3">
        <v>44136</v>
      </c>
      <c r="P2728" s="3">
        <v>45961</v>
      </c>
    </row>
    <row r="2729" spans="1:16" x14ac:dyDescent="0.15">
      <c r="A2729" s="2" t="s">
        <v>16</v>
      </c>
      <c r="B2729" s="2" t="s">
        <v>9004</v>
      </c>
      <c r="C2729" s="4" t="s">
        <v>6</v>
      </c>
      <c r="D2729" s="5" t="s">
        <v>111</v>
      </c>
      <c r="E2729" s="5" t="s">
        <v>9005</v>
      </c>
      <c r="F2729" s="6" t="s">
        <v>5</v>
      </c>
      <c r="G2729" s="2" t="s">
        <v>9004</v>
      </c>
      <c r="H2729" s="4" t="s">
        <v>9</v>
      </c>
      <c r="I2729" s="5" t="s">
        <v>6</v>
      </c>
      <c r="J2729" s="5" t="s">
        <v>111</v>
      </c>
      <c r="K2729" s="5" t="s">
        <v>9005</v>
      </c>
      <c r="L2729" s="6" t="s">
        <v>5</v>
      </c>
      <c r="M2729" s="2" t="s">
        <v>9006</v>
      </c>
      <c r="N2729" s="3">
        <v>34996</v>
      </c>
      <c r="O2729" s="3">
        <v>45231</v>
      </c>
      <c r="P2729" s="3">
        <v>47422</v>
      </c>
    </row>
    <row r="2730" spans="1:16" x14ac:dyDescent="0.15">
      <c r="A2730" s="2" t="s">
        <v>49</v>
      </c>
      <c r="B2730" s="2" t="s">
        <v>9798</v>
      </c>
      <c r="C2730" s="4" t="s">
        <v>6</v>
      </c>
      <c r="D2730" s="5" t="s">
        <v>45</v>
      </c>
      <c r="E2730" s="5" t="s">
        <v>9799</v>
      </c>
      <c r="F2730" s="6" t="s">
        <v>5</v>
      </c>
      <c r="G2730" s="2"/>
      <c r="H2730" s="4"/>
      <c r="I2730" s="5"/>
      <c r="J2730" s="5"/>
      <c r="K2730" s="5"/>
      <c r="L2730" s="6"/>
      <c r="M2730" s="2" t="s">
        <v>9800</v>
      </c>
      <c r="N2730" s="3">
        <v>39448</v>
      </c>
      <c r="O2730" s="3">
        <v>45261</v>
      </c>
      <c r="P2730" s="3">
        <v>47087</v>
      </c>
    </row>
    <row r="2731" spans="1:16" x14ac:dyDescent="0.15">
      <c r="A2731" s="2" t="s">
        <v>49</v>
      </c>
      <c r="B2731" s="2" t="s">
        <v>9801</v>
      </c>
      <c r="C2731" s="4" t="s">
        <v>6</v>
      </c>
      <c r="D2731" s="5" t="s">
        <v>134</v>
      </c>
      <c r="E2731" s="5" t="s">
        <v>9802</v>
      </c>
      <c r="F2731" s="6" t="s">
        <v>5</v>
      </c>
      <c r="G2731" s="2"/>
      <c r="H2731" s="4"/>
      <c r="I2731" s="5"/>
      <c r="J2731" s="5"/>
      <c r="K2731" s="5"/>
      <c r="L2731" s="6"/>
      <c r="M2731" s="2" t="s">
        <v>9803</v>
      </c>
      <c r="N2731" s="3">
        <v>45231</v>
      </c>
      <c r="O2731" s="3">
        <v>45231</v>
      </c>
      <c r="P2731" s="3">
        <v>47422</v>
      </c>
    </row>
    <row r="2732" spans="1:16" x14ac:dyDescent="0.15">
      <c r="A2732" s="2" t="s">
        <v>49</v>
      </c>
      <c r="B2732" s="2" t="s">
        <v>9804</v>
      </c>
      <c r="C2732" s="4" t="s">
        <v>6</v>
      </c>
      <c r="D2732" s="5" t="s">
        <v>45</v>
      </c>
      <c r="E2732" s="5" t="s">
        <v>9805</v>
      </c>
      <c r="F2732" s="6" t="s">
        <v>9806</v>
      </c>
      <c r="G2732" s="2"/>
      <c r="H2732" s="4"/>
      <c r="I2732" s="5"/>
      <c r="J2732" s="5"/>
      <c r="K2732" s="5"/>
      <c r="L2732" s="6"/>
      <c r="M2732" s="2" t="s">
        <v>9807</v>
      </c>
      <c r="N2732" s="3">
        <v>40599</v>
      </c>
      <c r="O2732" s="3">
        <v>45261</v>
      </c>
      <c r="P2732" s="3">
        <v>47452</v>
      </c>
    </row>
    <row r="2733" spans="1:16" x14ac:dyDescent="0.15">
      <c r="A2733" s="2" t="s">
        <v>49</v>
      </c>
      <c r="B2733" s="2" t="s">
        <v>9808</v>
      </c>
      <c r="C2733" s="4" t="s">
        <v>6</v>
      </c>
      <c r="D2733" s="5" t="s">
        <v>1000</v>
      </c>
      <c r="E2733" s="5" t="s">
        <v>9809</v>
      </c>
      <c r="F2733" s="6" t="s">
        <v>9810</v>
      </c>
      <c r="G2733" s="2"/>
      <c r="H2733" s="4"/>
      <c r="I2733" s="5"/>
      <c r="J2733" s="5"/>
      <c r="K2733" s="5"/>
      <c r="L2733" s="6"/>
      <c r="M2733" s="2" t="s">
        <v>9811</v>
      </c>
      <c r="N2733" s="3">
        <v>43354</v>
      </c>
      <c r="O2733" s="3">
        <v>45261</v>
      </c>
      <c r="P2733" s="3">
        <v>47391</v>
      </c>
    </row>
    <row r="2734" spans="1:16" x14ac:dyDescent="0.15">
      <c r="A2734" s="2" t="s">
        <v>49</v>
      </c>
      <c r="B2734" s="2" t="s">
        <v>9812</v>
      </c>
      <c r="C2734" s="4" t="s">
        <v>6</v>
      </c>
      <c r="D2734" s="5" t="s">
        <v>1027</v>
      </c>
      <c r="E2734" s="5" t="s">
        <v>9813</v>
      </c>
      <c r="F2734" s="6" t="s">
        <v>9814</v>
      </c>
      <c r="G2734" s="2"/>
      <c r="H2734" s="4"/>
      <c r="I2734" s="5"/>
      <c r="J2734" s="5"/>
      <c r="K2734" s="5"/>
      <c r="L2734" s="6"/>
      <c r="M2734" s="2" t="s">
        <v>9815</v>
      </c>
      <c r="N2734" s="3">
        <v>41491</v>
      </c>
      <c r="O2734" s="3">
        <v>45261</v>
      </c>
      <c r="P2734" s="3">
        <v>47452</v>
      </c>
    </row>
    <row r="2735" spans="1:16" x14ac:dyDescent="0.15">
      <c r="A2735" s="2" t="s">
        <v>49</v>
      </c>
      <c r="B2735" s="2" t="s">
        <v>9816</v>
      </c>
      <c r="C2735" s="4" t="s">
        <v>6</v>
      </c>
      <c r="D2735" s="5" t="s">
        <v>45</v>
      </c>
      <c r="E2735" s="5" t="s">
        <v>9516</v>
      </c>
      <c r="F2735" s="6" t="s">
        <v>9817</v>
      </c>
      <c r="G2735" s="2"/>
      <c r="H2735" s="4"/>
      <c r="I2735" s="5"/>
      <c r="J2735" s="5"/>
      <c r="K2735" s="5"/>
      <c r="L2735" s="6"/>
      <c r="M2735" s="2" t="s">
        <v>9818</v>
      </c>
      <c r="N2735" s="3">
        <v>41255</v>
      </c>
      <c r="O2735" s="3">
        <v>45261</v>
      </c>
      <c r="P2735" s="3">
        <v>47087</v>
      </c>
    </row>
    <row r="2736" spans="1:16" x14ac:dyDescent="0.15">
      <c r="A2736" s="2" t="s">
        <v>49</v>
      </c>
      <c r="B2736" s="2" t="s">
        <v>9820</v>
      </c>
      <c r="C2736" s="4" t="s">
        <v>6</v>
      </c>
      <c r="D2736" s="5" t="s">
        <v>2226</v>
      </c>
      <c r="E2736" s="5" t="s">
        <v>9819</v>
      </c>
      <c r="F2736" s="6" t="s">
        <v>5</v>
      </c>
      <c r="G2736" s="2"/>
      <c r="H2736" s="4"/>
      <c r="I2736" s="5"/>
      <c r="J2736" s="5"/>
      <c r="K2736" s="5"/>
      <c r="L2736" s="6"/>
      <c r="M2736" s="2" t="s">
        <v>9821</v>
      </c>
      <c r="N2736" s="3">
        <v>45314</v>
      </c>
      <c r="O2736" s="3">
        <v>45314</v>
      </c>
      <c r="P2736" s="3">
        <v>47756</v>
      </c>
    </row>
    <row r="2737" spans="1:16" x14ac:dyDescent="0.15">
      <c r="A2737" s="2" t="s">
        <v>42</v>
      </c>
      <c r="B2737" s="2" t="s">
        <v>9822</v>
      </c>
      <c r="C2737" s="4" t="s">
        <v>6</v>
      </c>
      <c r="D2737" s="5" t="s">
        <v>45</v>
      </c>
      <c r="E2737" s="5" t="s">
        <v>9823</v>
      </c>
      <c r="F2737" s="6" t="s">
        <v>9824</v>
      </c>
      <c r="G2737" s="2"/>
      <c r="H2737" s="4"/>
      <c r="I2737" s="5"/>
      <c r="J2737" s="5"/>
      <c r="K2737" s="5"/>
      <c r="L2737" s="6"/>
      <c r="M2737" s="2" t="s">
        <v>9825</v>
      </c>
      <c r="N2737" s="3">
        <v>45231</v>
      </c>
      <c r="O2737" s="3">
        <v>45231</v>
      </c>
      <c r="P2737" s="3">
        <v>47452</v>
      </c>
    </row>
    <row r="2738" spans="1:16" x14ac:dyDescent="0.15">
      <c r="A2738" s="2" t="s">
        <v>49</v>
      </c>
      <c r="B2738" s="2" t="s">
        <v>9826</v>
      </c>
      <c r="C2738" s="4" t="s">
        <v>6</v>
      </c>
      <c r="D2738" s="5" t="s">
        <v>1027</v>
      </c>
      <c r="E2738" s="5" t="s">
        <v>1001</v>
      </c>
      <c r="F2738" s="6" t="s">
        <v>9827</v>
      </c>
      <c r="G2738" s="2"/>
      <c r="H2738" s="4"/>
      <c r="I2738" s="5"/>
      <c r="J2738" s="5"/>
      <c r="K2738" s="5"/>
      <c r="L2738" s="6"/>
      <c r="M2738" s="2" t="s">
        <v>9828</v>
      </c>
      <c r="N2738" s="3">
        <v>40848</v>
      </c>
      <c r="O2738" s="3">
        <v>45261</v>
      </c>
      <c r="P2738" s="3">
        <v>47452</v>
      </c>
    </row>
    <row r="2739" spans="1:16" x14ac:dyDescent="0.15">
      <c r="A2739" s="2" t="s">
        <v>16</v>
      </c>
      <c r="B2739" s="2" t="s">
        <v>9283</v>
      </c>
      <c r="C2739" s="4" t="s">
        <v>6</v>
      </c>
      <c r="D2739" s="5" t="s">
        <v>1010</v>
      </c>
      <c r="E2739" s="5" t="s">
        <v>9284</v>
      </c>
      <c r="F2739" s="6" t="s">
        <v>5</v>
      </c>
      <c r="G2739" s="2" t="s">
        <v>9283</v>
      </c>
      <c r="H2739" s="4" t="s">
        <v>9</v>
      </c>
      <c r="I2739" s="5" t="s">
        <v>6</v>
      </c>
      <c r="J2739" s="5" t="s">
        <v>2729</v>
      </c>
      <c r="K2739" s="5" t="s">
        <v>6715</v>
      </c>
      <c r="L2739" s="6" t="s">
        <v>5</v>
      </c>
      <c r="M2739" s="2" t="s">
        <v>9285</v>
      </c>
      <c r="N2739" s="3">
        <v>33468</v>
      </c>
      <c r="O2739" s="3">
        <v>45231</v>
      </c>
      <c r="P2739" s="3">
        <v>47422</v>
      </c>
    </row>
    <row r="2740" spans="1:16" x14ac:dyDescent="0.15">
      <c r="A2740" s="2" t="s">
        <v>16</v>
      </c>
      <c r="B2740" s="2" t="s">
        <v>9320</v>
      </c>
      <c r="C2740" s="4" t="s">
        <v>6</v>
      </c>
      <c r="D2740" s="5" t="s">
        <v>5625</v>
      </c>
      <c r="E2740" s="5" t="s">
        <v>9321</v>
      </c>
      <c r="F2740" s="6" t="s">
        <v>9322</v>
      </c>
      <c r="G2740" s="2" t="s">
        <v>9318</v>
      </c>
      <c r="H2740" s="4" t="s">
        <v>9</v>
      </c>
      <c r="I2740" s="5" t="s">
        <v>6</v>
      </c>
      <c r="J2740" s="5" t="s">
        <v>5625</v>
      </c>
      <c r="K2740" s="5" t="s">
        <v>9319</v>
      </c>
      <c r="L2740" s="6" t="s">
        <v>5</v>
      </c>
      <c r="M2740" s="2" t="s">
        <v>9323</v>
      </c>
      <c r="N2740" s="3">
        <v>42917</v>
      </c>
      <c r="O2740" s="3">
        <v>45200</v>
      </c>
      <c r="P2740" s="3">
        <v>47391</v>
      </c>
    </row>
    <row r="2741" spans="1:16" x14ac:dyDescent="0.15">
      <c r="A2741" s="2" t="s">
        <v>49</v>
      </c>
      <c r="B2741" s="2" t="s">
        <v>9835</v>
      </c>
      <c r="C2741" s="4" t="s">
        <v>6</v>
      </c>
      <c r="D2741" s="5" t="s">
        <v>111</v>
      </c>
      <c r="E2741" s="5" t="s">
        <v>9834</v>
      </c>
      <c r="F2741" s="6" t="s">
        <v>5</v>
      </c>
      <c r="G2741" s="2"/>
      <c r="H2741" s="4"/>
      <c r="I2741" s="5"/>
      <c r="J2741" s="5"/>
      <c r="K2741" s="5"/>
      <c r="L2741" s="6"/>
      <c r="M2741" s="2" t="s">
        <v>9836</v>
      </c>
      <c r="N2741" s="3">
        <v>42853</v>
      </c>
      <c r="O2741" s="3">
        <v>45231</v>
      </c>
      <c r="P2741" s="3">
        <v>47422</v>
      </c>
    </row>
    <row r="2742" spans="1:16" x14ac:dyDescent="0.15">
      <c r="A2742" s="2" t="s">
        <v>49</v>
      </c>
      <c r="B2742" s="2" t="s">
        <v>9837</v>
      </c>
      <c r="C2742" s="4" t="s">
        <v>6</v>
      </c>
      <c r="D2742" s="5" t="s">
        <v>608</v>
      </c>
      <c r="E2742" s="5" t="s">
        <v>9838</v>
      </c>
      <c r="F2742" s="6" t="s">
        <v>9839</v>
      </c>
      <c r="G2742" s="2"/>
      <c r="H2742" s="4"/>
      <c r="I2742" s="5"/>
      <c r="J2742" s="5"/>
      <c r="K2742" s="5"/>
      <c r="L2742" s="6"/>
      <c r="M2742" s="2" t="s">
        <v>9840</v>
      </c>
      <c r="N2742" s="3">
        <v>43229</v>
      </c>
      <c r="O2742" s="3">
        <v>45261</v>
      </c>
      <c r="P2742" s="3">
        <v>47087</v>
      </c>
    </row>
    <row r="2743" spans="1:16" x14ac:dyDescent="0.15">
      <c r="A2743" s="2" t="s">
        <v>49</v>
      </c>
      <c r="B2743" s="2" t="s">
        <v>9841</v>
      </c>
      <c r="C2743" s="4" t="s">
        <v>6</v>
      </c>
      <c r="D2743" s="5" t="s">
        <v>1517</v>
      </c>
      <c r="E2743" s="5" t="s">
        <v>6189</v>
      </c>
      <c r="F2743" s="6" t="s">
        <v>5</v>
      </c>
      <c r="G2743" s="2"/>
      <c r="H2743" s="4"/>
      <c r="I2743" s="5"/>
      <c r="J2743" s="5"/>
      <c r="K2743" s="5"/>
      <c r="L2743" s="6"/>
      <c r="M2743" s="2" t="s">
        <v>9842</v>
      </c>
      <c r="N2743" s="3">
        <v>45444</v>
      </c>
      <c r="O2743" s="3">
        <v>45444</v>
      </c>
      <c r="P2743" s="3">
        <v>47391</v>
      </c>
    </row>
    <row r="2744" spans="1:16" x14ac:dyDescent="0.15">
      <c r="A2744" s="2" t="s">
        <v>49</v>
      </c>
      <c r="B2744" s="2" t="s">
        <v>6382</v>
      </c>
      <c r="C2744" s="4" t="s">
        <v>6</v>
      </c>
      <c r="D2744" s="5" t="s">
        <v>301</v>
      </c>
      <c r="E2744" s="5" t="s">
        <v>5683</v>
      </c>
      <c r="F2744" s="6" t="s">
        <v>5</v>
      </c>
      <c r="G2744" s="2"/>
      <c r="H2744" s="4"/>
      <c r="I2744" s="5"/>
      <c r="J2744" s="5"/>
      <c r="K2744" s="5"/>
      <c r="L2744" s="6"/>
      <c r="M2744" s="2" t="s">
        <v>9843</v>
      </c>
      <c r="N2744" s="3">
        <v>45231</v>
      </c>
      <c r="O2744" s="3">
        <v>45231</v>
      </c>
      <c r="P2744" s="3">
        <v>47573</v>
      </c>
    </row>
    <row r="2745" spans="1:16" x14ac:dyDescent="0.15">
      <c r="A2745" s="2" t="s">
        <v>486</v>
      </c>
      <c r="B2745" s="2" t="s">
        <v>9844</v>
      </c>
      <c r="C2745" s="4" t="s">
        <v>6</v>
      </c>
      <c r="D2745" s="5" t="s">
        <v>1944</v>
      </c>
      <c r="E2745" s="5" t="s">
        <v>9845</v>
      </c>
      <c r="F2745" s="6" t="s">
        <v>5</v>
      </c>
      <c r="G2745" s="2"/>
      <c r="H2745" s="4"/>
      <c r="I2745" s="5"/>
      <c r="J2745" s="5"/>
      <c r="K2745" s="5"/>
      <c r="L2745" s="6"/>
      <c r="M2745" s="2" t="s">
        <v>9846</v>
      </c>
      <c r="N2745" s="3">
        <v>45261</v>
      </c>
      <c r="O2745" s="3">
        <v>45261</v>
      </c>
      <c r="P2745" s="3">
        <v>47787</v>
      </c>
    </row>
    <row r="2746" spans="1:16" x14ac:dyDescent="0.15">
      <c r="A2746" s="2" t="s">
        <v>16</v>
      </c>
      <c r="B2746" s="2" t="s">
        <v>4305</v>
      </c>
      <c r="C2746" s="4" t="s">
        <v>6</v>
      </c>
      <c r="D2746" s="5" t="s">
        <v>2371</v>
      </c>
      <c r="E2746" s="5" t="s">
        <v>2189</v>
      </c>
      <c r="F2746" s="6" t="s">
        <v>5</v>
      </c>
      <c r="G2746" s="2" t="s">
        <v>9342</v>
      </c>
      <c r="H2746" s="4" t="s">
        <v>9</v>
      </c>
      <c r="I2746" s="5" t="s">
        <v>6</v>
      </c>
      <c r="J2746" s="5" t="s">
        <v>2371</v>
      </c>
      <c r="K2746" s="5" t="s">
        <v>2189</v>
      </c>
      <c r="L2746" s="6" t="s">
        <v>5</v>
      </c>
      <c r="M2746" s="2" t="s">
        <v>9343</v>
      </c>
      <c r="N2746" s="3">
        <v>43009</v>
      </c>
      <c r="O2746" s="3">
        <v>45200</v>
      </c>
      <c r="P2746" s="3">
        <v>47391</v>
      </c>
    </row>
    <row r="2747" spans="1:16" x14ac:dyDescent="0.15">
      <c r="A2747" s="2" t="s">
        <v>49</v>
      </c>
      <c r="B2747" s="2" t="s">
        <v>9854</v>
      </c>
      <c r="C2747" s="4" t="s">
        <v>6</v>
      </c>
      <c r="D2747" s="5" t="s">
        <v>1860</v>
      </c>
      <c r="E2747" s="5" t="s">
        <v>9853</v>
      </c>
      <c r="F2747" s="6" t="s">
        <v>5</v>
      </c>
      <c r="G2747" s="2" t="s">
        <v>9852</v>
      </c>
      <c r="H2747" s="4" t="s">
        <v>9</v>
      </c>
      <c r="I2747" s="5" t="s">
        <v>6</v>
      </c>
      <c r="J2747" s="5" t="s">
        <v>1860</v>
      </c>
      <c r="K2747" s="5" t="s">
        <v>9853</v>
      </c>
      <c r="L2747" s="6" t="s">
        <v>5</v>
      </c>
      <c r="M2747" s="2" t="s">
        <v>9855</v>
      </c>
      <c r="N2747" s="3">
        <v>45231</v>
      </c>
      <c r="O2747" s="3">
        <v>45231</v>
      </c>
      <c r="P2747" s="3">
        <v>47208</v>
      </c>
    </row>
    <row r="2748" spans="1:16" x14ac:dyDescent="0.15">
      <c r="A2748" s="2" t="s">
        <v>49</v>
      </c>
      <c r="B2748" s="2" t="s">
        <v>9856</v>
      </c>
      <c r="C2748" s="4" t="s">
        <v>6</v>
      </c>
      <c r="D2748" s="5" t="s">
        <v>456</v>
      </c>
      <c r="E2748" s="5" t="s">
        <v>520</v>
      </c>
      <c r="F2748" s="6" t="s">
        <v>5</v>
      </c>
      <c r="G2748" s="2"/>
      <c r="H2748" s="4"/>
      <c r="I2748" s="5"/>
      <c r="J2748" s="5"/>
      <c r="K2748" s="5"/>
      <c r="L2748" s="6"/>
      <c r="M2748" s="2" t="s">
        <v>9857</v>
      </c>
      <c r="N2748" s="3">
        <v>45253</v>
      </c>
      <c r="O2748" s="3">
        <v>45253</v>
      </c>
      <c r="P2748" s="3">
        <v>47269</v>
      </c>
    </row>
    <row r="2749" spans="1:16" x14ac:dyDescent="0.15">
      <c r="A2749" s="2" t="s">
        <v>49</v>
      </c>
      <c r="B2749" s="2" t="s">
        <v>9858</v>
      </c>
      <c r="C2749" s="4" t="s">
        <v>6</v>
      </c>
      <c r="D2749" s="5" t="s">
        <v>1027</v>
      </c>
      <c r="E2749" s="5" t="s">
        <v>3021</v>
      </c>
      <c r="F2749" s="6" t="s">
        <v>9859</v>
      </c>
      <c r="G2749" s="2"/>
      <c r="H2749" s="4"/>
      <c r="I2749" s="5"/>
      <c r="J2749" s="5"/>
      <c r="K2749" s="5"/>
      <c r="L2749" s="6"/>
      <c r="M2749" s="2" t="s">
        <v>9860</v>
      </c>
      <c r="N2749" s="3">
        <v>40555</v>
      </c>
      <c r="O2749" s="3">
        <v>45261</v>
      </c>
      <c r="P2749" s="3">
        <v>47452</v>
      </c>
    </row>
    <row r="2750" spans="1:16" x14ac:dyDescent="0.15">
      <c r="A2750" s="2" t="s">
        <v>49</v>
      </c>
      <c r="B2750" s="2" t="s">
        <v>9865</v>
      </c>
      <c r="C2750" s="4" t="s">
        <v>6</v>
      </c>
      <c r="D2750" s="5" t="s">
        <v>3288</v>
      </c>
      <c r="E2750" s="5" t="s">
        <v>1569</v>
      </c>
      <c r="F2750" s="6" t="s">
        <v>5</v>
      </c>
      <c r="G2750" s="2" t="s">
        <v>9861</v>
      </c>
      <c r="H2750" s="4" t="s">
        <v>685</v>
      </c>
      <c r="I2750" s="5" t="s">
        <v>9862</v>
      </c>
      <c r="J2750" s="5" t="s">
        <v>9863</v>
      </c>
      <c r="K2750" s="5" t="s">
        <v>9864</v>
      </c>
      <c r="L2750" s="6" t="s">
        <v>5</v>
      </c>
      <c r="M2750" s="2" t="s">
        <v>9866</v>
      </c>
      <c r="N2750" s="3">
        <v>42870</v>
      </c>
      <c r="O2750" s="3">
        <v>45261</v>
      </c>
      <c r="P2750" s="3">
        <v>47452</v>
      </c>
    </row>
    <row r="2751" spans="1:16" x14ac:dyDescent="0.15">
      <c r="A2751" s="2" t="s">
        <v>16</v>
      </c>
      <c r="B2751" s="2" t="s">
        <v>9865</v>
      </c>
      <c r="C2751" s="4" t="s">
        <v>6</v>
      </c>
      <c r="D2751" s="5" t="s">
        <v>3288</v>
      </c>
      <c r="E2751" s="5" t="s">
        <v>1569</v>
      </c>
      <c r="F2751" s="6" t="s">
        <v>5</v>
      </c>
      <c r="G2751" s="2" t="s">
        <v>9861</v>
      </c>
      <c r="H2751" s="4" t="s">
        <v>685</v>
      </c>
      <c r="I2751" s="5" t="s">
        <v>9862</v>
      </c>
      <c r="J2751" s="5" t="s">
        <v>9863</v>
      </c>
      <c r="K2751" s="5" t="s">
        <v>9864</v>
      </c>
      <c r="L2751" s="6" t="s">
        <v>5</v>
      </c>
      <c r="M2751" s="2" t="s">
        <v>9867</v>
      </c>
      <c r="N2751" s="3">
        <v>42870</v>
      </c>
      <c r="O2751" s="3">
        <v>45261</v>
      </c>
      <c r="P2751" s="3">
        <v>47452</v>
      </c>
    </row>
    <row r="2752" spans="1:16" x14ac:dyDescent="0.15">
      <c r="A2752" s="2" t="s">
        <v>16</v>
      </c>
      <c r="B2752" s="2" t="s">
        <v>9777</v>
      </c>
      <c r="C2752" s="4" t="s">
        <v>6</v>
      </c>
      <c r="D2752" s="5" t="s">
        <v>1037</v>
      </c>
      <c r="E2752" s="5" t="s">
        <v>9778</v>
      </c>
      <c r="F2752" s="6" t="s">
        <v>5</v>
      </c>
      <c r="G2752" s="2" t="s">
        <v>9777</v>
      </c>
      <c r="H2752" s="4" t="s">
        <v>9</v>
      </c>
      <c r="I2752" s="5" t="s">
        <v>6</v>
      </c>
      <c r="J2752" s="5" t="s">
        <v>1037</v>
      </c>
      <c r="K2752" s="5" t="s">
        <v>9778</v>
      </c>
      <c r="L2752" s="6" t="s">
        <v>5</v>
      </c>
      <c r="M2752" s="2" t="s">
        <v>9779</v>
      </c>
      <c r="N2752" s="3">
        <v>34994</v>
      </c>
      <c r="O2752" s="3">
        <v>45231</v>
      </c>
      <c r="P2752" s="3">
        <v>47422</v>
      </c>
    </row>
    <row r="2753" spans="1:16" x14ac:dyDescent="0.15">
      <c r="A2753" s="2" t="s">
        <v>49</v>
      </c>
      <c r="B2753" s="2" t="s">
        <v>9874</v>
      </c>
      <c r="C2753" s="4" t="s">
        <v>6</v>
      </c>
      <c r="D2753" s="5" t="s">
        <v>9875</v>
      </c>
      <c r="E2753" s="5" t="s">
        <v>5</v>
      </c>
      <c r="F2753" s="6" t="s">
        <v>5</v>
      </c>
      <c r="G2753" s="2"/>
      <c r="H2753" s="4"/>
      <c r="I2753" s="5"/>
      <c r="J2753" s="5"/>
      <c r="K2753" s="5"/>
      <c r="L2753" s="6"/>
      <c r="M2753" s="2" t="s">
        <v>9876</v>
      </c>
      <c r="N2753" s="3">
        <v>45231</v>
      </c>
      <c r="O2753" s="3">
        <v>45231</v>
      </c>
      <c r="P2753" s="3">
        <v>48121</v>
      </c>
    </row>
    <row r="2754" spans="1:16" x14ac:dyDescent="0.15">
      <c r="A2754" s="2" t="s">
        <v>49</v>
      </c>
      <c r="B2754" s="2" t="s">
        <v>9877</v>
      </c>
      <c r="C2754" s="4" t="s">
        <v>6</v>
      </c>
      <c r="D2754" s="5" t="s">
        <v>1027</v>
      </c>
      <c r="E2754" s="5" t="s">
        <v>3178</v>
      </c>
      <c r="F2754" s="6" t="s">
        <v>9878</v>
      </c>
      <c r="G2754" s="2"/>
      <c r="H2754" s="4"/>
      <c r="I2754" s="5"/>
      <c r="J2754" s="5"/>
      <c r="K2754" s="5"/>
      <c r="L2754" s="6"/>
      <c r="M2754" s="2" t="s">
        <v>9879</v>
      </c>
      <c r="N2754" s="3">
        <v>43173</v>
      </c>
      <c r="O2754" s="3">
        <v>45261</v>
      </c>
      <c r="P2754" s="3">
        <v>47087</v>
      </c>
    </row>
    <row r="2755" spans="1:16" x14ac:dyDescent="0.15">
      <c r="A2755" s="2" t="s">
        <v>16</v>
      </c>
      <c r="B2755" s="2" t="s">
        <v>9897</v>
      </c>
      <c r="C2755" s="4" t="s">
        <v>6</v>
      </c>
      <c r="D2755" s="5" t="s">
        <v>627</v>
      </c>
      <c r="E2755" s="5" t="s">
        <v>9898</v>
      </c>
      <c r="F2755" s="6" t="s">
        <v>5</v>
      </c>
      <c r="G2755" s="2" t="s">
        <v>9894</v>
      </c>
      <c r="H2755" s="4" t="s">
        <v>685</v>
      </c>
      <c r="I2755" s="5" t="s">
        <v>686</v>
      </c>
      <c r="J2755" s="5" t="s">
        <v>9895</v>
      </c>
      <c r="K2755" s="5" t="s">
        <v>9896</v>
      </c>
      <c r="L2755" s="6" t="s">
        <v>5</v>
      </c>
      <c r="M2755" s="2" t="s">
        <v>9899</v>
      </c>
      <c r="N2755" s="3">
        <v>45238</v>
      </c>
      <c r="O2755" s="3">
        <v>45238</v>
      </c>
      <c r="P2755" s="3">
        <v>47573</v>
      </c>
    </row>
    <row r="2756" spans="1:16" x14ac:dyDescent="0.15">
      <c r="A2756" s="2" t="s">
        <v>49</v>
      </c>
      <c r="B2756" s="2" t="s">
        <v>9885</v>
      </c>
      <c r="C2756" s="4" t="s">
        <v>6</v>
      </c>
      <c r="D2756" s="5" t="s">
        <v>9884</v>
      </c>
      <c r="E2756" s="5" t="s">
        <v>9886</v>
      </c>
      <c r="F2756" s="6" t="s">
        <v>5</v>
      </c>
      <c r="G2756" s="2"/>
      <c r="H2756" s="4"/>
      <c r="I2756" s="5"/>
      <c r="J2756" s="5"/>
      <c r="K2756" s="5"/>
      <c r="L2756" s="6"/>
      <c r="M2756" s="2" t="s">
        <v>9887</v>
      </c>
      <c r="N2756" s="3">
        <v>45248</v>
      </c>
      <c r="O2756" s="3">
        <v>45248</v>
      </c>
      <c r="P2756" s="3">
        <v>47756</v>
      </c>
    </row>
    <row r="2757" spans="1:16" x14ac:dyDescent="0.15">
      <c r="A2757" s="2" t="s">
        <v>49</v>
      </c>
      <c r="B2757" s="2" t="s">
        <v>9888</v>
      </c>
      <c r="C2757" s="4" t="s">
        <v>6</v>
      </c>
      <c r="D2757" s="5" t="s">
        <v>45</v>
      </c>
      <c r="E2757" s="5" t="s">
        <v>6119</v>
      </c>
      <c r="F2757" s="6" t="s">
        <v>9889</v>
      </c>
      <c r="G2757" s="2"/>
      <c r="H2757" s="4"/>
      <c r="I2757" s="5"/>
      <c r="J2757" s="5"/>
      <c r="K2757" s="5"/>
      <c r="L2757" s="6"/>
      <c r="M2757" s="2" t="s">
        <v>9890</v>
      </c>
      <c r="N2757" s="3">
        <v>40717</v>
      </c>
      <c r="O2757" s="3">
        <v>45261</v>
      </c>
      <c r="P2757" s="3">
        <v>47452</v>
      </c>
    </row>
    <row r="2758" spans="1:16" x14ac:dyDescent="0.15">
      <c r="A2758" s="2" t="s">
        <v>49</v>
      </c>
      <c r="B2758" s="2" t="s">
        <v>9891</v>
      </c>
      <c r="C2758" s="4" t="s">
        <v>6</v>
      </c>
      <c r="D2758" s="5" t="s">
        <v>1027</v>
      </c>
      <c r="E2758" s="5" t="s">
        <v>1536</v>
      </c>
      <c r="F2758" s="6" t="s">
        <v>9892</v>
      </c>
      <c r="G2758" s="2"/>
      <c r="H2758" s="4"/>
      <c r="I2758" s="5"/>
      <c r="J2758" s="5"/>
      <c r="K2758" s="5"/>
      <c r="L2758" s="6"/>
      <c r="M2758" s="2" t="s">
        <v>9893</v>
      </c>
      <c r="N2758" s="3">
        <v>42802</v>
      </c>
      <c r="O2758" s="3">
        <v>45261</v>
      </c>
      <c r="P2758" s="3">
        <v>47452</v>
      </c>
    </row>
    <row r="2759" spans="1:16" x14ac:dyDescent="0.15">
      <c r="A2759" s="2" t="s">
        <v>16</v>
      </c>
      <c r="B2759" s="2" t="s">
        <v>10274</v>
      </c>
      <c r="C2759" s="4" t="s">
        <v>6</v>
      </c>
      <c r="D2759" s="5" t="s">
        <v>745</v>
      </c>
      <c r="E2759" s="5" t="s">
        <v>10276</v>
      </c>
      <c r="F2759" s="6" t="s">
        <v>5</v>
      </c>
      <c r="G2759" s="2" t="s">
        <v>10274</v>
      </c>
      <c r="H2759" s="4" t="s">
        <v>9</v>
      </c>
      <c r="I2759" s="5" t="s">
        <v>6</v>
      </c>
      <c r="J2759" s="5" t="s">
        <v>583</v>
      </c>
      <c r="K2759" s="5" t="s">
        <v>10275</v>
      </c>
      <c r="L2759" s="6" t="s">
        <v>5</v>
      </c>
      <c r="M2759" s="2" t="s">
        <v>10277</v>
      </c>
      <c r="N2759" s="3">
        <v>45332</v>
      </c>
      <c r="O2759" s="3">
        <v>45332</v>
      </c>
      <c r="P2759" s="3">
        <v>47664</v>
      </c>
    </row>
    <row r="2760" spans="1:16" x14ac:dyDescent="0.15">
      <c r="A2760" s="2" t="s">
        <v>16</v>
      </c>
      <c r="B2760" s="2" t="s">
        <v>9901</v>
      </c>
      <c r="C2760" s="4" t="s">
        <v>6</v>
      </c>
      <c r="D2760" s="5" t="s">
        <v>1944</v>
      </c>
      <c r="E2760" s="5" t="s">
        <v>9900</v>
      </c>
      <c r="F2760" s="6" t="s">
        <v>5</v>
      </c>
      <c r="G2760" s="2"/>
      <c r="H2760" s="4"/>
      <c r="I2760" s="5"/>
      <c r="J2760" s="5"/>
      <c r="K2760" s="5"/>
      <c r="L2760" s="6"/>
      <c r="M2760" s="2" t="s">
        <v>9902</v>
      </c>
      <c r="N2760" s="3">
        <v>28018</v>
      </c>
      <c r="O2760" s="3">
        <v>45231</v>
      </c>
      <c r="P2760" s="3">
        <v>47422</v>
      </c>
    </row>
    <row r="2761" spans="1:16" x14ac:dyDescent="0.15">
      <c r="A2761" s="2" t="s">
        <v>49</v>
      </c>
      <c r="B2761" s="2" t="s">
        <v>9903</v>
      </c>
      <c r="C2761" s="4" t="s">
        <v>6</v>
      </c>
      <c r="D2761" s="5" t="s">
        <v>2179</v>
      </c>
      <c r="E2761" s="5" t="s">
        <v>9904</v>
      </c>
      <c r="F2761" s="6" t="s">
        <v>5</v>
      </c>
      <c r="G2761" s="2"/>
      <c r="H2761" s="4"/>
      <c r="I2761" s="5"/>
      <c r="J2761" s="5"/>
      <c r="K2761" s="5"/>
      <c r="L2761" s="6"/>
      <c r="M2761" s="2" t="s">
        <v>9905</v>
      </c>
      <c r="N2761" s="3">
        <v>36078</v>
      </c>
      <c r="O2761" s="3">
        <v>45231</v>
      </c>
      <c r="P2761" s="3">
        <v>47057</v>
      </c>
    </row>
    <row r="2762" spans="1:16" x14ac:dyDescent="0.15">
      <c r="A2762" s="2" t="s">
        <v>16</v>
      </c>
      <c r="B2762" s="2" t="s">
        <v>10296</v>
      </c>
      <c r="C2762" s="4" t="s">
        <v>6</v>
      </c>
      <c r="D2762" s="5" t="s">
        <v>5563</v>
      </c>
      <c r="E2762" s="5" t="s">
        <v>10295</v>
      </c>
      <c r="F2762" s="6" t="s">
        <v>5</v>
      </c>
      <c r="G2762" s="2" t="s">
        <v>10294</v>
      </c>
      <c r="H2762" s="4" t="s">
        <v>9</v>
      </c>
      <c r="I2762" s="5" t="s">
        <v>6</v>
      </c>
      <c r="J2762" s="5" t="s">
        <v>5563</v>
      </c>
      <c r="K2762" s="5" t="s">
        <v>10295</v>
      </c>
      <c r="L2762" s="6" t="s">
        <v>5</v>
      </c>
      <c r="M2762" s="2" t="s">
        <v>10298</v>
      </c>
      <c r="N2762" s="3">
        <v>45310</v>
      </c>
      <c r="O2762" s="3">
        <v>45310</v>
      </c>
      <c r="P2762" s="3">
        <v>47299</v>
      </c>
    </row>
    <row r="2763" spans="1:16" x14ac:dyDescent="0.15">
      <c r="A2763" s="2" t="s">
        <v>49</v>
      </c>
      <c r="B2763" s="2" t="s">
        <v>9911</v>
      </c>
      <c r="C2763" s="4" t="s">
        <v>6</v>
      </c>
      <c r="D2763" s="5" t="s">
        <v>696</v>
      </c>
      <c r="E2763" s="5" t="s">
        <v>9912</v>
      </c>
      <c r="F2763" s="6" t="s">
        <v>5</v>
      </c>
      <c r="G2763" s="2"/>
      <c r="H2763" s="4"/>
      <c r="I2763" s="5"/>
      <c r="J2763" s="5"/>
      <c r="K2763" s="5"/>
      <c r="L2763" s="6"/>
      <c r="M2763" s="2" t="s">
        <v>9913</v>
      </c>
      <c r="N2763" s="3">
        <v>42971</v>
      </c>
      <c r="O2763" s="3">
        <v>45231</v>
      </c>
      <c r="P2763" s="3">
        <v>47422</v>
      </c>
    </row>
    <row r="2764" spans="1:16" x14ac:dyDescent="0.15">
      <c r="A2764" s="2" t="s">
        <v>16</v>
      </c>
      <c r="B2764" s="2" t="s">
        <v>10419</v>
      </c>
      <c r="C2764" s="4" t="s">
        <v>6</v>
      </c>
      <c r="D2764" s="5" t="s">
        <v>2093</v>
      </c>
      <c r="E2764" s="5" t="s">
        <v>10418</v>
      </c>
      <c r="F2764" s="6" t="s">
        <v>5</v>
      </c>
      <c r="G2764" s="2" t="s">
        <v>10417</v>
      </c>
      <c r="H2764" s="4" t="s">
        <v>9</v>
      </c>
      <c r="I2764" s="5" t="s">
        <v>6</v>
      </c>
      <c r="J2764" s="5" t="s">
        <v>2093</v>
      </c>
      <c r="K2764" s="5" t="s">
        <v>10418</v>
      </c>
      <c r="L2764" s="6" t="s">
        <v>5</v>
      </c>
      <c r="M2764" s="2" t="s">
        <v>10420</v>
      </c>
      <c r="N2764" s="3">
        <v>45336</v>
      </c>
      <c r="O2764" s="3">
        <v>45336</v>
      </c>
      <c r="P2764" s="3">
        <v>47756</v>
      </c>
    </row>
    <row r="2765" spans="1:16" x14ac:dyDescent="0.15">
      <c r="A2765" s="2" t="s">
        <v>16</v>
      </c>
      <c r="B2765" s="2" t="s">
        <v>10528</v>
      </c>
      <c r="C2765" s="4" t="s">
        <v>6</v>
      </c>
      <c r="D2765" s="5" t="s">
        <v>10119</v>
      </c>
      <c r="E2765" s="5" t="s">
        <v>10529</v>
      </c>
      <c r="F2765" s="6" t="s">
        <v>10530</v>
      </c>
      <c r="G2765" s="2" t="s">
        <v>10526</v>
      </c>
      <c r="H2765" s="4" t="s">
        <v>9</v>
      </c>
      <c r="I2765" s="5" t="s">
        <v>6</v>
      </c>
      <c r="J2765" s="5" t="s">
        <v>10119</v>
      </c>
      <c r="K2765" s="5" t="s">
        <v>10527</v>
      </c>
      <c r="L2765" s="6" t="s">
        <v>5</v>
      </c>
      <c r="M2765" s="2" t="s">
        <v>10531</v>
      </c>
      <c r="N2765" s="3">
        <v>45442</v>
      </c>
      <c r="O2765" s="3">
        <v>45442</v>
      </c>
      <c r="P2765" s="3">
        <v>47756</v>
      </c>
    </row>
    <row r="2766" spans="1:16" x14ac:dyDescent="0.15">
      <c r="A2766" s="2" t="s">
        <v>16</v>
      </c>
      <c r="B2766" s="2" t="s">
        <v>10710</v>
      </c>
      <c r="C2766" s="4" t="s">
        <v>6</v>
      </c>
      <c r="D2766" s="5" t="s">
        <v>583</v>
      </c>
      <c r="E2766" s="5" t="s">
        <v>4203</v>
      </c>
      <c r="F2766" s="6" t="s">
        <v>5</v>
      </c>
      <c r="G2766" s="2" t="s">
        <v>10708</v>
      </c>
      <c r="H2766" s="4" t="s">
        <v>9</v>
      </c>
      <c r="I2766" s="5" t="s">
        <v>6</v>
      </c>
      <c r="J2766" s="5" t="s">
        <v>583</v>
      </c>
      <c r="K2766" s="5" t="s">
        <v>10709</v>
      </c>
      <c r="L2766" s="6" t="s">
        <v>5</v>
      </c>
      <c r="M2766" s="2" t="s">
        <v>10712</v>
      </c>
      <c r="N2766" s="3">
        <v>45377</v>
      </c>
      <c r="O2766" s="3">
        <v>45377</v>
      </c>
      <c r="P2766" s="3">
        <v>47664</v>
      </c>
    </row>
    <row r="2767" spans="1:16" x14ac:dyDescent="0.15">
      <c r="A2767" s="2" t="s">
        <v>49</v>
      </c>
      <c r="B2767" s="2" t="s">
        <v>9929</v>
      </c>
      <c r="C2767" s="4" t="s">
        <v>6</v>
      </c>
      <c r="D2767" s="5" t="s">
        <v>608</v>
      </c>
      <c r="E2767" s="5" t="s">
        <v>1723</v>
      </c>
      <c r="F2767" s="6" t="s">
        <v>9930</v>
      </c>
      <c r="G2767" s="2"/>
      <c r="H2767" s="4"/>
      <c r="I2767" s="5"/>
      <c r="J2767" s="5"/>
      <c r="K2767" s="5"/>
      <c r="L2767" s="6"/>
      <c r="M2767" s="2" t="s">
        <v>9931</v>
      </c>
      <c r="N2767" s="3">
        <v>42872</v>
      </c>
      <c r="O2767" s="3">
        <v>45261</v>
      </c>
      <c r="P2767" s="3">
        <v>47452</v>
      </c>
    </row>
    <row r="2768" spans="1:16" x14ac:dyDescent="0.15">
      <c r="A2768" s="2" t="s">
        <v>49</v>
      </c>
      <c r="B2768" s="2" t="s">
        <v>9932</v>
      </c>
      <c r="C2768" s="4" t="s">
        <v>6</v>
      </c>
      <c r="D2768" s="5" t="s">
        <v>91</v>
      </c>
      <c r="E2768" s="5" t="s">
        <v>9935</v>
      </c>
      <c r="F2768" s="6" t="s">
        <v>5</v>
      </c>
      <c r="G2768" s="2" t="s">
        <v>9932</v>
      </c>
      <c r="H2768" s="4" t="s">
        <v>9</v>
      </c>
      <c r="I2768" s="5" t="s">
        <v>904</v>
      </c>
      <c r="J2768" s="5" t="s">
        <v>9933</v>
      </c>
      <c r="K2768" s="5" t="s">
        <v>9934</v>
      </c>
      <c r="L2768" s="6" t="s">
        <v>5</v>
      </c>
      <c r="M2768" s="2" t="s">
        <v>9936</v>
      </c>
      <c r="N2768" s="3">
        <v>45236</v>
      </c>
      <c r="O2768" s="3">
        <v>45236</v>
      </c>
      <c r="P2768" s="3">
        <v>47208</v>
      </c>
    </row>
    <row r="2769" spans="1:16" x14ac:dyDescent="0.15">
      <c r="A2769" s="2" t="s">
        <v>16</v>
      </c>
      <c r="B2769" s="2" t="s">
        <v>9939</v>
      </c>
      <c r="C2769" s="4" t="s">
        <v>6</v>
      </c>
      <c r="D2769" s="5" t="s">
        <v>9937</v>
      </c>
      <c r="E2769" s="5" t="s">
        <v>9938</v>
      </c>
      <c r="F2769" s="6" t="s">
        <v>5</v>
      </c>
      <c r="G2769" s="2"/>
      <c r="H2769" s="4"/>
      <c r="I2769" s="5"/>
      <c r="J2769" s="5"/>
      <c r="K2769" s="5"/>
      <c r="L2769" s="6"/>
      <c r="M2769" s="2" t="s">
        <v>9940</v>
      </c>
      <c r="N2769" s="3">
        <v>45239</v>
      </c>
      <c r="O2769" s="3">
        <v>45239</v>
      </c>
      <c r="P2769" s="3">
        <v>47391</v>
      </c>
    </row>
    <row r="2770" spans="1:16" x14ac:dyDescent="0.15">
      <c r="A2770" s="2" t="s">
        <v>486</v>
      </c>
      <c r="B2770" s="2" t="s">
        <v>9939</v>
      </c>
      <c r="C2770" s="4" t="s">
        <v>6</v>
      </c>
      <c r="D2770" s="5" t="s">
        <v>9937</v>
      </c>
      <c r="E2770" s="5" t="s">
        <v>9938</v>
      </c>
      <c r="F2770" s="6" t="s">
        <v>5</v>
      </c>
      <c r="G2770" s="2"/>
      <c r="H2770" s="4"/>
      <c r="I2770" s="5"/>
      <c r="J2770" s="5"/>
      <c r="K2770" s="5"/>
      <c r="L2770" s="6"/>
      <c r="M2770" s="2" t="s">
        <v>9941</v>
      </c>
      <c r="N2770" s="3">
        <v>45239</v>
      </c>
      <c r="O2770" s="3">
        <v>45239</v>
      </c>
      <c r="P2770" s="3">
        <v>47391</v>
      </c>
    </row>
    <row r="2771" spans="1:16" x14ac:dyDescent="0.15">
      <c r="A2771" s="2" t="s">
        <v>49</v>
      </c>
      <c r="B2771" s="2" t="s">
        <v>9942</v>
      </c>
      <c r="C2771" s="4" t="s">
        <v>6</v>
      </c>
      <c r="D2771" s="5" t="s">
        <v>45</v>
      </c>
      <c r="E2771" s="5" t="s">
        <v>8522</v>
      </c>
      <c r="F2771" s="6" t="s">
        <v>9943</v>
      </c>
      <c r="G2771" s="2"/>
      <c r="H2771" s="4"/>
      <c r="I2771" s="5"/>
      <c r="J2771" s="5"/>
      <c r="K2771" s="5"/>
      <c r="L2771" s="6"/>
      <c r="M2771" s="2" t="s">
        <v>9944</v>
      </c>
      <c r="N2771" s="3">
        <v>43235</v>
      </c>
      <c r="O2771" s="3">
        <v>45261</v>
      </c>
      <c r="P2771" s="3">
        <v>47087</v>
      </c>
    </row>
    <row r="2772" spans="1:16" x14ac:dyDescent="0.15">
      <c r="A2772" s="2" t="s">
        <v>49</v>
      </c>
      <c r="B2772" s="2" t="s">
        <v>9945</v>
      </c>
      <c r="C2772" s="4" t="s">
        <v>6</v>
      </c>
      <c r="D2772" s="5" t="s">
        <v>45</v>
      </c>
      <c r="E2772" s="5" t="s">
        <v>4310</v>
      </c>
      <c r="F2772" s="6" t="s">
        <v>9946</v>
      </c>
      <c r="G2772" s="2"/>
      <c r="H2772" s="4"/>
      <c r="I2772" s="5"/>
      <c r="J2772" s="5"/>
      <c r="K2772" s="5"/>
      <c r="L2772" s="6"/>
      <c r="M2772" s="2" t="s">
        <v>9947</v>
      </c>
      <c r="N2772" s="3">
        <v>40995</v>
      </c>
      <c r="O2772" s="3">
        <v>45261</v>
      </c>
      <c r="P2772" s="3">
        <v>47452</v>
      </c>
    </row>
    <row r="2773" spans="1:16" x14ac:dyDescent="0.15">
      <c r="A2773" s="2" t="s">
        <v>49</v>
      </c>
      <c r="B2773" s="2" t="s">
        <v>9949</v>
      </c>
      <c r="C2773" s="4" t="s">
        <v>6</v>
      </c>
      <c r="D2773" s="5" t="s">
        <v>4378</v>
      </c>
      <c r="E2773" s="5" t="s">
        <v>9948</v>
      </c>
      <c r="F2773" s="6" t="s">
        <v>5</v>
      </c>
      <c r="G2773" s="2"/>
      <c r="H2773" s="4"/>
      <c r="I2773" s="5"/>
      <c r="J2773" s="5"/>
      <c r="K2773" s="5"/>
      <c r="L2773" s="6"/>
      <c r="M2773" s="2" t="s">
        <v>9950</v>
      </c>
      <c r="N2773" s="3">
        <v>45241</v>
      </c>
      <c r="O2773" s="3">
        <v>45241</v>
      </c>
      <c r="P2773" s="3">
        <v>47238</v>
      </c>
    </row>
    <row r="2774" spans="1:16" x14ac:dyDescent="0.15">
      <c r="A2774" s="2" t="s">
        <v>16</v>
      </c>
      <c r="B2774" s="2" t="s">
        <v>10856</v>
      </c>
      <c r="C2774" s="4" t="s">
        <v>6</v>
      </c>
      <c r="D2774" s="5" t="s">
        <v>623</v>
      </c>
      <c r="E2774" s="5" t="s">
        <v>10857</v>
      </c>
      <c r="F2774" s="6" t="s">
        <v>10858</v>
      </c>
      <c r="G2774" s="2" t="s">
        <v>10854</v>
      </c>
      <c r="H2774" s="4" t="s">
        <v>9</v>
      </c>
      <c r="I2774" s="5" t="s">
        <v>6</v>
      </c>
      <c r="J2774" s="5" t="s">
        <v>1148</v>
      </c>
      <c r="K2774" s="5" t="s">
        <v>10855</v>
      </c>
      <c r="L2774" s="6" t="s">
        <v>5</v>
      </c>
      <c r="M2774" s="2" t="s">
        <v>10859</v>
      </c>
      <c r="N2774" s="3">
        <v>37970</v>
      </c>
      <c r="O2774" s="3">
        <v>45413</v>
      </c>
      <c r="P2774" s="3">
        <v>47238</v>
      </c>
    </row>
    <row r="2775" spans="1:16" x14ac:dyDescent="0.15">
      <c r="A2775" s="2" t="s">
        <v>49</v>
      </c>
      <c r="B2775" s="2" t="s">
        <v>9957</v>
      </c>
      <c r="C2775" s="4" t="s">
        <v>6</v>
      </c>
      <c r="D2775" s="5" t="s">
        <v>45</v>
      </c>
      <c r="E2775" s="5" t="s">
        <v>9958</v>
      </c>
      <c r="F2775" s="6" t="s">
        <v>9959</v>
      </c>
      <c r="G2775" s="2"/>
      <c r="H2775" s="4"/>
      <c r="I2775" s="5"/>
      <c r="J2775" s="5"/>
      <c r="K2775" s="5"/>
      <c r="L2775" s="6"/>
      <c r="M2775" s="2" t="s">
        <v>9960</v>
      </c>
      <c r="N2775" s="3">
        <v>40652</v>
      </c>
      <c r="O2775" s="3">
        <v>45261</v>
      </c>
      <c r="P2775" s="3">
        <v>47452</v>
      </c>
    </row>
    <row r="2776" spans="1:16" x14ac:dyDescent="0.15">
      <c r="A2776" s="2" t="s">
        <v>16</v>
      </c>
      <c r="B2776" s="2" t="s">
        <v>10872</v>
      </c>
      <c r="C2776" s="4" t="s">
        <v>6</v>
      </c>
      <c r="D2776" s="5" t="s">
        <v>1148</v>
      </c>
      <c r="E2776" s="5" t="s">
        <v>10871</v>
      </c>
      <c r="F2776" s="6" t="s">
        <v>5</v>
      </c>
      <c r="G2776" s="2" t="s">
        <v>10870</v>
      </c>
      <c r="H2776" s="4" t="s">
        <v>9</v>
      </c>
      <c r="I2776" s="5" t="s">
        <v>6</v>
      </c>
      <c r="J2776" s="5" t="s">
        <v>1148</v>
      </c>
      <c r="K2776" s="5" t="s">
        <v>10871</v>
      </c>
      <c r="L2776" s="6" t="s">
        <v>5</v>
      </c>
      <c r="M2776" s="2" t="s">
        <v>10873</v>
      </c>
      <c r="N2776" s="3">
        <v>40835</v>
      </c>
      <c r="O2776" s="3">
        <v>45383</v>
      </c>
      <c r="P2776" s="3">
        <v>47573</v>
      </c>
    </row>
    <row r="2777" spans="1:16" x14ac:dyDescent="0.15">
      <c r="A2777" s="2" t="s">
        <v>16</v>
      </c>
      <c r="B2777" s="2" t="s">
        <v>10931</v>
      </c>
      <c r="C2777" s="4" t="s">
        <v>6</v>
      </c>
      <c r="D2777" s="5" t="s">
        <v>33</v>
      </c>
      <c r="E2777" s="5" t="s">
        <v>10930</v>
      </c>
      <c r="F2777" s="6" t="s">
        <v>5</v>
      </c>
      <c r="G2777" s="2" t="s">
        <v>10929</v>
      </c>
      <c r="H2777" s="4" t="s">
        <v>9</v>
      </c>
      <c r="I2777" s="5" t="s">
        <v>6</v>
      </c>
      <c r="J2777" s="5" t="s">
        <v>33</v>
      </c>
      <c r="K2777" s="5" t="s">
        <v>10930</v>
      </c>
      <c r="L2777" s="6" t="s">
        <v>5</v>
      </c>
      <c r="M2777" s="2" t="s">
        <v>10933</v>
      </c>
      <c r="N2777" s="3">
        <v>43201</v>
      </c>
      <c r="O2777" s="3">
        <v>45413</v>
      </c>
      <c r="P2777" s="3">
        <v>47603</v>
      </c>
    </row>
    <row r="2778" spans="1:16" x14ac:dyDescent="0.15">
      <c r="A2778" s="2" t="s">
        <v>16</v>
      </c>
      <c r="B2778" s="2" t="s">
        <v>11206</v>
      </c>
      <c r="C2778" s="4" t="s">
        <v>6</v>
      </c>
      <c r="D2778" s="5" t="s">
        <v>11207</v>
      </c>
      <c r="E2778" s="5" t="s">
        <v>11208</v>
      </c>
      <c r="F2778" s="6" t="s">
        <v>5</v>
      </c>
      <c r="G2778" s="2" t="s">
        <v>11204</v>
      </c>
      <c r="H2778" s="4" t="s">
        <v>9</v>
      </c>
      <c r="I2778" s="5" t="s">
        <v>6</v>
      </c>
      <c r="J2778" s="5" t="s">
        <v>11205</v>
      </c>
      <c r="K2778" s="5" t="s">
        <v>5</v>
      </c>
      <c r="L2778" s="6" t="s">
        <v>5</v>
      </c>
      <c r="M2778" s="2" t="s">
        <v>11210</v>
      </c>
      <c r="N2778" s="3">
        <v>45458</v>
      </c>
      <c r="O2778" s="3">
        <v>45458</v>
      </c>
      <c r="P2778" s="3">
        <v>47664</v>
      </c>
    </row>
    <row r="2779" spans="1:16" x14ac:dyDescent="0.15">
      <c r="A2779" s="2" t="s">
        <v>49</v>
      </c>
      <c r="B2779" s="2" t="s">
        <v>9976</v>
      </c>
      <c r="C2779" s="4" t="s">
        <v>6</v>
      </c>
      <c r="D2779" s="5" t="s">
        <v>1027</v>
      </c>
      <c r="E2779" s="5" t="s">
        <v>6049</v>
      </c>
      <c r="F2779" s="6" t="s">
        <v>9977</v>
      </c>
      <c r="G2779" s="2"/>
      <c r="H2779" s="4"/>
      <c r="I2779" s="5"/>
      <c r="J2779" s="5"/>
      <c r="K2779" s="5"/>
      <c r="L2779" s="6"/>
      <c r="M2779" s="2" t="s">
        <v>9978</v>
      </c>
      <c r="N2779" s="3">
        <v>35851</v>
      </c>
      <c r="O2779" s="3">
        <v>45261</v>
      </c>
      <c r="P2779" s="3">
        <v>47087</v>
      </c>
    </row>
    <row r="2780" spans="1:16" x14ac:dyDescent="0.15">
      <c r="A2780" s="2" t="s">
        <v>49</v>
      </c>
      <c r="B2780" s="2" t="s">
        <v>9979</v>
      </c>
      <c r="C2780" s="4" t="s">
        <v>6</v>
      </c>
      <c r="D2780" s="5" t="s">
        <v>6866</v>
      </c>
      <c r="E2780" s="5" t="s">
        <v>9980</v>
      </c>
      <c r="F2780" s="6" t="s">
        <v>9981</v>
      </c>
      <c r="G2780" s="2"/>
      <c r="H2780" s="4"/>
      <c r="I2780" s="5"/>
      <c r="J2780" s="5"/>
      <c r="K2780" s="5"/>
      <c r="L2780" s="6"/>
      <c r="M2780" s="2" t="s">
        <v>9982</v>
      </c>
      <c r="N2780" s="3">
        <v>45261</v>
      </c>
      <c r="O2780" s="3">
        <v>45261</v>
      </c>
      <c r="P2780" s="3">
        <v>47787</v>
      </c>
    </row>
    <row r="2781" spans="1:16" x14ac:dyDescent="0.15">
      <c r="A2781" s="2" t="s">
        <v>49</v>
      </c>
      <c r="B2781" s="2" t="s">
        <v>9983</v>
      </c>
      <c r="C2781" s="4" t="s">
        <v>6</v>
      </c>
      <c r="D2781" s="5" t="s">
        <v>1027</v>
      </c>
      <c r="E2781" s="5" t="s">
        <v>5782</v>
      </c>
      <c r="F2781" s="6" t="s">
        <v>9984</v>
      </c>
      <c r="G2781" s="2"/>
      <c r="H2781" s="4"/>
      <c r="I2781" s="5"/>
      <c r="J2781" s="5"/>
      <c r="K2781" s="5"/>
      <c r="L2781" s="6"/>
      <c r="M2781" s="2" t="s">
        <v>9985</v>
      </c>
      <c r="N2781" s="3">
        <v>43385</v>
      </c>
      <c r="O2781" s="3">
        <v>45261</v>
      </c>
      <c r="P2781" s="3">
        <v>47087</v>
      </c>
    </row>
    <row r="2782" spans="1:16" x14ac:dyDescent="0.15">
      <c r="A2782" s="2" t="s">
        <v>49</v>
      </c>
      <c r="B2782" s="2" t="s">
        <v>9986</v>
      </c>
      <c r="C2782" s="4" t="s">
        <v>6</v>
      </c>
      <c r="D2782" s="5" t="s">
        <v>5431</v>
      </c>
      <c r="E2782" s="5" t="s">
        <v>9987</v>
      </c>
      <c r="F2782" s="6" t="s">
        <v>9988</v>
      </c>
      <c r="G2782" s="2"/>
      <c r="H2782" s="4"/>
      <c r="I2782" s="5"/>
      <c r="J2782" s="5"/>
      <c r="K2782" s="5"/>
      <c r="L2782" s="6"/>
      <c r="M2782" s="2" t="s">
        <v>9989</v>
      </c>
      <c r="N2782" s="3">
        <v>45243</v>
      </c>
      <c r="O2782" s="3">
        <v>45243</v>
      </c>
      <c r="P2782" s="3">
        <v>47664</v>
      </c>
    </row>
    <row r="2783" spans="1:16" x14ac:dyDescent="0.15">
      <c r="A2783" s="2" t="s">
        <v>858</v>
      </c>
      <c r="B2783" s="2" t="s">
        <v>854</v>
      </c>
      <c r="C2783" s="4" t="s">
        <v>6</v>
      </c>
      <c r="D2783" s="5" t="s">
        <v>855</v>
      </c>
      <c r="E2783" s="5" t="s">
        <v>856</v>
      </c>
      <c r="F2783" s="6" t="s">
        <v>5</v>
      </c>
      <c r="G2783" s="2" t="s">
        <v>854</v>
      </c>
      <c r="H2783" s="4" t="s">
        <v>9</v>
      </c>
      <c r="I2783" s="5" t="s">
        <v>6</v>
      </c>
      <c r="J2783" s="5" t="s">
        <v>855</v>
      </c>
      <c r="K2783" s="5" t="s">
        <v>856</v>
      </c>
      <c r="L2783" s="6" t="s">
        <v>5</v>
      </c>
      <c r="M2783" s="2" t="s">
        <v>859</v>
      </c>
      <c r="N2783" s="3">
        <v>40690</v>
      </c>
      <c r="O2783" s="3">
        <v>44378</v>
      </c>
      <c r="P2783" s="3">
        <v>46203</v>
      </c>
    </row>
    <row r="2784" spans="1:16" x14ac:dyDescent="0.15">
      <c r="A2784" s="2" t="s">
        <v>49</v>
      </c>
      <c r="B2784" s="2" t="s">
        <v>9996</v>
      </c>
      <c r="C2784" s="4" t="s">
        <v>6</v>
      </c>
      <c r="D2784" s="5" t="s">
        <v>456</v>
      </c>
      <c r="E2784" s="5" t="s">
        <v>520</v>
      </c>
      <c r="F2784" s="6" t="s">
        <v>5</v>
      </c>
      <c r="G2784" s="2"/>
      <c r="H2784" s="4"/>
      <c r="I2784" s="5"/>
      <c r="J2784" s="5"/>
      <c r="K2784" s="5"/>
      <c r="L2784" s="6"/>
      <c r="M2784" s="2" t="s">
        <v>9997</v>
      </c>
      <c r="N2784" s="3">
        <v>45238</v>
      </c>
      <c r="O2784" s="3">
        <v>45238</v>
      </c>
      <c r="P2784" s="3">
        <v>47269</v>
      </c>
    </row>
    <row r="2785" spans="1:16" x14ac:dyDescent="0.15">
      <c r="A2785" s="2" t="s">
        <v>49</v>
      </c>
      <c r="B2785" s="2" t="s">
        <v>9998</v>
      </c>
      <c r="C2785" s="4" t="s">
        <v>6</v>
      </c>
      <c r="D2785" s="5" t="s">
        <v>1027</v>
      </c>
      <c r="E2785" s="5" t="s">
        <v>4653</v>
      </c>
      <c r="F2785" s="6" t="s">
        <v>9999</v>
      </c>
      <c r="G2785" s="2"/>
      <c r="H2785" s="4"/>
      <c r="I2785" s="5"/>
      <c r="J2785" s="5"/>
      <c r="K2785" s="5"/>
      <c r="L2785" s="6"/>
      <c r="M2785" s="2" t="s">
        <v>10000</v>
      </c>
      <c r="N2785" s="3">
        <v>43026</v>
      </c>
      <c r="O2785" s="3">
        <v>45261</v>
      </c>
      <c r="P2785" s="3">
        <v>47452</v>
      </c>
    </row>
    <row r="2786" spans="1:16" x14ac:dyDescent="0.15">
      <c r="A2786" s="2" t="s">
        <v>858</v>
      </c>
      <c r="B2786" s="2" t="s">
        <v>992</v>
      </c>
      <c r="C2786" s="4" t="s">
        <v>6</v>
      </c>
      <c r="D2786" s="5" t="s">
        <v>408</v>
      </c>
      <c r="E2786" s="5" t="s">
        <v>993</v>
      </c>
      <c r="F2786" s="6" t="s">
        <v>5</v>
      </c>
      <c r="G2786" s="2" t="s">
        <v>989</v>
      </c>
      <c r="H2786" s="4" t="s">
        <v>9</v>
      </c>
      <c r="I2786" s="5" t="s">
        <v>6</v>
      </c>
      <c r="J2786" s="5" t="s">
        <v>990</v>
      </c>
      <c r="K2786" s="5" t="s">
        <v>991</v>
      </c>
      <c r="L2786" s="6" t="s">
        <v>5</v>
      </c>
      <c r="M2786" s="2" t="s">
        <v>995</v>
      </c>
      <c r="N2786" s="3">
        <v>44670</v>
      </c>
      <c r="O2786" s="3">
        <v>44670</v>
      </c>
      <c r="P2786" s="3">
        <v>47026</v>
      </c>
    </row>
    <row r="2787" spans="1:16" x14ac:dyDescent="0.15">
      <c r="A2787" s="2" t="s">
        <v>858</v>
      </c>
      <c r="B2787" s="2" t="s">
        <v>2159</v>
      </c>
      <c r="C2787" s="4" t="s">
        <v>6</v>
      </c>
      <c r="D2787" s="5" t="s">
        <v>200</v>
      </c>
      <c r="E2787" s="5" t="s">
        <v>2160</v>
      </c>
      <c r="F2787" s="6" t="s">
        <v>2161</v>
      </c>
      <c r="G2787" s="2" t="s">
        <v>2157</v>
      </c>
      <c r="H2787" s="4" t="s">
        <v>9</v>
      </c>
      <c r="I2787" s="5" t="s">
        <v>6</v>
      </c>
      <c r="J2787" s="5" t="s">
        <v>200</v>
      </c>
      <c r="K2787" s="5" t="s">
        <v>2158</v>
      </c>
      <c r="L2787" s="6" t="s">
        <v>5</v>
      </c>
      <c r="M2787" s="2" t="s">
        <v>2163</v>
      </c>
      <c r="N2787" s="3">
        <v>42545</v>
      </c>
      <c r="O2787" s="3">
        <v>45017</v>
      </c>
      <c r="P2787" s="3">
        <v>47208</v>
      </c>
    </row>
    <row r="2788" spans="1:16" x14ac:dyDescent="0.15">
      <c r="A2788" s="2" t="s">
        <v>858</v>
      </c>
      <c r="B2788" s="2" t="s">
        <v>2535</v>
      </c>
      <c r="C2788" s="4" t="s">
        <v>6</v>
      </c>
      <c r="D2788" s="5" t="s">
        <v>45</v>
      </c>
      <c r="E2788" s="5" t="s">
        <v>2536</v>
      </c>
      <c r="F2788" s="6" t="s">
        <v>2537</v>
      </c>
      <c r="G2788" s="2" t="s">
        <v>2532</v>
      </c>
      <c r="H2788" s="4" t="s">
        <v>9</v>
      </c>
      <c r="I2788" s="5" t="s">
        <v>6</v>
      </c>
      <c r="J2788" s="5" t="s">
        <v>2533</v>
      </c>
      <c r="K2788" s="5" t="s">
        <v>2534</v>
      </c>
      <c r="L2788" s="6" t="s">
        <v>5</v>
      </c>
      <c r="M2788" s="2" t="s">
        <v>2538</v>
      </c>
      <c r="N2788" s="3">
        <v>44461</v>
      </c>
      <c r="O2788" s="3">
        <v>44461</v>
      </c>
      <c r="P2788" s="3">
        <v>46721</v>
      </c>
    </row>
    <row r="2789" spans="1:16" x14ac:dyDescent="0.15">
      <c r="A2789" s="2" t="s">
        <v>858</v>
      </c>
      <c r="B2789" s="2" t="s">
        <v>3331</v>
      </c>
      <c r="C2789" s="4" t="s">
        <v>6</v>
      </c>
      <c r="D2789" s="5" t="s">
        <v>3332</v>
      </c>
      <c r="E2789" s="5" t="s">
        <v>3333</v>
      </c>
      <c r="F2789" s="6" t="s">
        <v>5</v>
      </c>
      <c r="G2789" s="2" t="s">
        <v>3329</v>
      </c>
      <c r="H2789" s="4" t="s">
        <v>9</v>
      </c>
      <c r="I2789" s="5" t="s">
        <v>6</v>
      </c>
      <c r="J2789" s="5" t="s">
        <v>3330</v>
      </c>
      <c r="K2789" s="5" t="s">
        <v>5</v>
      </c>
      <c r="L2789" s="6" t="s">
        <v>5</v>
      </c>
      <c r="M2789" s="2" t="s">
        <v>3336</v>
      </c>
      <c r="N2789" s="3">
        <v>36782</v>
      </c>
      <c r="O2789" s="3">
        <v>43374</v>
      </c>
      <c r="P2789" s="3">
        <v>45565</v>
      </c>
    </row>
    <row r="2790" spans="1:16" x14ac:dyDescent="0.15">
      <c r="A2790" s="2" t="s">
        <v>858</v>
      </c>
      <c r="B2790" s="2" t="s">
        <v>4130</v>
      </c>
      <c r="C2790" s="4" t="s">
        <v>6</v>
      </c>
      <c r="D2790" s="5" t="s">
        <v>870</v>
      </c>
      <c r="E2790" s="5" t="s">
        <v>4121</v>
      </c>
      <c r="F2790" s="6" t="s">
        <v>5</v>
      </c>
      <c r="G2790" s="2" t="s">
        <v>4120</v>
      </c>
      <c r="H2790" s="4" t="s">
        <v>9</v>
      </c>
      <c r="I2790" s="5" t="s">
        <v>6</v>
      </c>
      <c r="J2790" s="5" t="s">
        <v>870</v>
      </c>
      <c r="K2790" s="5" t="s">
        <v>4121</v>
      </c>
      <c r="L2790" s="6" t="s">
        <v>5</v>
      </c>
      <c r="M2790" s="2" t="s">
        <v>4132</v>
      </c>
      <c r="N2790" s="3">
        <v>35171</v>
      </c>
      <c r="O2790" s="3">
        <v>45017</v>
      </c>
      <c r="P2790" s="3">
        <v>47208</v>
      </c>
    </row>
    <row r="2791" spans="1:16" x14ac:dyDescent="0.15">
      <c r="A2791" s="2" t="s">
        <v>49</v>
      </c>
      <c r="B2791" s="2" t="s">
        <v>10013</v>
      </c>
      <c r="C2791" s="4" t="s">
        <v>6</v>
      </c>
      <c r="D2791" s="5" t="s">
        <v>1027</v>
      </c>
      <c r="E2791" s="5" t="s">
        <v>3352</v>
      </c>
      <c r="F2791" s="6" t="s">
        <v>10014</v>
      </c>
      <c r="G2791" s="2"/>
      <c r="H2791" s="4"/>
      <c r="I2791" s="5"/>
      <c r="J2791" s="5"/>
      <c r="K2791" s="5"/>
      <c r="L2791" s="6"/>
      <c r="M2791" s="2" t="s">
        <v>10015</v>
      </c>
      <c r="N2791" s="3">
        <v>43041</v>
      </c>
      <c r="O2791" s="3">
        <v>45261</v>
      </c>
      <c r="P2791" s="3">
        <v>47452</v>
      </c>
    </row>
    <row r="2792" spans="1:16" x14ac:dyDescent="0.15">
      <c r="A2792" s="2" t="s">
        <v>49</v>
      </c>
      <c r="B2792" s="2" t="s">
        <v>10016</v>
      </c>
      <c r="C2792" s="4" t="s">
        <v>6</v>
      </c>
      <c r="D2792" s="5" t="s">
        <v>45</v>
      </c>
      <c r="E2792" s="5" t="s">
        <v>10017</v>
      </c>
      <c r="F2792" s="6" t="s">
        <v>5</v>
      </c>
      <c r="G2792" s="2"/>
      <c r="H2792" s="4"/>
      <c r="I2792" s="5"/>
      <c r="J2792" s="5"/>
      <c r="K2792" s="5"/>
      <c r="L2792" s="6"/>
      <c r="M2792" s="2" t="s">
        <v>10018</v>
      </c>
      <c r="N2792" s="3">
        <v>40613</v>
      </c>
      <c r="O2792" s="3">
        <v>45261</v>
      </c>
      <c r="P2792" s="3">
        <v>47452</v>
      </c>
    </row>
    <row r="2793" spans="1:16" x14ac:dyDescent="0.15">
      <c r="A2793" s="2" t="s">
        <v>49</v>
      </c>
      <c r="B2793" s="2" t="s">
        <v>10019</v>
      </c>
      <c r="C2793" s="4" t="s">
        <v>6</v>
      </c>
      <c r="D2793" s="5" t="s">
        <v>1027</v>
      </c>
      <c r="E2793" s="5" t="s">
        <v>3194</v>
      </c>
      <c r="F2793" s="6" t="s">
        <v>10020</v>
      </c>
      <c r="G2793" s="2"/>
      <c r="H2793" s="4"/>
      <c r="I2793" s="5"/>
      <c r="J2793" s="5"/>
      <c r="K2793" s="5"/>
      <c r="L2793" s="6"/>
      <c r="M2793" s="2" t="s">
        <v>10021</v>
      </c>
      <c r="N2793" s="3">
        <v>41309</v>
      </c>
      <c r="O2793" s="3">
        <v>45261</v>
      </c>
      <c r="P2793" s="3">
        <v>47087</v>
      </c>
    </row>
    <row r="2794" spans="1:16" x14ac:dyDescent="0.15">
      <c r="A2794" s="2" t="s">
        <v>49</v>
      </c>
      <c r="B2794" s="2" t="s">
        <v>10022</v>
      </c>
      <c r="C2794" s="4" t="s">
        <v>6</v>
      </c>
      <c r="D2794" s="5" t="s">
        <v>1027</v>
      </c>
      <c r="E2794" s="5" t="s">
        <v>10023</v>
      </c>
      <c r="F2794" s="6" t="s">
        <v>10024</v>
      </c>
      <c r="G2794" s="2"/>
      <c r="H2794" s="4"/>
      <c r="I2794" s="5"/>
      <c r="J2794" s="5"/>
      <c r="K2794" s="5"/>
      <c r="L2794" s="6"/>
      <c r="M2794" s="2" t="s">
        <v>10025</v>
      </c>
      <c r="N2794" s="3">
        <v>37809</v>
      </c>
      <c r="O2794" s="3">
        <v>45261</v>
      </c>
      <c r="P2794" s="3">
        <v>47087</v>
      </c>
    </row>
    <row r="2795" spans="1:16" x14ac:dyDescent="0.15">
      <c r="A2795" s="2" t="s">
        <v>49</v>
      </c>
      <c r="B2795" s="2" t="s">
        <v>10026</v>
      </c>
      <c r="C2795" s="4" t="s">
        <v>6</v>
      </c>
      <c r="D2795" s="5" t="s">
        <v>1027</v>
      </c>
      <c r="E2795" s="5" t="s">
        <v>3037</v>
      </c>
      <c r="F2795" s="6" t="s">
        <v>10027</v>
      </c>
      <c r="G2795" s="2"/>
      <c r="H2795" s="4"/>
      <c r="I2795" s="5"/>
      <c r="J2795" s="5"/>
      <c r="K2795" s="5"/>
      <c r="L2795" s="6"/>
      <c r="M2795" s="2" t="s">
        <v>10028</v>
      </c>
      <c r="N2795" s="3">
        <v>38825</v>
      </c>
      <c r="O2795" s="3">
        <v>45261</v>
      </c>
      <c r="P2795" s="3">
        <v>47452</v>
      </c>
    </row>
    <row r="2796" spans="1:16" x14ac:dyDescent="0.15">
      <c r="A2796" s="2" t="s">
        <v>858</v>
      </c>
      <c r="B2796" s="2" t="s">
        <v>4738</v>
      </c>
      <c r="C2796" s="4" t="s">
        <v>6</v>
      </c>
      <c r="D2796" s="5" t="s">
        <v>1081</v>
      </c>
      <c r="E2796" s="5" t="s">
        <v>4739</v>
      </c>
      <c r="F2796" s="6" t="s">
        <v>5</v>
      </c>
      <c r="G2796" s="2" t="s">
        <v>4735</v>
      </c>
      <c r="H2796" s="4" t="s">
        <v>685</v>
      </c>
      <c r="I2796" s="5" t="s">
        <v>686</v>
      </c>
      <c r="J2796" s="5" t="s">
        <v>4736</v>
      </c>
      <c r="K2796" s="5" t="s">
        <v>4737</v>
      </c>
      <c r="L2796" s="6" t="s">
        <v>5</v>
      </c>
      <c r="M2796" s="2" t="s">
        <v>4740</v>
      </c>
      <c r="N2796" s="3">
        <v>38411</v>
      </c>
      <c r="O2796" s="3">
        <v>44682</v>
      </c>
      <c r="P2796" s="3">
        <v>46873</v>
      </c>
    </row>
    <row r="2797" spans="1:16" x14ac:dyDescent="0.15">
      <c r="A2797" s="2" t="s">
        <v>16</v>
      </c>
      <c r="B2797" s="2" t="s">
        <v>10035</v>
      </c>
      <c r="C2797" s="4" t="s">
        <v>6</v>
      </c>
      <c r="D2797" s="5" t="s">
        <v>1427</v>
      </c>
      <c r="E2797" s="5" t="s">
        <v>10036</v>
      </c>
      <c r="F2797" s="6" t="s">
        <v>5</v>
      </c>
      <c r="G2797" s="2"/>
      <c r="H2797" s="4"/>
      <c r="I2797" s="5"/>
      <c r="J2797" s="5"/>
      <c r="K2797" s="5"/>
      <c r="L2797" s="6"/>
      <c r="M2797" s="2" t="s">
        <v>10037</v>
      </c>
      <c r="N2797" s="3">
        <v>45245</v>
      </c>
      <c r="O2797" s="3">
        <v>45245</v>
      </c>
      <c r="P2797" s="3">
        <v>47422</v>
      </c>
    </row>
    <row r="2798" spans="1:16" x14ac:dyDescent="0.15">
      <c r="A2798" s="2" t="s">
        <v>49</v>
      </c>
      <c r="B2798" s="2" t="s">
        <v>10038</v>
      </c>
      <c r="C2798" s="4" t="s">
        <v>6</v>
      </c>
      <c r="D2798" s="5" t="s">
        <v>456</v>
      </c>
      <c r="E2798" s="5" t="s">
        <v>520</v>
      </c>
      <c r="F2798" s="6" t="s">
        <v>5</v>
      </c>
      <c r="G2798" s="2"/>
      <c r="H2798" s="4"/>
      <c r="I2798" s="5"/>
      <c r="J2798" s="5"/>
      <c r="K2798" s="5"/>
      <c r="L2798" s="6"/>
      <c r="M2798" s="2" t="s">
        <v>10039</v>
      </c>
      <c r="N2798" s="3">
        <v>45241</v>
      </c>
      <c r="O2798" s="3">
        <v>45241</v>
      </c>
      <c r="P2798" s="3">
        <v>47269</v>
      </c>
    </row>
    <row r="2799" spans="1:16" x14ac:dyDescent="0.15">
      <c r="A2799" s="2" t="s">
        <v>49</v>
      </c>
      <c r="B2799" s="2" t="s">
        <v>10040</v>
      </c>
      <c r="C2799" s="4" t="s">
        <v>6</v>
      </c>
      <c r="D2799" s="5" t="s">
        <v>2089</v>
      </c>
      <c r="E2799" s="5" t="s">
        <v>2666</v>
      </c>
      <c r="F2799" s="6" t="s">
        <v>10041</v>
      </c>
      <c r="G2799" s="2"/>
      <c r="H2799" s="4"/>
      <c r="I2799" s="5"/>
      <c r="J2799" s="5"/>
      <c r="K2799" s="5"/>
      <c r="L2799" s="6"/>
      <c r="M2799" s="2" t="s">
        <v>10042</v>
      </c>
      <c r="N2799" s="3">
        <v>43189</v>
      </c>
      <c r="O2799" s="3">
        <v>45261</v>
      </c>
      <c r="P2799" s="3">
        <v>47087</v>
      </c>
    </row>
    <row r="2800" spans="1:16" x14ac:dyDescent="0.15">
      <c r="A2800" s="2" t="s">
        <v>858</v>
      </c>
      <c r="B2800" s="2" t="s">
        <v>6975</v>
      </c>
      <c r="C2800" s="4" t="s">
        <v>6</v>
      </c>
      <c r="D2800" s="5" t="s">
        <v>6974</v>
      </c>
      <c r="E2800" s="5" t="s">
        <v>2766</v>
      </c>
      <c r="F2800" s="6" t="s">
        <v>5</v>
      </c>
      <c r="G2800" s="2" t="s">
        <v>6973</v>
      </c>
      <c r="H2800" s="4" t="s">
        <v>9</v>
      </c>
      <c r="I2800" s="5" t="s">
        <v>6</v>
      </c>
      <c r="J2800" s="5" t="s">
        <v>6974</v>
      </c>
      <c r="K2800" s="5" t="s">
        <v>2766</v>
      </c>
      <c r="L2800" s="6" t="s">
        <v>5</v>
      </c>
      <c r="M2800" s="2" t="s">
        <v>6977</v>
      </c>
      <c r="N2800" s="3">
        <v>42867</v>
      </c>
      <c r="O2800" s="3">
        <v>44866</v>
      </c>
      <c r="P2800" s="3">
        <v>46691</v>
      </c>
    </row>
    <row r="2801" spans="1:16" x14ac:dyDescent="0.15">
      <c r="A2801" s="2" t="s">
        <v>49</v>
      </c>
      <c r="B2801" s="2" t="s">
        <v>10048</v>
      </c>
      <c r="C2801" s="4" t="s">
        <v>6</v>
      </c>
      <c r="D2801" s="5" t="s">
        <v>1027</v>
      </c>
      <c r="E2801" s="5" t="s">
        <v>3211</v>
      </c>
      <c r="F2801" s="6" t="s">
        <v>10049</v>
      </c>
      <c r="G2801" s="2"/>
      <c r="H2801" s="4"/>
      <c r="I2801" s="5"/>
      <c r="J2801" s="5"/>
      <c r="K2801" s="5"/>
      <c r="L2801" s="6"/>
      <c r="M2801" s="2" t="s">
        <v>10050</v>
      </c>
      <c r="N2801" s="3">
        <v>41165</v>
      </c>
      <c r="O2801" s="3">
        <v>45261</v>
      </c>
      <c r="P2801" s="3">
        <v>47452</v>
      </c>
    </row>
    <row r="2802" spans="1:16" x14ac:dyDescent="0.15">
      <c r="A2802" s="2" t="s">
        <v>49</v>
      </c>
      <c r="B2802" s="2" t="s">
        <v>10051</v>
      </c>
      <c r="C2802" s="4" t="s">
        <v>6</v>
      </c>
      <c r="D2802" s="5" t="s">
        <v>1027</v>
      </c>
      <c r="E2802" s="5" t="s">
        <v>10052</v>
      </c>
      <c r="F2802" s="6" t="s">
        <v>10053</v>
      </c>
      <c r="G2802" s="2"/>
      <c r="H2802" s="4"/>
      <c r="I2802" s="5"/>
      <c r="J2802" s="5"/>
      <c r="K2802" s="5"/>
      <c r="L2802" s="6"/>
      <c r="M2802" s="2" t="s">
        <v>10054</v>
      </c>
      <c r="N2802" s="3">
        <v>43370</v>
      </c>
      <c r="O2802" s="3">
        <v>45261</v>
      </c>
      <c r="P2802" s="3">
        <v>47087</v>
      </c>
    </row>
    <row r="2803" spans="1:16" x14ac:dyDescent="0.15">
      <c r="A2803" s="2" t="s">
        <v>49</v>
      </c>
      <c r="B2803" s="2" t="s">
        <v>10055</v>
      </c>
      <c r="C2803" s="4" t="s">
        <v>6</v>
      </c>
      <c r="D2803" s="5" t="s">
        <v>616</v>
      </c>
      <c r="E2803" s="5" t="s">
        <v>1479</v>
      </c>
      <c r="F2803" s="6" t="s">
        <v>9755</v>
      </c>
      <c r="G2803" s="2"/>
      <c r="H2803" s="4"/>
      <c r="I2803" s="5"/>
      <c r="J2803" s="5"/>
      <c r="K2803" s="5"/>
      <c r="L2803" s="6"/>
      <c r="M2803" s="2" t="s">
        <v>10056</v>
      </c>
      <c r="N2803" s="3">
        <v>41606</v>
      </c>
      <c r="O2803" s="3">
        <v>45261</v>
      </c>
      <c r="P2803" s="3">
        <v>47087</v>
      </c>
    </row>
    <row r="2804" spans="1:16" x14ac:dyDescent="0.15">
      <c r="A2804" s="2" t="s">
        <v>49</v>
      </c>
      <c r="B2804" s="2" t="s">
        <v>10057</v>
      </c>
      <c r="C2804" s="4" t="s">
        <v>6</v>
      </c>
      <c r="D2804" s="5" t="s">
        <v>1286</v>
      </c>
      <c r="E2804" s="5" t="s">
        <v>10058</v>
      </c>
      <c r="F2804" s="6" t="s">
        <v>10059</v>
      </c>
      <c r="G2804" s="2"/>
      <c r="H2804" s="4"/>
      <c r="I2804" s="5"/>
      <c r="J2804" s="5"/>
      <c r="K2804" s="5"/>
      <c r="L2804" s="6"/>
      <c r="M2804" s="2" t="s">
        <v>10060</v>
      </c>
      <c r="N2804" s="3">
        <v>45354</v>
      </c>
      <c r="O2804" s="3">
        <v>45354</v>
      </c>
      <c r="P2804" s="3">
        <v>47391</v>
      </c>
    </row>
    <row r="2805" spans="1:16" x14ac:dyDescent="0.15">
      <c r="A2805" s="2" t="s">
        <v>858</v>
      </c>
      <c r="B2805" s="2" t="s">
        <v>8195</v>
      </c>
      <c r="C2805" s="4" t="s">
        <v>6</v>
      </c>
      <c r="D2805" s="5" t="s">
        <v>3361</v>
      </c>
      <c r="E2805" s="5" t="s">
        <v>8194</v>
      </c>
      <c r="F2805" s="6" t="s">
        <v>5</v>
      </c>
      <c r="G2805" s="2" t="s">
        <v>8193</v>
      </c>
      <c r="H2805" s="4" t="s">
        <v>9</v>
      </c>
      <c r="I2805" s="5" t="s">
        <v>6</v>
      </c>
      <c r="J2805" s="5" t="s">
        <v>3361</v>
      </c>
      <c r="K2805" s="5" t="s">
        <v>8194</v>
      </c>
      <c r="L2805" s="6" t="s">
        <v>5</v>
      </c>
      <c r="M2805" s="2" t="s">
        <v>8198</v>
      </c>
      <c r="N2805" s="3">
        <v>42697</v>
      </c>
      <c r="O2805" s="3">
        <v>45047</v>
      </c>
      <c r="P2805" s="3">
        <v>47238</v>
      </c>
    </row>
    <row r="2806" spans="1:16" x14ac:dyDescent="0.15">
      <c r="A2806" s="2" t="s">
        <v>49</v>
      </c>
      <c r="B2806" s="2" t="s">
        <v>10066</v>
      </c>
      <c r="C2806" s="4" t="s">
        <v>6</v>
      </c>
      <c r="D2806" s="5" t="s">
        <v>45</v>
      </c>
      <c r="E2806" s="5" t="s">
        <v>10067</v>
      </c>
      <c r="F2806" s="6" t="s">
        <v>5</v>
      </c>
      <c r="G2806" s="2"/>
      <c r="H2806" s="4"/>
      <c r="I2806" s="5"/>
      <c r="J2806" s="5"/>
      <c r="K2806" s="5"/>
      <c r="L2806" s="6"/>
      <c r="M2806" s="2" t="s">
        <v>10068</v>
      </c>
      <c r="N2806" s="3">
        <v>43119</v>
      </c>
      <c r="O2806" s="3">
        <v>45261</v>
      </c>
      <c r="P2806" s="3">
        <v>47087</v>
      </c>
    </row>
    <row r="2807" spans="1:16" x14ac:dyDescent="0.15">
      <c r="A2807" s="2" t="s">
        <v>49</v>
      </c>
      <c r="B2807" s="2" t="s">
        <v>10069</v>
      </c>
      <c r="C2807" s="4" t="s">
        <v>6</v>
      </c>
      <c r="D2807" s="5" t="s">
        <v>456</v>
      </c>
      <c r="E2807" s="5" t="s">
        <v>520</v>
      </c>
      <c r="F2807" s="6" t="s">
        <v>5</v>
      </c>
      <c r="G2807" s="2"/>
      <c r="H2807" s="4"/>
      <c r="I2807" s="5"/>
      <c r="J2807" s="5"/>
      <c r="K2807" s="5"/>
      <c r="L2807" s="6"/>
      <c r="M2807" s="2" t="s">
        <v>10070</v>
      </c>
      <c r="N2807" s="3">
        <v>43378</v>
      </c>
      <c r="O2807" s="3">
        <v>45444</v>
      </c>
      <c r="P2807" s="3">
        <v>47269</v>
      </c>
    </row>
    <row r="2808" spans="1:16" x14ac:dyDescent="0.15">
      <c r="A2808" s="2" t="s">
        <v>42</v>
      </c>
      <c r="B2808" s="2" t="s">
        <v>10071</v>
      </c>
      <c r="C2808" s="4" t="s">
        <v>6</v>
      </c>
      <c r="D2808" s="5" t="s">
        <v>45</v>
      </c>
      <c r="E2808" s="5" t="s">
        <v>9823</v>
      </c>
      <c r="F2808" s="6" t="s">
        <v>10072</v>
      </c>
      <c r="G2808" s="2"/>
      <c r="H2808" s="4"/>
      <c r="I2808" s="5"/>
      <c r="J2808" s="5"/>
      <c r="K2808" s="5"/>
      <c r="L2808" s="6"/>
      <c r="M2808" s="2" t="s">
        <v>10073</v>
      </c>
      <c r="N2808" s="3">
        <v>45261</v>
      </c>
      <c r="O2808" s="3">
        <v>45261</v>
      </c>
      <c r="P2808" s="3">
        <v>47452</v>
      </c>
    </row>
    <row r="2809" spans="1:16" x14ac:dyDescent="0.15">
      <c r="A2809" s="2" t="s">
        <v>49</v>
      </c>
      <c r="B2809" s="2" t="s">
        <v>10074</v>
      </c>
      <c r="C2809" s="4" t="s">
        <v>6</v>
      </c>
      <c r="D2809" s="5" t="s">
        <v>378</v>
      </c>
      <c r="E2809" s="5" t="s">
        <v>10075</v>
      </c>
      <c r="F2809" s="6" t="s">
        <v>10076</v>
      </c>
      <c r="G2809" s="2"/>
      <c r="H2809" s="4"/>
      <c r="I2809" s="5"/>
      <c r="J2809" s="5"/>
      <c r="K2809" s="5"/>
      <c r="L2809" s="6"/>
      <c r="M2809" s="2" t="s">
        <v>10077</v>
      </c>
      <c r="N2809" s="3">
        <v>36230</v>
      </c>
      <c r="O2809" s="3">
        <v>45444</v>
      </c>
      <c r="P2809" s="3">
        <v>47269</v>
      </c>
    </row>
    <row r="2810" spans="1:16" x14ac:dyDescent="0.15">
      <c r="A2810" s="2" t="s">
        <v>39</v>
      </c>
      <c r="B2810" s="2" t="s">
        <v>10074</v>
      </c>
      <c r="C2810" s="4" t="s">
        <v>6</v>
      </c>
      <c r="D2810" s="5" t="s">
        <v>378</v>
      </c>
      <c r="E2810" s="5" t="s">
        <v>10075</v>
      </c>
      <c r="F2810" s="6" t="s">
        <v>10076</v>
      </c>
      <c r="G2810" s="2"/>
      <c r="H2810" s="4"/>
      <c r="I2810" s="5"/>
      <c r="J2810" s="5"/>
      <c r="K2810" s="5"/>
      <c r="L2810" s="6"/>
      <c r="M2810" s="2" t="s">
        <v>10078</v>
      </c>
      <c r="N2810" s="3">
        <v>45254</v>
      </c>
      <c r="O2810" s="3">
        <v>45254</v>
      </c>
      <c r="P2810" s="3">
        <v>47634</v>
      </c>
    </row>
    <row r="2811" spans="1:16" x14ac:dyDescent="0.15">
      <c r="A2811" s="2" t="s">
        <v>858</v>
      </c>
      <c r="B2811" s="2" t="s">
        <v>8199</v>
      </c>
      <c r="C2811" s="4" t="s">
        <v>6</v>
      </c>
      <c r="D2811" s="5" t="s">
        <v>4652</v>
      </c>
      <c r="E2811" s="5" t="s">
        <v>8200</v>
      </c>
      <c r="F2811" s="6" t="s">
        <v>5</v>
      </c>
      <c r="G2811" s="2" t="s">
        <v>8199</v>
      </c>
      <c r="H2811" s="4" t="s">
        <v>9</v>
      </c>
      <c r="I2811" s="5" t="s">
        <v>6</v>
      </c>
      <c r="J2811" s="5" t="s">
        <v>4652</v>
      </c>
      <c r="K2811" s="5" t="s">
        <v>8200</v>
      </c>
      <c r="L2811" s="6" t="s">
        <v>5</v>
      </c>
      <c r="M2811" s="2" t="s">
        <v>8202</v>
      </c>
      <c r="N2811" s="3">
        <v>38176</v>
      </c>
      <c r="O2811" s="3">
        <v>45047</v>
      </c>
      <c r="P2811" s="3">
        <v>47238</v>
      </c>
    </row>
    <row r="2812" spans="1:16" x14ac:dyDescent="0.15">
      <c r="A2812" s="2" t="s">
        <v>49</v>
      </c>
      <c r="B2812" s="2" t="s">
        <v>10081</v>
      </c>
      <c r="C2812" s="4" t="s">
        <v>6</v>
      </c>
      <c r="D2812" s="5" t="s">
        <v>608</v>
      </c>
      <c r="E2812" s="5" t="s">
        <v>1265</v>
      </c>
      <c r="F2812" s="6" t="s">
        <v>10082</v>
      </c>
      <c r="G2812" s="2"/>
      <c r="H2812" s="4"/>
      <c r="I2812" s="5"/>
      <c r="J2812" s="5"/>
      <c r="K2812" s="5"/>
      <c r="L2812" s="6"/>
      <c r="M2812" s="2" t="s">
        <v>10083</v>
      </c>
      <c r="N2812" s="3">
        <v>45250</v>
      </c>
      <c r="O2812" s="3">
        <v>45250</v>
      </c>
      <c r="P2812" s="3">
        <v>47452</v>
      </c>
    </row>
    <row r="2813" spans="1:16" x14ac:dyDescent="0.15">
      <c r="A2813" s="2" t="s">
        <v>49</v>
      </c>
      <c r="B2813" s="2" t="s">
        <v>10084</v>
      </c>
      <c r="C2813" s="4" t="s">
        <v>6</v>
      </c>
      <c r="D2813" s="5" t="s">
        <v>456</v>
      </c>
      <c r="E2813" s="5" t="s">
        <v>520</v>
      </c>
      <c r="F2813" s="6" t="s">
        <v>5</v>
      </c>
      <c r="G2813" s="2"/>
      <c r="H2813" s="4"/>
      <c r="I2813" s="5"/>
      <c r="J2813" s="5"/>
      <c r="K2813" s="5"/>
      <c r="L2813" s="6"/>
      <c r="M2813" s="2" t="s">
        <v>10085</v>
      </c>
      <c r="N2813" s="3">
        <v>45252</v>
      </c>
      <c r="O2813" s="3">
        <v>45252</v>
      </c>
      <c r="P2813" s="3">
        <v>47269</v>
      </c>
    </row>
    <row r="2814" spans="1:16" x14ac:dyDescent="0.15">
      <c r="A2814" s="2" t="s">
        <v>49</v>
      </c>
      <c r="B2814" s="2" t="s">
        <v>10086</v>
      </c>
      <c r="C2814" s="4" t="s">
        <v>6</v>
      </c>
      <c r="D2814" s="5" t="s">
        <v>1027</v>
      </c>
      <c r="E2814" s="5" t="s">
        <v>1001</v>
      </c>
      <c r="F2814" s="6" t="s">
        <v>10087</v>
      </c>
      <c r="G2814" s="2"/>
      <c r="H2814" s="4"/>
      <c r="I2814" s="5"/>
      <c r="J2814" s="5"/>
      <c r="K2814" s="5"/>
      <c r="L2814" s="6"/>
      <c r="M2814" s="2" t="s">
        <v>10088</v>
      </c>
      <c r="N2814" s="3">
        <v>39638</v>
      </c>
      <c r="O2814" s="3">
        <v>45261</v>
      </c>
      <c r="P2814" s="3">
        <v>47087</v>
      </c>
    </row>
    <row r="2815" spans="1:16" x14ac:dyDescent="0.15">
      <c r="A2815" s="2" t="s">
        <v>858</v>
      </c>
      <c r="B2815" s="2" t="s">
        <v>8811</v>
      </c>
      <c r="C2815" s="4" t="s">
        <v>6</v>
      </c>
      <c r="D2815" s="5" t="s">
        <v>8812</v>
      </c>
      <c r="E2815" s="5" t="s">
        <v>8813</v>
      </c>
      <c r="F2815" s="6" t="s">
        <v>5</v>
      </c>
      <c r="G2815" s="2" t="s">
        <v>8810</v>
      </c>
      <c r="H2815" s="4" t="s">
        <v>9</v>
      </c>
      <c r="I2815" s="5" t="s">
        <v>6</v>
      </c>
      <c r="J2815" s="5" t="s">
        <v>5930</v>
      </c>
      <c r="K2815" s="5" t="s">
        <v>1723</v>
      </c>
      <c r="L2815" s="6" t="s">
        <v>5</v>
      </c>
      <c r="M2815" s="2" t="s">
        <v>8816</v>
      </c>
      <c r="N2815" s="3">
        <v>45109</v>
      </c>
      <c r="O2815" s="3">
        <v>45109</v>
      </c>
      <c r="P2815" s="3">
        <v>47391</v>
      </c>
    </row>
    <row r="2816" spans="1:16" x14ac:dyDescent="0.15">
      <c r="A2816" s="2" t="s">
        <v>49</v>
      </c>
      <c r="B2816" s="2" t="s">
        <v>10093</v>
      </c>
      <c r="C2816" s="4" t="s">
        <v>6</v>
      </c>
      <c r="D2816" s="5" t="s">
        <v>608</v>
      </c>
      <c r="E2816" s="5" t="s">
        <v>3163</v>
      </c>
      <c r="F2816" s="6" t="s">
        <v>10094</v>
      </c>
      <c r="G2816" s="2"/>
      <c r="H2816" s="4"/>
      <c r="I2816" s="5"/>
      <c r="J2816" s="5"/>
      <c r="K2816" s="5"/>
      <c r="L2816" s="6"/>
      <c r="M2816" s="2" t="s">
        <v>10095</v>
      </c>
      <c r="N2816" s="3">
        <v>41543</v>
      </c>
      <c r="O2816" s="3">
        <v>45261</v>
      </c>
      <c r="P2816" s="3">
        <v>47087</v>
      </c>
    </row>
    <row r="2817" spans="1:16" x14ac:dyDescent="0.15">
      <c r="A2817" s="2" t="s">
        <v>4219</v>
      </c>
      <c r="B2817" s="2" t="s">
        <v>4212</v>
      </c>
      <c r="C2817" s="4" t="s">
        <v>6</v>
      </c>
      <c r="D2817" s="5" t="s">
        <v>4213</v>
      </c>
      <c r="E2817" s="5" t="s">
        <v>4214</v>
      </c>
      <c r="F2817" s="6" t="s">
        <v>5</v>
      </c>
      <c r="G2817" s="2" t="s">
        <v>4212</v>
      </c>
      <c r="H2817" s="4" t="s">
        <v>9</v>
      </c>
      <c r="I2817" s="5" t="s">
        <v>6</v>
      </c>
      <c r="J2817" s="5" t="s">
        <v>4213</v>
      </c>
      <c r="K2817" s="5" t="s">
        <v>4214</v>
      </c>
      <c r="L2817" s="6" t="s">
        <v>5</v>
      </c>
      <c r="M2817" s="2" t="s">
        <v>4220</v>
      </c>
      <c r="N2817" s="3">
        <v>36393</v>
      </c>
      <c r="O2817" s="3">
        <v>44652</v>
      </c>
      <c r="P2817" s="3">
        <v>46843</v>
      </c>
    </row>
    <row r="2818" spans="1:16" x14ac:dyDescent="0.15">
      <c r="A2818" s="2" t="s">
        <v>49</v>
      </c>
      <c r="B2818" s="2" t="s">
        <v>10102</v>
      </c>
      <c r="C2818" s="4" t="s">
        <v>6</v>
      </c>
      <c r="D2818" s="5" t="s">
        <v>1027</v>
      </c>
      <c r="E2818" s="5" t="s">
        <v>10103</v>
      </c>
      <c r="F2818" s="6" t="s">
        <v>5</v>
      </c>
      <c r="G2818" s="2"/>
      <c r="H2818" s="4"/>
      <c r="I2818" s="5"/>
      <c r="J2818" s="5"/>
      <c r="K2818" s="5"/>
      <c r="L2818" s="6"/>
      <c r="M2818" s="2" t="s">
        <v>10104</v>
      </c>
      <c r="N2818" s="3">
        <v>43137</v>
      </c>
      <c r="O2818" s="3">
        <v>45261</v>
      </c>
      <c r="P2818" s="3">
        <v>47087</v>
      </c>
    </row>
    <row r="2819" spans="1:16" x14ac:dyDescent="0.15">
      <c r="A2819" s="2" t="s">
        <v>49</v>
      </c>
      <c r="B2819" s="2" t="s">
        <v>10105</v>
      </c>
      <c r="C2819" s="4" t="s">
        <v>6</v>
      </c>
      <c r="D2819" s="5" t="s">
        <v>10106</v>
      </c>
      <c r="E2819" s="5" t="s">
        <v>10107</v>
      </c>
      <c r="F2819" s="6" t="s">
        <v>5</v>
      </c>
      <c r="G2819" s="2"/>
      <c r="H2819" s="4"/>
      <c r="I2819" s="5"/>
      <c r="J2819" s="5"/>
      <c r="K2819" s="5"/>
      <c r="L2819" s="6"/>
      <c r="M2819" s="2" t="s">
        <v>10108</v>
      </c>
      <c r="N2819" s="3">
        <v>45265</v>
      </c>
      <c r="O2819" s="3">
        <v>45265</v>
      </c>
      <c r="P2819" s="3">
        <v>47756</v>
      </c>
    </row>
    <row r="2820" spans="1:16" x14ac:dyDescent="0.15">
      <c r="A2820" s="2" t="s">
        <v>4219</v>
      </c>
      <c r="B2820" s="2" t="s">
        <v>6975</v>
      </c>
      <c r="C2820" s="4" t="s">
        <v>6</v>
      </c>
      <c r="D2820" s="5" t="s">
        <v>6974</v>
      </c>
      <c r="E2820" s="5" t="s">
        <v>2766</v>
      </c>
      <c r="F2820" s="6" t="s">
        <v>5</v>
      </c>
      <c r="G2820" s="2" t="s">
        <v>6973</v>
      </c>
      <c r="H2820" s="4" t="s">
        <v>9</v>
      </c>
      <c r="I2820" s="5" t="s">
        <v>6</v>
      </c>
      <c r="J2820" s="5" t="s">
        <v>6974</v>
      </c>
      <c r="K2820" s="5" t="s">
        <v>2766</v>
      </c>
      <c r="L2820" s="6" t="s">
        <v>5</v>
      </c>
      <c r="M2820" s="2" t="s">
        <v>6978</v>
      </c>
      <c r="N2820" s="3">
        <v>43901</v>
      </c>
      <c r="O2820" s="3">
        <v>43901</v>
      </c>
      <c r="P2820" s="3">
        <v>45961</v>
      </c>
    </row>
    <row r="2821" spans="1:16" x14ac:dyDescent="0.15">
      <c r="A2821" s="2" t="s">
        <v>49</v>
      </c>
      <c r="B2821" s="2" t="s">
        <v>10116</v>
      </c>
      <c r="C2821" s="4" t="s">
        <v>6</v>
      </c>
      <c r="D2821" s="5" t="s">
        <v>45</v>
      </c>
      <c r="E2821" s="5" t="s">
        <v>6786</v>
      </c>
      <c r="F2821" s="6" t="s">
        <v>10117</v>
      </c>
      <c r="G2821" s="2"/>
      <c r="H2821" s="4"/>
      <c r="I2821" s="5"/>
      <c r="J2821" s="5"/>
      <c r="K2821" s="5"/>
      <c r="L2821" s="6"/>
      <c r="M2821" s="2" t="s">
        <v>10118</v>
      </c>
      <c r="N2821" s="3">
        <v>37198</v>
      </c>
      <c r="O2821" s="3">
        <v>45261</v>
      </c>
      <c r="P2821" s="3">
        <v>47452</v>
      </c>
    </row>
    <row r="2822" spans="1:16" x14ac:dyDescent="0.15">
      <c r="A2822" s="2" t="s">
        <v>49</v>
      </c>
      <c r="B2822" s="2" t="s">
        <v>10120</v>
      </c>
      <c r="C2822" s="4" t="s">
        <v>6</v>
      </c>
      <c r="D2822" s="5" t="s">
        <v>45</v>
      </c>
      <c r="E2822" s="5" t="s">
        <v>9459</v>
      </c>
      <c r="F2822" s="6" t="s">
        <v>9784</v>
      </c>
      <c r="G2822" s="2"/>
      <c r="H2822" s="4"/>
      <c r="I2822" s="5"/>
      <c r="J2822" s="5"/>
      <c r="K2822" s="5"/>
      <c r="L2822" s="6"/>
      <c r="M2822" s="2" t="s">
        <v>10121</v>
      </c>
      <c r="N2822" s="3">
        <v>28804</v>
      </c>
      <c r="O2822" s="3">
        <v>45261</v>
      </c>
      <c r="P2822" s="3">
        <v>47087</v>
      </c>
    </row>
    <row r="2823" spans="1:16" x14ac:dyDescent="0.15">
      <c r="A2823" s="2" t="s">
        <v>49</v>
      </c>
      <c r="B2823" s="2" t="s">
        <v>10123</v>
      </c>
      <c r="C2823" s="4" t="s">
        <v>6</v>
      </c>
      <c r="D2823" s="5" t="s">
        <v>45</v>
      </c>
      <c r="E2823" s="5" t="s">
        <v>4310</v>
      </c>
      <c r="F2823" s="6" t="s">
        <v>10124</v>
      </c>
      <c r="G2823" s="2"/>
      <c r="H2823" s="4"/>
      <c r="I2823" s="5"/>
      <c r="J2823" s="5"/>
      <c r="K2823" s="5"/>
      <c r="L2823" s="6"/>
      <c r="M2823" s="2" t="s">
        <v>10125</v>
      </c>
      <c r="N2823" s="3">
        <v>39665</v>
      </c>
      <c r="O2823" s="3">
        <v>45261</v>
      </c>
      <c r="P2823" s="3">
        <v>47087</v>
      </c>
    </row>
    <row r="2824" spans="1:16" x14ac:dyDescent="0.15">
      <c r="A2824" s="2" t="s">
        <v>19</v>
      </c>
      <c r="B2824" s="2" t="s">
        <v>11</v>
      </c>
      <c r="C2824" s="4" t="s">
        <v>6</v>
      </c>
      <c r="D2824" s="5" t="s">
        <v>12</v>
      </c>
      <c r="E2824" s="5" t="s">
        <v>13</v>
      </c>
      <c r="F2824" s="6" t="s">
        <v>5</v>
      </c>
      <c r="G2824" s="2" t="s">
        <v>7</v>
      </c>
      <c r="H2824" s="4" t="s">
        <v>9</v>
      </c>
      <c r="I2824" s="5" t="s">
        <v>6</v>
      </c>
      <c r="J2824" s="5" t="s">
        <v>10</v>
      </c>
      <c r="K2824" s="5" t="s">
        <v>5</v>
      </c>
      <c r="L2824" s="6" t="s">
        <v>5</v>
      </c>
      <c r="M2824" s="2" t="s">
        <v>20</v>
      </c>
      <c r="N2824" s="3">
        <v>40456</v>
      </c>
      <c r="O2824" s="3">
        <v>45047</v>
      </c>
      <c r="P2824" s="3">
        <v>47238</v>
      </c>
    </row>
    <row r="2825" spans="1:16" x14ac:dyDescent="0.15">
      <c r="A2825" s="2" t="s">
        <v>19</v>
      </c>
      <c r="B2825" s="2" t="s">
        <v>585</v>
      </c>
      <c r="C2825" s="4" t="s">
        <v>6</v>
      </c>
      <c r="D2825" s="5" t="s">
        <v>583</v>
      </c>
      <c r="E2825" s="5" t="s">
        <v>584</v>
      </c>
      <c r="F2825" s="6" t="s">
        <v>5</v>
      </c>
      <c r="G2825" s="2" t="s">
        <v>582</v>
      </c>
      <c r="H2825" s="4" t="s">
        <v>9</v>
      </c>
      <c r="I2825" s="5" t="s">
        <v>6</v>
      </c>
      <c r="J2825" s="5" t="s">
        <v>583</v>
      </c>
      <c r="K2825" s="5" t="s">
        <v>584</v>
      </c>
      <c r="L2825" s="6" t="s">
        <v>5</v>
      </c>
      <c r="M2825" s="2" t="s">
        <v>586</v>
      </c>
      <c r="N2825" s="3">
        <v>41810</v>
      </c>
      <c r="O2825" s="3">
        <v>44378</v>
      </c>
      <c r="P2825" s="3">
        <v>46934</v>
      </c>
    </row>
    <row r="2826" spans="1:16" x14ac:dyDescent="0.15">
      <c r="A2826" s="2" t="s">
        <v>49</v>
      </c>
      <c r="B2826" s="2" t="s">
        <v>10135</v>
      </c>
      <c r="C2826" s="4" t="s">
        <v>6</v>
      </c>
      <c r="D2826" s="5" t="s">
        <v>45</v>
      </c>
      <c r="E2826" s="5" t="s">
        <v>10136</v>
      </c>
      <c r="F2826" s="6" t="s">
        <v>2147</v>
      </c>
      <c r="G2826" s="2"/>
      <c r="H2826" s="4"/>
      <c r="I2826" s="5"/>
      <c r="J2826" s="5"/>
      <c r="K2826" s="5"/>
      <c r="L2826" s="6"/>
      <c r="M2826" s="2" t="s">
        <v>10137</v>
      </c>
      <c r="N2826" s="3">
        <v>36927</v>
      </c>
      <c r="O2826" s="3">
        <v>45261</v>
      </c>
      <c r="P2826" s="3">
        <v>47452</v>
      </c>
    </row>
    <row r="2827" spans="1:16" x14ac:dyDescent="0.15">
      <c r="A2827" s="2" t="s">
        <v>49</v>
      </c>
      <c r="B2827" s="2" t="s">
        <v>10138</v>
      </c>
      <c r="C2827" s="4" t="s">
        <v>6</v>
      </c>
      <c r="D2827" s="5" t="s">
        <v>45</v>
      </c>
      <c r="E2827" s="5" t="s">
        <v>10139</v>
      </c>
      <c r="F2827" s="6" t="s">
        <v>10140</v>
      </c>
      <c r="G2827" s="2"/>
      <c r="H2827" s="4"/>
      <c r="I2827" s="5"/>
      <c r="J2827" s="5"/>
      <c r="K2827" s="5"/>
      <c r="L2827" s="6"/>
      <c r="M2827" s="2" t="s">
        <v>10141</v>
      </c>
      <c r="N2827" s="3">
        <v>40521</v>
      </c>
      <c r="O2827" s="3">
        <v>45261</v>
      </c>
      <c r="P2827" s="3">
        <v>47452</v>
      </c>
    </row>
    <row r="2828" spans="1:16" x14ac:dyDescent="0.15">
      <c r="A2828" s="2" t="s">
        <v>49</v>
      </c>
      <c r="B2828" s="2" t="s">
        <v>10142</v>
      </c>
      <c r="C2828" s="4" t="s">
        <v>6</v>
      </c>
      <c r="D2828" s="5" t="s">
        <v>1027</v>
      </c>
      <c r="E2828" s="5" t="s">
        <v>7856</v>
      </c>
      <c r="F2828" s="6" t="s">
        <v>10143</v>
      </c>
      <c r="G2828" s="2"/>
      <c r="H2828" s="4"/>
      <c r="I2828" s="5"/>
      <c r="J2828" s="5"/>
      <c r="K2828" s="5"/>
      <c r="L2828" s="6"/>
      <c r="M2828" s="2" t="s">
        <v>10144</v>
      </c>
      <c r="N2828" s="3">
        <v>41290</v>
      </c>
      <c r="O2828" s="3">
        <v>45261</v>
      </c>
      <c r="P2828" s="3">
        <v>47087</v>
      </c>
    </row>
    <row r="2829" spans="1:16" x14ac:dyDescent="0.15">
      <c r="A2829" s="2" t="s">
        <v>19</v>
      </c>
      <c r="B2829" s="2" t="s">
        <v>681</v>
      </c>
      <c r="C2829" s="4" t="s">
        <v>6</v>
      </c>
      <c r="D2829" s="5" t="s">
        <v>679</v>
      </c>
      <c r="E2829" s="5" t="s">
        <v>682</v>
      </c>
      <c r="F2829" s="6" t="s">
        <v>5</v>
      </c>
      <c r="G2829" s="2" t="s">
        <v>678</v>
      </c>
      <c r="H2829" s="4" t="s">
        <v>9</v>
      </c>
      <c r="I2829" s="5" t="s">
        <v>6</v>
      </c>
      <c r="J2829" s="5" t="s">
        <v>679</v>
      </c>
      <c r="K2829" s="5" t="s">
        <v>680</v>
      </c>
      <c r="L2829" s="6" t="s">
        <v>5</v>
      </c>
      <c r="M2829" s="2" t="s">
        <v>683</v>
      </c>
      <c r="N2829" s="3">
        <v>34862</v>
      </c>
      <c r="O2829" s="3">
        <v>44743</v>
      </c>
      <c r="P2829" s="3">
        <v>46934</v>
      </c>
    </row>
    <row r="2830" spans="1:16" x14ac:dyDescent="0.15">
      <c r="A2830" s="2" t="s">
        <v>19</v>
      </c>
      <c r="B2830" s="2" t="s">
        <v>3680</v>
      </c>
      <c r="C2830" s="4" t="s">
        <v>6</v>
      </c>
      <c r="D2830" s="5" t="s">
        <v>3681</v>
      </c>
      <c r="E2830" s="5" t="s">
        <v>5</v>
      </c>
      <c r="F2830" s="6" t="s">
        <v>5</v>
      </c>
      <c r="G2830" s="2" t="s">
        <v>3677</v>
      </c>
      <c r="H2830" s="4" t="s">
        <v>9</v>
      </c>
      <c r="I2830" s="5" t="s">
        <v>6</v>
      </c>
      <c r="J2830" s="5" t="s">
        <v>3678</v>
      </c>
      <c r="K2830" s="5" t="s">
        <v>3679</v>
      </c>
      <c r="L2830" s="6" t="s">
        <v>5</v>
      </c>
      <c r="M2830" s="2" t="s">
        <v>3682</v>
      </c>
      <c r="N2830" s="3">
        <v>44793</v>
      </c>
      <c r="O2830" s="3">
        <v>44793</v>
      </c>
      <c r="P2830" s="3">
        <v>47238</v>
      </c>
    </row>
    <row r="2831" spans="1:16" x14ac:dyDescent="0.15">
      <c r="A2831" s="2" t="s">
        <v>19</v>
      </c>
      <c r="B2831" s="2" t="s">
        <v>5412</v>
      </c>
      <c r="C2831" s="4" t="s">
        <v>6</v>
      </c>
      <c r="D2831" s="5" t="s">
        <v>5410</v>
      </c>
      <c r="E2831" s="5" t="s">
        <v>5411</v>
      </c>
      <c r="F2831" s="6" t="s">
        <v>5</v>
      </c>
      <c r="G2831" s="2" t="s">
        <v>5409</v>
      </c>
      <c r="H2831" s="4" t="s">
        <v>9</v>
      </c>
      <c r="I2831" s="5" t="s">
        <v>6</v>
      </c>
      <c r="J2831" s="5" t="s">
        <v>5410</v>
      </c>
      <c r="K2831" s="5" t="s">
        <v>5411</v>
      </c>
      <c r="L2831" s="6" t="s">
        <v>5</v>
      </c>
      <c r="M2831" s="2" t="s">
        <v>5413</v>
      </c>
      <c r="N2831" s="3">
        <v>31720</v>
      </c>
      <c r="O2831" s="3">
        <v>44743</v>
      </c>
      <c r="P2831" s="3">
        <v>46934</v>
      </c>
    </row>
    <row r="2832" spans="1:16" x14ac:dyDescent="0.15">
      <c r="A2832" s="2" t="s">
        <v>19</v>
      </c>
      <c r="B2832" s="2" t="s">
        <v>6034</v>
      </c>
      <c r="C2832" s="4" t="s">
        <v>6</v>
      </c>
      <c r="D2832" s="5" t="s">
        <v>367</v>
      </c>
      <c r="E2832" s="5" t="s">
        <v>6035</v>
      </c>
      <c r="F2832" s="6" t="s">
        <v>5</v>
      </c>
      <c r="G2832" s="2" t="s">
        <v>6031</v>
      </c>
      <c r="H2832" s="4" t="s">
        <v>1694</v>
      </c>
      <c r="I2832" s="5" t="s">
        <v>1695</v>
      </c>
      <c r="J2832" s="5" t="s">
        <v>6032</v>
      </c>
      <c r="K2832" s="5" t="s">
        <v>6033</v>
      </c>
      <c r="L2832" s="6" t="s">
        <v>5</v>
      </c>
      <c r="M2832" s="2" t="s">
        <v>6036</v>
      </c>
      <c r="N2832" s="3">
        <v>42448</v>
      </c>
      <c r="O2832" s="3">
        <v>44835</v>
      </c>
      <c r="P2832" s="3">
        <v>47026</v>
      </c>
    </row>
    <row r="2833" spans="1:16" x14ac:dyDescent="0.15">
      <c r="A2833" s="2" t="s">
        <v>19</v>
      </c>
      <c r="B2833" s="2" t="s">
        <v>9222</v>
      </c>
      <c r="C2833" s="4" t="s">
        <v>6</v>
      </c>
      <c r="D2833" s="5" t="s">
        <v>3762</v>
      </c>
      <c r="E2833" s="5" t="s">
        <v>2278</v>
      </c>
      <c r="F2833" s="6" t="s">
        <v>9223</v>
      </c>
      <c r="G2833" s="2" t="s">
        <v>9222</v>
      </c>
      <c r="H2833" s="4" t="s">
        <v>9</v>
      </c>
      <c r="I2833" s="5" t="s">
        <v>6</v>
      </c>
      <c r="J2833" s="5" t="s">
        <v>3762</v>
      </c>
      <c r="K2833" s="5" t="s">
        <v>2278</v>
      </c>
      <c r="L2833" s="6" t="s">
        <v>5</v>
      </c>
      <c r="M2833" s="2" t="s">
        <v>9224</v>
      </c>
      <c r="N2833" s="3">
        <v>38705</v>
      </c>
      <c r="O2833" s="3">
        <v>45200</v>
      </c>
      <c r="P2833" s="3">
        <v>47391</v>
      </c>
    </row>
    <row r="2834" spans="1:16" x14ac:dyDescent="0.15">
      <c r="A2834" s="2" t="s">
        <v>19</v>
      </c>
      <c r="B2834" s="2" t="s">
        <v>10196</v>
      </c>
      <c r="C2834" s="4" t="s">
        <v>6</v>
      </c>
      <c r="D2834" s="5" t="s">
        <v>531</v>
      </c>
      <c r="E2834" s="5" t="s">
        <v>10197</v>
      </c>
      <c r="F2834" s="6" t="s">
        <v>5</v>
      </c>
      <c r="G2834" s="2" t="s">
        <v>10194</v>
      </c>
      <c r="H2834" s="4" t="s">
        <v>9</v>
      </c>
      <c r="I2834" s="5" t="s">
        <v>6</v>
      </c>
      <c r="J2834" s="5" t="s">
        <v>2702</v>
      </c>
      <c r="K2834" s="5" t="s">
        <v>10195</v>
      </c>
      <c r="L2834" s="6" t="s">
        <v>5</v>
      </c>
      <c r="M2834" s="2" t="s">
        <v>10198</v>
      </c>
      <c r="N2834" s="3">
        <v>45268</v>
      </c>
      <c r="O2834" s="3">
        <v>45268</v>
      </c>
      <c r="P2834" s="3">
        <v>47787</v>
      </c>
    </row>
    <row r="2835" spans="1:16" x14ac:dyDescent="0.15">
      <c r="A2835" s="2" t="s">
        <v>2808</v>
      </c>
      <c r="B2835" s="2" t="s">
        <v>2803</v>
      </c>
      <c r="C2835" s="4" t="s">
        <v>6</v>
      </c>
      <c r="D2835" s="5" t="s">
        <v>2805</v>
      </c>
      <c r="E2835" s="5" t="s">
        <v>2806</v>
      </c>
      <c r="F2835" s="6" t="s">
        <v>5</v>
      </c>
      <c r="G2835" s="2" t="s">
        <v>2800</v>
      </c>
      <c r="H2835" s="4" t="s">
        <v>9</v>
      </c>
      <c r="I2835" s="5" t="s">
        <v>6</v>
      </c>
      <c r="J2835" s="5" t="s">
        <v>2801</v>
      </c>
      <c r="K2835" s="5" t="s">
        <v>2802</v>
      </c>
      <c r="L2835" s="6" t="s">
        <v>5</v>
      </c>
      <c r="M2835" s="2" t="s">
        <v>2809</v>
      </c>
      <c r="N2835" s="3">
        <v>41961</v>
      </c>
      <c r="O2835" s="3">
        <v>44501</v>
      </c>
      <c r="P2835" s="3">
        <v>46691</v>
      </c>
    </row>
    <row r="2836" spans="1:16" x14ac:dyDescent="0.15">
      <c r="A2836" s="2" t="s">
        <v>49</v>
      </c>
      <c r="B2836" s="2" t="s">
        <v>10178</v>
      </c>
      <c r="C2836" s="4" t="s">
        <v>6</v>
      </c>
      <c r="D2836" s="5" t="s">
        <v>179</v>
      </c>
      <c r="E2836" s="5" t="s">
        <v>10177</v>
      </c>
      <c r="F2836" s="6" t="s">
        <v>5</v>
      </c>
      <c r="G2836" s="2"/>
      <c r="H2836" s="4"/>
      <c r="I2836" s="5"/>
      <c r="J2836" s="5"/>
      <c r="K2836" s="5"/>
      <c r="L2836" s="6"/>
      <c r="M2836" s="2" t="s">
        <v>10179</v>
      </c>
      <c r="N2836" s="3">
        <v>45277</v>
      </c>
      <c r="O2836" s="3">
        <v>45277</v>
      </c>
      <c r="P2836" s="3">
        <v>47391</v>
      </c>
    </row>
    <row r="2837" spans="1:16" x14ac:dyDescent="0.15">
      <c r="A2837" s="2" t="s">
        <v>49</v>
      </c>
      <c r="B2837" s="2" t="s">
        <v>10180</v>
      </c>
      <c r="C2837" s="4" t="s">
        <v>6</v>
      </c>
      <c r="D2837" s="5" t="s">
        <v>1027</v>
      </c>
      <c r="E2837" s="5" t="s">
        <v>2818</v>
      </c>
      <c r="F2837" s="6" t="s">
        <v>10181</v>
      </c>
      <c r="G2837" s="2"/>
      <c r="H2837" s="4"/>
      <c r="I2837" s="5"/>
      <c r="J2837" s="5"/>
      <c r="K2837" s="5"/>
      <c r="L2837" s="6"/>
      <c r="M2837" s="2" t="s">
        <v>10182</v>
      </c>
      <c r="N2837" s="3">
        <v>45267</v>
      </c>
      <c r="O2837" s="3">
        <v>45267</v>
      </c>
      <c r="P2837" s="3">
        <v>47817</v>
      </c>
    </row>
    <row r="2838" spans="1:16" x14ac:dyDescent="0.15">
      <c r="A2838" s="2" t="s">
        <v>2808</v>
      </c>
      <c r="B2838" s="2" t="s">
        <v>7042</v>
      </c>
      <c r="C2838" s="4" t="s">
        <v>6</v>
      </c>
      <c r="D2838" s="5" t="s">
        <v>2617</v>
      </c>
      <c r="E2838" s="5" t="s">
        <v>7041</v>
      </c>
      <c r="F2838" s="6" t="s">
        <v>5</v>
      </c>
      <c r="G2838" s="2" t="s">
        <v>7040</v>
      </c>
      <c r="H2838" s="4" t="s">
        <v>9</v>
      </c>
      <c r="I2838" s="5" t="s">
        <v>6</v>
      </c>
      <c r="J2838" s="5" t="s">
        <v>2617</v>
      </c>
      <c r="K2838" s="5" t="s">
        <v>7041</v>
      </c>
      <c r="L2838" s="6" t="s">
        <v>5</v>
      </c>
      <c r="M2838" s="2" t="s">
        <v>7043</v>
      </c>
      <c r="N2838" s="3">
        <v>37980</v>
      </c>
      <c r="O2838" s="3">
        <v>44866</v>
      </c>
      <c r="P2838" s="3">
        <v>47057</v>
      </c>
    </row>
    <row r="2839" spans="1:16" x14ac:dyDescent="0.15">
      <c r="A2839" s="2" t="s">
        <v>39</v>
      </c>
      <c r="B2839" s="2" t="s">
        <v>32</v>
      </c>
      <c r="C2839" s="4" t="s">
        <v>6</v>
      </c>
      <c r="D2839" s="5" t="s">
        <v>33</v>
      </c>
      <c r="E2839" s="5" t="s">
        <v>34</v>
      </c>
      <c r="F2839" s="6" t="s">
        <v>5</v>
      </c>
      <c r="G2839" s="2" t="s">
        <v>27</v>
      </c>
      <c r="H2839" s="4" t="s">
        <v>29</v>
      </c>
      <c r="I2839" s="5" t="s">
        <v>30</v>
      </c>
      <c r="J2839" s="5" t="s">
        <v>31</v>
      </c>
      <c r="K2839" s="5" t="s">
        <v>5</v>
      </c>
      <c r="L2839" s="6" t="s">
        <v>5</v>
      </c>
      <c r="M2839" s="2" t="s">
        <v>40</v>
      </c>
      <c r="N2839" s="3">
        <v>44782</v>
      </c>
      <c r="O2839" s="3">
        <v>44782</v>
      </c>
      <c r="P2839" s="3">
        <v>47238</v>
      </c>
    </row>
    <row r="2840" spans="1:16" x14ac:dyDescent="0.15">
      <c r="A2840" s="2" t="s">
        <v>39</v>
      </c>
      <c r="B2840" s="2" t="s">
        <v>2609</v>
      </c>
      <c r="C2840" s="4" t="s">
        <v>6</v>
      </c>
      <c r="D2840" s="5" t="s">
        <v>2610</v>
      </c>
      <c r="E2840" s="5" t="s">
        <v>2611</v>
      </c>
      <c r="F2840" s="6" t="s">
        <v>5</v>
      </c>
      <c r="G2840" s="2" t="s">
        <v>2606</v>
      </c>
      <c r="H2840" s="4" t="s">
        <v>9</v>
      </c>
      <c r="I2840" s="5" t="s">
        <v>6</v>
      </c>
      <c r="J2840" s="5" t="s">
        <v>2607</v>
      </c>
      <c r="K2840" s="5" t="s">
        <v>2608</v>
      </c>
      <c r="L2840" s="6" t="s">
        <v>5</v>
      </c>
      <c r="M2840" s="2" t="s">
        <v>2613</v>
      </c>
      <c r="N2840" s="3">
        <v>45323</v>
      </c>
      <c r="O2840" s="3">
        <v>45323</v>
      </c>
      <c r="P2840" s="3">
        <v>47664</v>
      </c>
    </row>
    <row r="2841" spans="1:16" x14ac:dyDescent="0.15">
      <c r="A2841" s="2" t="s">
        <v>39</v>
      </c>
      <c r="B2841" s="2" t="s">
        <v>3216</v>
      </c>
      <c r="C2841" s="4" t="s">
        <v>6</v>
      </c>
      <c r="D2841" s="5" t="s">
        <v>811</v>
      </c>
      <c r="E2841" s="5" t="s">
        <v>3217</v>
      </c>
      <c r="F2841" s="6" t="s">
        <v>5</v>
      </c>
      <c r="G2841" s="2" t="s">
        <v>3216</v>
      </c>
      <c r="H2841" s="4" t="s">
        <v>9</v>
      </c>
      <c r="I2841" s="5" t="s">
        <v>6</v>
      </c>
      <c r="J2841" s="5" t="s">
        <v>811</v>
      </c>
      <c r="K2841" s="5" t="s">
        <v>3217</v>
      </c>
      <c r="L2841" s="6" t="s">
        <v>5</v>
      </c>
      <c r="M2841" s="2" t="s">
        <v>3218</v>
      </c>
      <c r="N2841" s="3">
        <v>23819</v>
      </c>
      <c r="O2841" s="3">
        <v>45200</v>
      </c>
      <c r="P2841" s="3">
        <v>47391</v>
      </c>
    </row>
    <row r="2842" spans="1:16" x14ac:dyDescent="0.15">
      <c r="A2842" s="2" t="s">
        <v>39</v>
      </c>
      <c r="B2842" s="2" t="s">
        <v>4053</v>
      </c>
      <c r="C2842" s="4" t="s">
        <v>6</v>
      </c>
      <c r="D2842" s="5" t="s">
        <v>1762</v>
      </c>
      <c r="E2842" s="5" t="s">
        <v>4054</v>
      </c>
      <c r="F2842" s="6" t="s">
        <v>5</v>
      </c>
      <c r="G2842" s="2" t="s">
        <v>4050</v>
      </c>
      <c r="H2842" s="4" t="s">
        <v>9</v>
      </c>
      <c r="I2842" s="5" t="s">
        <v>6</v>
      </c>
      <c r="J2842" s="5" t="s">
        <v>1762</v>
      </c>
      <c r="K2842" s="5" t="s">
        <v>4051</v>
      </c>
      <c r="L2842" s="6" t="s">
        <v>5</v>
      </c>
      <c r="M2842" s="2" t="s">
        <v>4055</v>
      </c>
      <c r="N2842" s="3">
        <v>45061</v>
      </c>
      <c r="O2842" s="3">
        <v>45061</v>
      </c>
      <c r="P2842" s="3">
        <v>47664</v>
      </c>
    </row>
    <row r="2843" spans="1:16" x14ac:dyDescent="0.15">
      <c r="A2843" s="2" t="s">
        <v>49</v>
      </c>
      <c r="B2843" s="2" t="s">
        <v>10204</v>
      </c>
      <c r="C2843" s="4" t="s">
        <v>6</v>
      </c>
      <c r="D2843" s="5" t="s">
        <v>500</v>
      </c>
      <c r="E2843" s="5" t="s">
        <v>10205</v>
      </c>
      <c r="F2843" s="6" t="s">
        <v>10206</v>
      </c>
      <c r="G2843" s="2"/>
      <c r="H2843" s="4"/>
      <c r="I2843" s="5"/>
      <c r="J2843" s="5"/>
      <c r="K2843" s="5"/>
      <c r="L2843" s="6"/>
      <c r="M2843" s="2" t="s">
        <v>10207</v>
      </c>
      <c r="N2843" s="3">
        <v>45274</v>
      </c>
      <c r="O2843" s="3">
        <v>45274</v>
      </c>
      <c r="P2843" s="3">
        <v>47269</v>
      </c>
    </row>
    <row r="2844" spans="1:16" x14ac:dyDescent="0.15">
      <c r="A2844" s="2" t="s">
        <v>49</v>
      </c>
      <c r="B2844" s="2" t="s">
        <v>10208</v>
      </c>
      <c r="C2844" s="4" t="s">
        <v>6</v>
      </c>
      <c r="D2844" s="5" t="s">
        <v>500</v>
      </c>
      <c r="E2844" s="5" t="s">
        <v>10209</v>
      </c>
      <c r="F2844" s="6" t="s">
        <v>10210</v>
      </c>
      <c r="G2844" s="2"/>
      <c r="H2844" s="4"/>
      <c r="I2844" s="5"/>
      <c r="J2844" s="5"/>
      <c r="K2844" s="5"/>
      <c r="L2844" s="6"/>
      <c r="M2844" s="2" t="s">
        <v>10211</v>
      </c>
      <c r="N2844" s="3">
        <v>37938</v>
      </c>
      <c r="O2844" s="3">
        <v>45444</v>
      </c>
      <c r="P2844" s="3">
        <v>47269</v>
      </c>
    </row>
    <row r="2845" spans="1:16" x14ac:dyDescent="0.15">
      <c r="A2845" s="2" t="s">
        <v>49</v>
      </c>
      <c r="B2845" s="2" t="s">
        <v>10212</v>
      </c>
      <c r="C2845" s="4" t="s">
        <v>6</v>
      </c>
      <c r="D2845" s="5" t="s">
        <v>247</v>
      </c>
      <c r="E2845" s="5" t="s">
        <v>1391</v>
      </c>
      <c r="F2845" s="6" t="s">
        <v>10213</v>
      </c>
      <c r="G2845" s="2"/>
      <c r="H2845" s="4"/>
      <c r="I2845" s="5"/>
      <c r="J2845" s="5"/>
      <c r="K2845" s="5"/>
      <c r="L2845" s="6"/>
      <c r="M2845" s="2" t="s">
        <v>10214</v>
      </c>
      <c r="N2845" s="3">
        <v>45354</v>
      </c>
      <c r="O2845" s="3">
        <v>45354</v>
      </c>
      <c r="P2845" s="3">
        <v>47634</v>
      </c>
    </row>
    <row r="2846" spans="1:16" x14ac:dyDescent="0.15">
      <c r="A2846" s="2" t="s">
        <v>49</v>
      </c>
      <c r="B2846" s="2" t="s">
        <v>10216</v>
      </c>
      <c r="C2846" s="4" t="s">
        <v>6</v>
      </c>
      <c r="D2846" s="5" t="s">
        <v>10215</v>
      </c>
      <c r="E2846" s="5" t="s">
        <v>4282</v>
      </c>
      <c r="F2846" s="6" t="s">
        <v>5</v>
      </c>
      <c r="G2846" s="2"/>
      <c r="H2846" s="4"/>
      <c r="I2846" s="5"/>
      <c r="J2846" s="5"/>
      <c r="K2846" s="5"/>
      <c r="L2846" s="6"/>
      <c r="M2846" s="2" t="s">
        <v>10217</v>
      </c>
      <c r="N2846" s="3">
        <v>45288</v>
      </c>
      <c r="O2846" s="3">
        <v>45288</v>
      </c>
      <c r="P2846" s="3">
        <v>47208</v>
      </c>
    </row>
    <row r="2847" spans="1:16" x14ac:dyDescent="0.15">
      <c r="A2847" s="2" t="s">
        <v>49</v>
      </c>
      <c r="B2847" s="2" t="s">
        <v>10218</v>
      </c>
      <c r="C2847" s="4" t="s">
        <v>6</v>
      </c>
      <c r="D2847" s="5" t="s">
        <v>1949</v>
      </c>
      <c r="E2847" s="5" t="s">
        <v>7935</v>
      </c>
      <c r="F2847" s="6" t="s">
        <v>10219</v>
      </c>
      <c r="G2847" s="2"/>
      <c r="H2847" s="4"/>
      <c r="I2847" s="5"/>
      <c r="J2847" s="5"/>
      <c r="K2847" s="5"/>
      <c r="L2847" s="6"/>
      <c r="M2847" s="2" t="s">
        <v>10220</v>
      </c>
      <c r="N2847" s="3">
        <v>45281</v>
      </c>
      <c r="O2847" s="3">
        <v>45281</v>
      </c>
      <c r="P2847" s="3">
        <v>47756</v>
      </c>
    </row>
    <row r="2848" spans="1:16" x14ac:dyDescent="0.15">
      <c r="A2848" s="2" t="s">
        <v>49</v>
      </c>
      <c r="B2848" s="2" t="s">
        <v>10221</v>
      </c>
      <c r="C2848" s="4" t="s">
        <v>6</v>
      </c>
      <c r="D2848" s="5" t="s">
        <v>1027</v>
      </c>
      <c r="E2848" s="5" t="s">
        <v>3021</v>
      </c>
      <c r="F2848" s="6" t="s">
        <v>10222</v>
      </c>
      <c r="G2848" s="2"/>
      <c r="H2848" s="4"/>
      <c r="I2848" s="5"/>
      <c r="J2848" s="5"/>
      <c r="K2848" s="5"/>
      <c r="L2848" s="6"/>
      <c r="M2848" s="2" t="s">
        <v>10223</v>
      </c>
      <c r="N2848" s="3">
        <v>45276</v>
      </c>
      <c r="O2848" s="3">
        <v>45276</v>
      </c>
      <c r="P2848" s="3">
        <v>47452</v>
      </c>
    </row>
    <row r="2849" spans="1:16" x14ac:dyDescent="0.15">
      <c r="A2849" s="2" t="s">
        <v>39</v>
      </c>
      <c r="B2849" s="2" t="s">
        <v>4068</v>
      </c>
      <c r="C2849" s="4" t="s">
        <v>6</v>
      </c>
      <c r="D2849" s="5" t="s">
        <v>2610</v>
      </c>
      <c r="E2849" s="5" t="s">
        <v>4067</v>
      </c>
      <c r="F2849" s="6" t="s">
        <v>5</v>
      </c>
      <c r="G2849" s="2" t="s">
        <v>4066</v>
      </c>
      <c r="H2849" s="4" t="s">
        <v>9</v>
      </c>
      <c r="I2849" s="5" t="s">
        <v>6</v>
      </c>
      <c r="J2849" s="5" t="s">
        <v>2610</v>
      </c>
      <c r="K2849" s="5" t="s">
        <v>4067</v>
      </c>
      <c r="L2849" s="6" t="s">
        <v>5</v>
      </c>
      <c r="M2849" s="2" t="s">
        <v>4069</v>
      </c>
      <c r="N2849" s="3">
        <v>44609</v>
      </c>
      <c r="O2849" s="3">
        <v>44609</v>
      </c>
      <c r="P2849" s="3">
        <v>46934</v>
      </c>
    </row>
    <row r="2850" spans="1:16" x14ac:dyDescent="0.15">
      <c r="A2850" s="2" t="s">
        <v>49</v>
      </c>
      <c r="B2850" s="2" t="s">
        <v>10227</v>
      </c>
      <c r="C2850" s="4" t="s">
        <v>6</v>
      </c>
      <c r="D2850" s="5" t="s">
        <v>10228</v>
      </c>
      <c r="E2850" s="5" t="s">
        <v>10229</v>
      </c>
      <c r="F2850" s="6" t="s">
        <v>5</v>
      </c>
      <c r="G2850" s="2"/>
      <c r="H2850" s="4"/>
      <c r="I2850" s="5"/>
      <c r="J2850" s="5"/>
      <c r="K2850" s="5"/>
      <c r="L2850" s="6"/>
      <c r="M2850" s="2" t="s">
        <v>10230</v>
      </c>
      <c r="N2850" s="3">
        <v>45313</v>
      </c>
      <c r="O2850" s="3">
        <v>45313</v>
      </c>
      <c r="P2850" s="3">
        <v>47208</v>
      </c>
    </row>
    <row r="2851" spans="1:16" x14ac:dyDescent="0.15">
      <c r="A2851" s="2" t="s">
        <v>39</v>
      </c>
      <c r="B2851" s="2" t="s">
        <v>4532</v>
      </c>
      <c r="C2851" s="4" t="s">
        <v>6</v>
      </c>
      <c r="D2851" s="5" t="s">
        <v>1148</v>
      </c>
      <c r="E2851" s="5" t="s">
        <v>4533</v>
      </c>
      <c r="F2851" s="6" t="s">
        <v>5</v>
      </c>
      <c r="G2851" s="2" t="s">
        <v>4530</v>
      </c>
      <c r="H2851" s="4" t="s">
        <v>9</v>
      </c>
      <c r="I2851" s="5" t="s">
        <v>6</v>
      </c>
      <c r="J2851" s="5" t="s">
        <v>2833</v>
      </c>
      <c r="K2851" s="5" t="s">
        <v>4531</v>
      </c>
      <c r="L2851" s="6" t="s">
        <v>5</v>
      </c>
      <c r="M2851" s="2" t="s">
        <v>4534</v>
      </c>
      <c r="N2851" s="3">
        <v>37804</v>
      </c>
      <c r="O2851" s="3">
        <v>44652</v>
      </c>
      <c r="P2851" s="3">
        <v>46843</v>
      </c>
    </row>
    <row r="2852" spans="1:16" x14ac:dyDescent="0.15">
      <c r="A2852" s="2" t="s">
        <v>16</v>
      </c>
      <c r="B2852" s="2" t="s">
        <v>10235</v>
      </c>
      <c r="C2852" s="4" t="s">
        <v>6</v>
      </c>
      <c r="D2852" s="5" t="s">
        <v>207</v>
      </c>
      <c r="E2852" s="5" t="s">
        <v>10236</v>
      </c>
      <c r="F2852" s="6" t="s">
        <v>10237</v>
      </c>
      <c r="G2852" s="2"/>
      <c r="H2852" s="4"/>
      <c r="I2852" s="5"/>
      <c r="J2852" s="5"/>
      <c r="K2852" s="5"/>
      <c r="L2852" s="6"/>
      <c r="M2852" s="2" t="s">
        <v>10238</v>
      </c>
      <c r="N2852" s="3">
        <v>45288</v>
      </c>
      <c r="O2852" s="3">
        <v>45288</v>
      </c>
      <c r="P2852" s="3">
        <v>47603</v>
      </c>
    </row>
    <row r="2853" spans="1:16" x14ac:dyDescent="0.15">
      <c r="A2853" s="2" t="s">
        <v>49</v>
      </c>
      <c r="B2853" s="2" t="s">
        <v>10239</v>
      </c>
      <c r="C2853" s="4" t="s">
        <v>6</v>
      </c>
      <c r="D2853" s="5" t="s">
        <v>4455</v>
      </c>
      <c r="E2853" s="5" t="s">
        <v>10240</v>
      </c>
      <c r="F2853" s="6" t="s">
        <v>5</v>
      </c>
      <c r="G2853" s="2"/>
      <c r="H2853" s="4"/>
      <c r="I2853" s="5"/>
      <c r="J2853" s="5"/>
      <c r="K2853" s="5"/>
      <c r="L2853" s="6"/>
      <c r="M2853" s="2" t="s">
        <v>10241</v>
      </c>
      <c r="N2853" s="3">
        <v>45301</v>
      </c>
      <c r="O2853" s="3">
        <v>45301</v>
      </c>
      <c r="P2853" s="3">
        <v>47603</v>
      </c>
    </row>
    <row r="2854" spans="1:16" x14ac:dyDescent="0.15">
      <c r="A2854" s="2" t="s">
        <v>49</v>
      </c>
      <c r="B2854" s="2" t="s">
        <v>10242</v>
      </c>
      <c r="C2854" s="4" t="s">
        <v>6</v>
      </c>
      <c r="D2854" s="5" t="s">
        <v>1351</v>
      </c>
      <c r="E2854" s="5" t="s">
        <v>10243</v>
      </c>
      <c r="F2854" s="6" t="s">
        <v>5</v>
      </c>
      <c r="G2854" s="2"/>
      <c r="H2854" s="4"/>
      <c r="I2854" s="5"/>
      <c r="J2854" s="5"/>
      <c r="K2854" s="5"/>
      <c r="L2854" s="6"/>
      <c r="M2854" s="2" t="s">
        <v>10244</v>
      </c>
      <c r="N2854" s="3">
        <v>45288</v>
      </c>
      <c r="O2854" s="3">
        <v>45288</v>
      </c>
      <c r="P2854" s="3">
        <v>47422</v>
      </c>
    </row>
    <row r="2855" spans="1:16" x14ac:dyDescent="0.15">
      <c r="A2855" s="2" t="s">
        <v>39</v>
      </c>
      <c r="B2855" s="2" t="s">
        <v>5520</v>
      </c>
      <c r="C2855" s="4" t="s">
        <v>6</v>
      </c>
      <c r="D2855" s="5" t="s">
        <v>2610</v>
      </c>
      <c r="E2855" s="5" t="s">
        <v>5521</v>
      </c>
      <c r="F2855" s="6" t="s">
        <v>5</v>
      </c>
      <c r="G2855" s="2" t="s">
        <v>5517</v>
      </c>
      <c r="H2855" s="4" t="s">
        <v>9</v>
      </c>
      <c r="I2855" s="5" t="s">
        <v>6</v>
      </c>
      <c r="J2855" s="5" t="s">
        <v>5518</v>
      </c>
      <c r="K2855" s="5" t="s">
        <v>5519</v>
      </c>
      <c r="L2855" s="6" t="s">
        <v>5</v>
      </c>
      <c r="M2855" s="2" t="s">
        <v>5522</v>
      </c>
      <c r="N2855" s="3">
        <v>42535</v>
      </c>
      <c r="O2855" s="3">
        <v>44743</v>
      </c>
      <c r="P2855" s="3">
        <v>46934</v>
      </c>
    </row>
    <row r="2856" spans="1:16" x14ac:dyDescent="0.15">
      <c r="A2856" s="2" t="s">
        <v>39</v>
      </c>
      <c r="B2856" s="2" t="s">
        <v>5594</v>
      </c>
      <c r="C2856" s="4" t="s">
        <v>6</v>
      </c>
      <c r="D2856" s="5" t="s">
        <v>5595</v>
      </c>
      <c r="E2856" s="5" t="s">
        <v>5596</v>
      </c>
      <c r="F2856" s="6" t="s">
        <v>5</v>
      </c>
      <c r="G2856" s="2" t="s">
        <v>5594</v>
      </c>
      <c r="H2856" s="4" t="s">
        <v>9</v>
      </c>
      <c r="I2856" s="5" t="s">
        <v>6</v>
      </c>
      <c r="J2856" s="5" t="s">
        <v>5595</v>
      </c>
      <c r="K2856" s="5" t="s">
        <v>5596</v>
      </c>
      <c r="L2856" s="6" t="s">
        <v>5</v>
      </c>
      <c r="M2856" s="2" t="s">
        <v>5597</v>
      </c>
      <c r="N2856" s="3">
        <v>44743</v>
      </c>
      <c r="O2856" s="3">
        <v>44743</v>
      </c>
      <c r="P2856" s="3">
        <v>46934</v>
      </c>
    </row>
    <row r="2857" spans="1:16" x14ac:dyDescent="0.15">
      <c r="A2857" s="2" t="s">
        <v>49</v>
      </c>
      <c r="B2857" s="2" t="s">
        <v>10256</v>
      </c>
      <c r="C2857" s="4" t="s">
        <v>6</v>
      </c>
      <c r="D2857" s="5" t="s">
        <v>1027</v>
      </c>
      <c r="E2857" s="5" t="s">
        <v>1597</v>
      </c>
      <c r="F2857" s="6" t="s">
        <v>10257</v>
      </c>
      <c r="G2857" s="2"/>
      <c r="H2857" s="4"/>
      <c r="I2857" s="5"/>
      <c r="J2857" s="5"/>
      <c r="K2857" s="5"/>
      <c r="L2857" s="6"/>
      <c r="M2857" s="2" t="s">
        <v>10258</v>
      </c>
      <c r="N2857" s="3">
        <v>45301</v>
      </c>
      <c r="O2857" s="3">
        <v>45301</v>
      </c>
      <c r="P2857" s="3">
        <v>47452</v>
      </c>
    </row>
    <row r="2858" spans="1:16" x14ac:dyDescent="0.15">
      <c r="A2858" s="2" t="s">
        <v>49</v>
      </c>
      <c r="B2858" s="2" t="s">
        <v>10260</v>
      </c>
      <c r="C2858" s="4" t="s">
        <v>6</v>
      </c>
      <c r="D2858" s="5" t="s">
        <v>10259</v>
      </c>
      <c r="E2858" s="5" t="s">
        <v>4009</v>
      </c>
      <c r="F2858" s="6" t="s">
        <v>5</v>
      </c>
      <c r="G2858" s="2"/>
      <c r="H2858" s="4"/>
      <c r="I2858" s="5"/>
      <c r="J2858" s="5"/>
      <c r="K2858" s="5"/>
      <c r="L2858" s="6"/>
      <c r="M2858" s="2" t="s">
        <v>10261</v>
      </c>
      <c r="N2858" s="3">
        <v>45301</v>
      </c>
      <c r="O2858" s="3">
        <v>45301</v>
      </c>
      <c r="P2858" s="3">
        <v>47422</v>
      </c>
    </row>
    <row r="2859" spans="1:16" x14ac:dyDescent="0.15">
      <c r="A2859" s="2" t="s">
        <v>49</v>
      </c>
      <c r="B2859" s="2" t="s">
        <v>10262</v>
      </c>
      <c r="C2859" s="4" t="s">
        <v>6</v>
      </c>
      <c r="D2859" s="5" t="s">
        <v>4482</v>
      </c>
      <c r="E2859" s="5" t="s">
        <v>10263</v>
      </c>
      <c r="F2859" s="6" t="s">
        <v>5</v>
      </c>
      <c r="G2859" s="2"/>
      <c r="H2859" s="4"/>
      <c r="I2859" s="5"/>
      <c r="J2859" s="5"/>
      <c r="K2859" s="5"/>
      <c r="L2859" s="6"/>
      <c r="M2859" s="2" t="s">
        <v>10264</v>
      </c>
      <c r="N2859" s="3">
        <v>45304</v>
      </c>
      <c r="O2859" s="3">
        <v>45304</v>
      </c>
      <c r="P2859" s="3">
        <v>47208</v>
      </c>
    </row>
    <row r="2860" spans="1:16" x14ac:dyDescent="0.15">
      <c r="A2860" s="2" t="s">
        <v>49</v>
      </c>
      <c r="B2860" s="2" t="s">
        <v>10265</v>
      </c>
      <c r="C2860" s="4" t="s">
        <v>6</v>
      </c>
      <c r="D2860" s="5" t="s">
        <v>270</v>
      </c>
      <c r="E2860" s="5" t="s">
        <v>10266</v>
      </c>
      <c r="F2860" s="6" t="s">
        <v>5</v>
      </c>
      <c r="G2860" s="2"/>
      <c r="H2860" s="4"/>
      <c r="I2860" s="5"/>
      <c r="J2860" s="5"/>
      <c r="K2860" s="5"/>
      <c r="L2860" s="6"/>
      <c r="M2860" s="2" t="s">
        <v>10267</v>
      </c>
      <c r="N2860" s="3">
        <v>45383</v>
      </c>
      <c r="O2860" s="3">
        <v>45383</v>
      </c>
      <c r="P2860" s="3">
        <v>47573</v>
      </c>
    </row>
    <row r="2861" spans="1:16" x14ac:dyDescent="0.15">
      <c r="A2861" s="2" t="s">
        <v>16</v>
      </c>
      <c r="B2861" s="2" t="s">
        <v>10269</v>
      </c>
      <c r="C2861" s="4" t="s">
        <v>6</v>
      </c>
      <c r="D2861" s="5" t="s">
        <v>3332</v>
      </c>
      <c r="E2861" s="5" t="s">
        <v>10268</v>
      </c>
      <c r="F2861" s="6" t="s">
        <v>5</v>
      </c>
      <c r="G2861" s="2"/>
      <c r="H2861" s="4"/>
      <c r="I2861" s="5"/>
      <c r="J2861" s="5"/>
      <c r="K2861" s="5"/>
      <c r="L2861" s="6"/>
      <c r="M2861" s="2" t="s">
        <v>10270</v>
      </c>
      <c r="N2861" s="3">
        <v>45301</v>
      </c>
      <c r="O2861" s="3">
        <v>45301</v>
      </c>
      <c r="P2861" s="3">
        <v>48121</v>
      </c>
    </row>
    <row r="2862" spans="1:16" x14ac:dyDescent="0.15">
      <c r="A2862" s="2" t="s">
        <v>49</v>
      </c>
      <c r="B2862" s="2" t="s">
        <v>10271</v>
      </c>
      <c r="C2862" s="4" t="s">
        <v>6</v>
      </c>
      <c r="D2862" s="5" t="s">
        <v>230</v>
      </c>
      <c r="E2862" s="5" t="s">
        <v>1989</v>
      </c>
      <c r="F2862" s="6" t="s">
        <v>5</v>
      </c>
      <c r="G2862" s="2"/>
      <c r="H2862" s="4"/>
      <c r="I2862" s="5"/>
      <c r="J2862" s="5"/>
      <c r="K2862" s="5"/>
      <c r="L2862" s="6"/>
      <c r="M2862" s="2" t="s">
        <v>10272</v>
      </c>
      <c r="N2862" s="3">
        <v>45340</v>
      </c>
      <c r="O2862" s="3">
        <v>45340</v>
      </c>
      <c r="P2862" s="3">
        <v>47756</v>
      </c>
    </row>
    <row r="2863" spans="1:16" x14ac:dyDescent="0.15">
      <c r="A2863" s="2" t="s">
        <v>16</v>
      </c>
      <c r="B2863" s="2" t="s">
        <v>10271</v>
      </c>
      <c r="C2863" s="4" t="s">
        <v>6</v>
      </c>
      <c r="D2863" s="5" t="s">
        <v>230</v>
      </c>
      <c r="E2863" s="5" t="s">
        <v>1989</v>
      </c>
      <c r="F2863" s="6" t="s">
        <v>5</v>
      </c>
      <c r="G2863" s="2"/>
      <c r="H2863" s="4"/>
      <c r="I2863" s="5"/>
      <c r="J2863" s="5"/>
      <c r="K2863" s="5"/>
      <c r="L2863" s="6"/>
      <c r="M2863" s="2" t="s">
        <v>10273</v>
      </c>
      <c r="N2863" s="3">
        <v>45340</v>
      </c>
      <c r="O2863" s="3">
        <v>45340</v>
      </c>
      <c r="P2863" s="3">
        <v>47756</v>
      </c>
    </row>
    <row r="2864" spans="1:16" x14ac:dyDescent="0.15">
      <c r="A2864" s="2" t="s">
        <v>39</v>
      </c>
      <c r="B2864" s="2" t="s">
        <v>5688</v>
      </c>
      <c r="C2864" s="4" t="s">
        <v>6</v>
      </c>
      <c r="D2864" s="5" t="s">
        <v>2816</v>
      </c>
      <c r="E2864" s="5" t="s">
        <v>5689</v>
      </c>
      <c r="F2864" s="6" t="s">
        <v>5</v>
      </c>
      <c r="G2864" s="2" t="s">
        <v>5682</v>
      </c>
      <c r="H2864" s="4" t="s">
        <v>9</v>
      </c>
      <c r="I2864" s="5" t="s">
        <v>6</v>
      </c>
      <c r="J2864" s="5" t="s">
        <v>4717</v>
      </c>
      <c r="K2864" s="5" t="s">
        <v>5683</v>
      </c>
      <c r="L2864" s="6" t="s">
        <v>5</v>
      </c>
      <c r="M2864" s="2" t="s">
        <v>5690</v>
      </c>
      <c r="N2864" s="3">
        <v>45122</v>
      </c>
      <c r="O2864" s="3">
        <v>45122</v>
      </c>
      <c r="P2864" s="3">
        <v>47664</v>
      </c>
    </row>
    <row r="2865" spans="1:16" x14ac:dyDescent="0.15">
      <c r="A2865" s="2" t="s">
        <v>39</v>
      </c>
      <c r="B2865" s="2" t="s">
        <v>5739</v>
      </c>
      <c r="C2865" s="4" t="s">
        <v>6</v>
      </c>
      <c r="D2865" s="5" t="s">
        <v>5410</v>
      </c>
      <c r="E2865" s="5" t="s">
        <v>5740</v>
      </c>
      <c r="F2865" s="6" t="s">
        <v>5</v>
      </c>
      <c r="G2865" s="2" t="s">
        <v>5739</v>
      </c>
      <c r="H2865" s="4" t="s">
        <v>9</v>
      </c>
      <c r="I2865" s="5" t="s">
        <v>6</v>
      </c>
      <c r="J2865" s="5" t="s">
        <v>5410</v>
      </c>
      <c r="K2865" s="5" t="s">
        <v>5740</v>
      </c>
      <c r="L2865" s="6" t="s">
        <v>5</v>
      </c>
      <c r="M2865" s="2" t="s">
        <v>5741</v>
      </c>
      <c r="N2865" s="3">
        <v>44762</v>
      </c>
      <c r="O2865" s="3">
        <v>44762</v>
      </c>
      <c r="P2865" s="3">
        <v>46934</v>
      </c>
    </row>
    <row r="2866" spans="1:16" x14ac:dyDescent="0.15">
      <c r="A2866" s="2" t="s">
        <v>49</v>
      </c>
      <c r="B2866" s="2" t="s">
        <v>10279</v>
      </c>
      <c r="C2866" s="4" t="s">
        <v>6</v>
      </c>
      <c r="D2866" s="5" t="s">
        <v>1027</v>
      </c>
      <c r="E2866" s="5" t="s">
        <v>2818</v>
      </c>
      <c r="F2866" s="6" t="s">
        <v>10280</v>
      </c>
      <c r="G2866" s="2"/>
      <c r="H2866" s="4"/>
      <c r="I2866" s="5"/>
      <c r="J2866" s="5"/>
      <c r="K2866" s="5"/>
      <c r="L2866" s="6"/>
      <c r="M2866" s="2" t="s">
        <v>10281</v>
      </c>
      <c r="N2866" s="3">
        <v>45311</v>
      </c>
      <c r="O2866" s="3">
        <v>45311</v>
      </c>
      <c r="P2866" s="3">
        <v>47452</v>
      </c>
    </row>
    <row r="2867" spans="1:16" x14ac:dyDescent="0.15">
      <c r="A2867" s="2" t="s">
        <v>16</v>
      </c>
      <c r="B2867" s="2" t="s">
        <v>10282</v>
      </c>
      <c r="C2867" s="4" t="s">
        <v>6</v>
      </c>
      <c r="D2867" s="5" t="s">
        <v>279</v>
      </c>
      <c r="E2867" s="5" t="s">
        <v>10283</v>
      </c>
      <c r="F2867" s="6" t="s">
        <v>10284</v>
      </c>
      <c r="G2867" s="2"/>
      <c r="H2867" s="4"/>
      <c r="I2867" s="5"/>
      <c r="J2867" s="5"/>
      <c r="K2867" s="5"/>
      <c r="L2867" s="6"/>
      <c r="M2867" s="2" t="s">
        <v>10285</v>
      </c>
      <c r="N2867" s="3">
        <v>45323</v>
      </c>
      <c r="O2867" s="3">
        <v>45323</v>
      </c>
      <c r="P2867" s="3">
        <v>47603</v>
      </c>
    </row>
    <row r="2868" spans="1:16" x14ac:dyDescent="0.15">
      <c r="A2868" s="2" t="s">
        <v>49</v>
      </c>
      <c r="B2868" s="2" t="s">
        <v>10286</v>
      </c>
      <c r="C2868" s="4" t="s">
        <v>6</v>
      </c>
      <c r="D2868" s="5" t="s">
        <v>456</v>
      </c>
      <c r="E2868" s="5" t="s">
        <v>520</v>
      </c>
      <c r="F2868" s="6" t="s">
        <v>5</v>
      </c>
      <c r="G2868" s="2"/>
      <c r="H2868" s="4"/>
      <c r="I2868" s="5"/>
      <c r="J2868" s="5"/>
      <c r="K2868" s="5"/>
      <c r="L2868" s="6"/>
      <c r="M2868" s="2" t="s">
        <v>10287</v>
      </c>
      <c r="N2868" s="3">
        <v>45392</v>
      </c>
      <c r="O2868" s="3">
        <v>45392</v>
      </c>
      <c r="P2868" s="3">
        <v>47269</v>
      </c>
    </row>
    <row r="2869" spans="1:16" x14ac:dyDescent="0.15">
      <c r="A2869" s="2" t="s">
        <v>49</v>
      </c>
      <c r="B2869" s="2" t="s">
        <v>10288</v>
      </c>
      <c r="C2869" s="4" t="s">
        <v>6</v>
      </c>
      <c r="D2869" s="5" t="s">
        <v>1939</v>
      </c>
      <c r="E2869" s="5" t="s">
        <v>10289</v>
      </c>
      <c r="F2869" s="6" t="s">
        <v>5</v>
      </c>
      <c r="G2869" s="2"/>
      <c r="H2869" s="4"/>
      <c r="I2869" s="5"/>
      <c r="J2869" s="5"/>
      <c r="K2869" s="5"/>
      <c r="L2869" s="6"/>
      <c r="M2869" s="2" t="s">
        <v>10290</v>
      </c>
      <c r="N2869" s="3">
        <v>35531</v>
      </c>
      <c r="O2869" s="3">
        <v>43405</v>
      </c>
      <c r="P2869" s="3">
        <v>45596</v>
      </c>
    </row>
    <row r="2870" spans="1:16" x14ac:dyDescent="0.15">
      <c r="A2870" s="2" t="s">
        <v>49</v>
      </c>
      <c r="B2870" s="2" t="s">
        <v>10291</v>
      </c>
      <c r="C2870" s="4" t="s">
        <v>6</v>
      </c>
      <c r="D2870" s="5" t="s">
        <v>2012</v>
      </c>
      <c r="E2870" s="5" t="s">
        <v>10292</v>
      </c>
      <c r="F2870" s="6" t="s">
        <v>5</v>
      </c>
      <c r="G2870" s="2"/>
      <c r="H2870" s="4"/>
      <c r="I2870" s="5"/>
      <c r="J2870" s="5"/>
      <c r="K2870" s="5"/>
      <c r="L2870" s="6"/>
      <c r="M2870" s="2" t="s">
        <v>10293</v>
      </c>
      <c r="N2870" s="3">
        <v>45388</v>
      </c>
      <c r="O2870" s="3">
        <v>45388</v>
      </c>
      <c r="P2870" s="3">
        <v>47938</v>
      </c>
    </row>
    <row r="2871" spans="1:16" x14ac:dyDescent="0.15">
      <c r="A2871" s="2" t="s">
        <v>39</v>
      </c>
      <c r="B2871" s="2" t="s">
        <v>8773</v>
      </c>
      <c r="C2871" s="4" t="s">
        <v>6</v>
      </c>
      <c r="D2871" s="5" t="s">
        <v>2454</v>
      </c>
      <c r="E2871" s="5" t="s">
        <v>8774</v>
      </c>
      <c r="F2871" s="6" t="s">
        <v>5</v>
      </c>
      <c r="G2871" s="2" t="s">
        <v>8773</v>
      </c>
      <c r="H2871" s="4" t="s">
        <v>9</v>
      </c>
      <c r="I2871" s="5" t="s">
        <v>6</v>
      </c>
      <c r="J2871" s="5" t="s">
        <v>2454</v>
      </c>
      <c r="K2871" s="5" t="s">
        <v>8774</v>
      </c>
      <c r="L2871" s="6" t="s">
        <v>5</v>
      </c>
      <c r="M2871" s="2" t="s">
        <v>8775</v>
      </c>
      <c r="N2871" s="3">
        <v>42816</v>
      </c>
      <c r="O2871" s="3">
        <v>45108</v>
      </c>
      <c r="P2871" s="3">
        <v>47299</v>
      </c>
    </row>
    <row r="2872" spans="1:16" x14ac:dyDescent="0.15">
      <c r="A2872" s="2" t="s">
        <v>39</v>
      </c>
      <c r="B2872" s="2" t="s">
        <v>8889</v>
      </c>
      <c r="C2872" s="4" t="s">
        <v>6</v>
      </c>
      <c r="D2872" s="5" t="s">
        <v>3498</v>
      </c>
      <c r="E2872" s="5" t="s">
        <v>8888</v>
      </c>
      <c r="F2872" s="6" t="s">
        <v>5</v>
      </c>
      <c r="G2872" s="2" t="s">
        <v>8887</v>
      </c>
      <c r="H2872" s="4" t="s">
        <v>9</v>
      </c>
      <c r="I2872" s="5" t="s">
        <v>6</v>
      </c>
      <c r="J2872" s="5" t="s">
        <v>3498</v>
      </c>
      <c r="K2872" s="5" t="s">
        <v>8888</v>
      </c>
      <c r="L2872" s="6" t="s">
        <v>5</v>
      </c>
      <c r="M2872" s="2" t="s">
        <v>8891</v>
      </c>
      <c r="N2872" s="3">
        <v>45244</v>
      </c>
      <c r="O2872" s="3">
        <v>45244</v>
      </c>
      <c r="P2872" s="3">
        <v>47603</v>
      </c>
    </row>
    <row r="2873" spans="1:16" x14ac:dyDescent="0.15">
      <c r="A2873" s="2" t="s">
        <v>49</v>
      </c>
      <c r="B2873" s="2" t="s">
        <v>10299</v>
      </c>
      <c r="C2873" s="4" t="s">
        <v>6</v>
      </c>
      <c r="D2873" s="5" t="s">
        <v>1758</v>
      </c>
      <c r="E2873" s="5" t="s">
        <v>10300</v>
      </c>
      <c r="F2873" s="6" t="s">
        <v>5</v>
      </c>
      <c r="G2873" s="2"/>
      <c r="H2873" s="4"/>
      <c r="I2873" s="5"/>
      <c r="J2873" s="5"/>
      <c r="K2873" s="5"/>
      <c r="L2873" s="6"/>
      <c r="M2873" s="2" t="s">
        <v>10301</v>
      </c>
      <c r="N2873" s="3">
        <v>45316</v>
      </c>
      <c r="O2873" s="3">
        <v>45316</v>
      </c>
      <c r="P2873" s="3">
        <v>47391</v>
      </c>
    </row>
    <row r="2874" spans="1:16" x14ac:dyDescent="0.15">
      <c r="A2874" s="2" t="s">
        <v>39</v>
      </c>
      <c r="B2874" s="2" t="s">
        <v>8983</v>
      </c>
      <c r="C2874" s="4" t="s">
        <v>6</v>
      </c>
      <c r="D2874" s="5" t="s">
        <v>5049</v>
      </c>
      <c r="E2874" s="5" t="s">
        <v>8984</v>
      </c>
      <c r="F2874" s="6" t="s">
        <v>8985</v>
      </c>
      <c r="G2874" s="2" t="s">
        <v>8979</v>
      </c>
      <c r="H2874" s="4" t="s">
        <v>29</v>
      </c>
      <c r="I2874" s="5" t="s">
        <v>8980</v>
      </c>
      <c r="J2874" s="5" t="s">
        <v>8981</v>
      </c>
      <c r="K2874" s="5" t="s">
        <v>8982</v>
      </c>
      <c r="L2874" s="6" t="s">
        <v>5</v>
      </c>
      <c r="M2874" s="2" t="s">
        <v>8986</v>
      </c>
      <c r="N2874" s="3">
        <v>45143</v>
      </c>
      <c r="O2874" s="3">
        <v>45143</v>
      </c>
      <c r="P2874" s="3">
        <v>47299</v>
      </c>
    </row>
    <row r="2875" spans="1:16" x14ac:dyDescent="0.15">
      <c r="A2875" s="2" t="s">
        <v>486</v>
      </c>
      <c r="B2875" s="2" t="s">
        <v>10308</v>
      </c>
      <c r="C2875" s="4" t="s">
        <v>6</v>
      </c>
      <c r="D2875" s="5" t="s">
        <v>10306</v>
      </c>
      <c r="E2875" s="5" t="s">
        <v>10307</v>
      </c>
      <c r="F2875" s="6" t="s">
        <v>5</v>
      </c>
      <c r="G2875" s="2"/>
      <c r="H2875" s="4"/>
      <c r="I2875" s="5"/>
      <c r="J2875" s="5"/>
      <c r="K2875" s="5"/>
      <c r="L2875" s="6"/>
      <c r="M2875" s="2" t="s">
        <v>10309</v>
      </c>
      <c r="N2875" s="3">
        <v>45413</v>
      </c>
      <c r="O2875" s="3">
        <v>45413</v>
      </c>
      <c r="P2875" s="3">
        <v>47391</v>
      </c>
    </row>
    <row r="2876" spans="1:16" x14ac:dyDescent="0.15">
      <c r="A2876" s="2" t="s">
        <v>49</v>
      </c>
      <c r="B2876" s="2" t="s">
        <v>10310</v>
      </c>
      <c r="C2876" s="4" t="s">
        <v>6</v>
      </c>
      <c r="D2876" s="5" t="s">
        <v>1027</v>
      </c>
      <c r="E2876" s="5" t="s">
        <v>1322</v>
      </c>
      <c r="F2876" s="6" t="s">
        <v>10311</v>
      </c>
      <c r="G2876" s="2"/>
      <c r="H2876" s="4"/>
      <c r="I2876" s="5"/>
      <c r="J2876" s="5"/>
      <c r="K2876" s="5"/>
      <c r="L2876" s="6"/>
      <c r="M2876" s="2" t="s">
        <v>10312</v>
      </c>
      <c r="N2876" s="3">
        <v>44531</v>
      </c>
      <c r="O2876" s="3">
        <v>44531</v>
      </c>
      <c r="P2876" s="3">
        <v>46721</v>
      </c>
    </row>
    <row r="2877" spans="1:16" x14ac:dyDescent="0.15">
      <c r="A2877" s="2" t="s">
        <v>49</v>
      </c>
      <c r="B2877" s="2" t="s">
        <v>10313</v>
      </c>
      <c r="C2877" s="4" t="s">
        <v>6</v>
      </c>
      <c r="D2877" s="5" t="s">
        <v>45</v>
      </c>
      <c r="E2877" s="5" t="s">
        <v>10314</v>
      </c>
      <c r="F2877" s="6" t="s">
        <v>10315</v>
      </c>
      <c r="G2877" s="2"/>
      <c r="H2877" s="4"/>
      <c r="I2877" s="5"/>
      <c r="J2877" s="5"/>
      <c r="K2877" s="5"/>
      <c r="L2877" s="6"/>
      <c r="M2877" s="2" t="s">
        <v>10316</v>
      </c>
      <c r="N2877" s="3">
        <v>45322</v>
      </c>
      <c r="O2877" s="3">
        <v>45322</v>
      </c>
      <c r="P2877" s="3">
        <v>47817</v>
      </c>
    </row>
    <row r="2878" spans="1:16" x14ac:dyDescent="0.15">
      <c r="A2878" s="2" t="s">
        <v>39</v>
      </c>
      <c r="B2878" s="2" t="s">
        <v>10561</v>
      </c>
      <c r="C2878" s="4" t="s">
        <v>6</v>
      </c>
      <c r="D2878" s="5" t="s">
        <v>218</v>
      </c>
      <c r="E2878" s="5" t="s">
        <v>10562</v>
      </c>
      <c r="F2878" s="6" t="s">
        <v>5</v>
      </c>
      <c r="G2878" s="2" t="s">
        <v>10561</v>
      </c>
      <c r="H2878" s="4" t="s">
        <v>9</v>
      </c>
      <c r="I2878" s="5" t="s">
        <v>6</v>
      </c>
      <c r="J2878" s="5" t="s">
        <v>1148</v>
      </c>
      <c r="K2878" s="5" t="s">
        <v>4393</v>
      </c>
      <c r="L2878" s="6" t="s">
        <v>5</v>
      </c>
      <c r="M2878" s="2" t="s">
        <v>10563</v>
      </c>
      <c r="N2878" s="3">
        <v>34204</v>
      </c>
      <c r="O2878" s="3">
        <v>45383</v>
      </c>
      <c r="P2878" s="3">
        <v>47573</v>
      </c>
    </row>
    <row r="2879" spans="1:16" x14ac:dyDescent="0.15">
      <c r="A2879" s="2" t="s">
        <v>39</v>
      </c>
      <c r="B2879" s="2" t="s">
        <v>11125</v>
      </c>
      <c r="C2879" s="4" t="s">
        <v>6</v>
      </c>
      <c r="D2879" s="5" t="s">
        <v>2816</v>
      </c>
      <c r="E2879" s="5" t="s">
        <v>171</v>
      </c>
      <c r="F2879" s="6" t="s">
        <v>5</v>
      </c>
      <c r="G2879" s="2" t="s">
        <v>11125</v>
      </c>
      <c r="H2879" s="4" t="s">
        <v>9</v>
      </c>
      <c r="I2879" s="5" t="s">
        <v>6</v>
      </c>
      <c r="J2879" s="5" t="s">
        <v>2816</v>
      </c>
      <c r="K2879" s="5" t="s">
        <v>171</v>
      </c>
      <c r="L2879" s="6" t="s">
        <v>5</v>
      </c>
      <c r="M2879" s="2" t="s">
        <v>11126</v>
      </c>
      <c r="N2879" s="3">
        <v>45474</v>
      </c>
      <c r="O2879" s="3">
        <v>45474</v>
      </c>
      <c r="P2879" s="3">
        <v>47664</v>
      </c>
    </row>
    <row r="2880" spans="1:16" x14ac:dyDescent="0.15">
      <c r="A2880" s="2" t="s">
        <v>49</v>
      </c>
      <c r="B2880" s="2" t="s">
        <v>10326</v>
      </c>
      <c r="C2880" s="4" t="s">
        <v>6</v>
      </c>
      <c r="D2880" s="5" t="s">
        <v>1286</v>
      </c>
      <c r="E2880" s="5" t="s">
        <v>10327</v>
      </c>
      <c r="F2880" s="6" t="s">
        <v>10328</v>
      </c>
      <c r="G2880" s="2"/>
      <c r="H2880" s="4"/>
      <c r="I2880" s="5"/>
      <c r="J2880" s="5"/>
      <c r="K2880" s="5"/>
      <c r="L2880" s="6"/>
      <c r="M2880" s="2" t="s">
        <v>10329</v>
      </c>
      <c r="N2880" s="3">
        <v>45376</v>
      </c>
      <c r="O2880" s="3">
        <v>45376</v>
      </c>
      <c r="P2880" s="3">
        <v>47756</v>
      </c>
    </row>
    <row r="2881" spans="1:16" x14ac:dyDescent="0.15">
      <c r="A2881" s="2" t="s">
        <v>49</v>
      </c>
      <c r="B2881" s="2" t="s">
        <v>10331</v>
      </c>
      <c r="C2881" s="4" t="s">
        <v>6</v>
      </c>
      <c r="D2881" s="5" t="s">
        <v>842</v>
      </c>
      <c r="E2881" s="5" t="s">
        <v>10330</v>
      </c>
      <c r="F2881" s="6" t="s">
        <v>5</v>
      </c>
      <c r="G2881" s="2"/>
      <c r="H2881" s="4"/>
      <c r="I2881" s="5"/>
      <c r="J2881" s="5"/>
      <c r="K2881" s="5"/>
      <c r="L2881" s="6"/>
      <c r="M2881" s="2" t="s">
        <v>10332</v>
      </c>
      <c r="N2881" s="3">
        <v>39708</v>
      </c>
      <c r="O2881" s="3">
        <v>45383</v>
      </c>
      <c r="P2881" s="3">
        <v>47208</v>
      </c>
    </row>
    <row r="2882" spans="1:16" x14ac:dyDescent="0.15">
      <c r="A2882" s="2" t="s">
        <v>49</v>
      </c>
      <c r="B2882" s="2" t="s">
        <v>10334</v>
      </c>
      <c r="C2882" s="4" t="s">
        <v>6</v>
      </c>
      <c r="D2882" s="5" t="s">
        <v>123</v>
      </c>
      <c r="E2882" s="5" t="s">
        <v>10333</v>
      </c>
      <c r="F2882" s="6" t="s">
        <v>5</v>
      </c>
      <c r="G2882" s="2"/>
      <c r="H2882" s="4"/>
      <c r="I2882" s="5"/>
      <c r="J2882" s="5"/>
      <c r="K2882" s="5"/>
      <c r="L2882" s="6"/>
      <c r="M2882" s="2" t="s">
        <v>10335</v>
      </c>
      <c r="N2882" s="3">
        <v>34737</v>
      </c>
      <c r="O2882" s="3">
        <v>45383</v>
      </c>
      <c r="P2882" s="3">
        <v>47208</v>
      </c>
    </row>
    <row r="2883" spans="1:16" x14ac:dyDescent="0.15">
      <c r="A2883" s="2" t="s">
        <v>49</v>
      </c>
      <c r="B2883" s="2" t="s">
        <v>10337</v>
      </c>
      <c r="C2883" s="4" t="s">
        <v>6</v>
      </c>
      <c r="D2883" s="5" t="s">
        <v>1248</v>
      </c>
      <c r="E2883" s="5" t="s">
        <v>10336</v>
      </c>
      <c r="F2883" s="6" t="s">
        <v>5</v>
      </c>
      <c r="G2883" s="2"/>
      <c r="H2883" s="4"/>
      <c r="I2883" s="5"/>
      <c r="J2883" s="5"/>
      <c r="K2883" s="5"/>
      <c r="L2883" s="6"/>
      <c r="M2883" s="2" t="s">
        <v>10338</v>
      </c>
      <c r="N2883" s="3">
        <v>41695</v>
      </c>
      <c r="O2883" s="3">
        <v>45383</v>
      </c>
      <c r="P2883" s="3">
        <v>47208</v>
      </c>
    </row>
    <row r="2884" spans="1:16" x14ac:dyDescent="0.15">
      <c r="A2884" s="2" t="s">
        <v>49</v>
      </c>
      <c r="B2884" s="2" t="s">
        <v>10339</v>
      </c>
      <c r="C2884" s="4" t="s">
        <v>6</v>
      </c>
      <c r="D2884" s="5" t="s">
        <v>627</v>
      </c>
      <c r="E2884" s="5" t="s">
        <v>9463</v>
      </c>
      <c r="F2884" s="6" t="s">
        <v>5</v>
      </c>
      <c r="G2884" s="2"/>
      <c r="H2884" s="4"/>
      <c r="I2884" s="5"/>
      <c r="J2884" s="5"/>
      <c r="K2884" s="5"/>
      <c r="L2884" s="6"/>
      <c r="M2884" s="2" t="s">
        <v>10340</v>
      </c>
      <c r="N2884" s="3">
        <v>40829</v>
      </c>
      <c r="O2884" s="3">
        <v>45383</v>
      </c>
      <c r="P2884" s="3">
        <v>47573</v>
      </c>
    </row>
    <row r="2885" spans="1:16" x14ac:dyDescent="0.15">
      <c r="A2885" s="2" t="s">
        <v>49</v>
      </c>
      <c r="B2885" s="2" t="s">
        <v>10341</v>
      </c>
      <c r="C2885" s="4" t="s">
        <v>6</v>
      </c>
      <c r="D2885" s="5" t="s">
        <v>45</v>
      </c>
      <c r="E2885" s="5" t="s">
        <v>10342</v>
      </c>
      <c r="F2885" s="6" t="s">
        <v>5</v>
      </c>
      <c r="G2885" s="2"/>
      <c r="H2885" s="4"/>
      <c r="I2885" s="5"/>
      <c r="J2885" s="5"/>
      <c r="K2885" s="5"/>
      <c r="L2885" s="6"/>
      <c r="M2885" s="2" t="s">
        <v>10343</v>
      </c>
      <c r="N2885" s="3">
        <v>45417</v>
      </c>
      <c r="O2885" s="3">
        <v>45417</v>
      </c>
      <c r="P2885" s="3">
        <v>47817</v>
      </c>
    </row>
    <row r="2886" spans="1:16" x14ac:dyDescent="0.15">
      <c r="A2886" s="2" t="s">
        <v>16</v>
      </c>
      <c r="B2886" s="2" t="s">
        <v>10344</v>
      </c>
      <c r="C2886" s="4" t="s">
        <v>6</v>
      </c>
      <c r="D2886" s="5" t="s">
        <v>273</v>
      </c>
      <c r="E2886" s="5" t="s">
        <v>10345</v>
      </c>
      <c r="F2886" s="6" t="s">
        <v>5</v>
      </c>
      <c r="G2886" s="2"/>
      <c r="H2886" s="4"/>
      <c r="I2886" s="5"/>
      <c r="J2886" s="5"/>
      <c r="K2886" s="5"/>
      <c r="L2886" s="6"/>
      <c r="M2886" s="2" t="s">
        <v>10346</v>
      </c>
      <c r="N2886" s="3">
        <v>45329</v>
      </c>
      <c r="O2886" s="3">
        <v>45329</v>
      </c>
      <c r="P2886" s="3">
        <v>47664</v>
      </c>
    </row>
    <row r="2887" spans="1:16" x14ac:dyDescent="0.15">
      <c r="A2887" s="2" t="s">
        <v>49</v>
      </c>
      <c r="B2887" s="2" t="s">
        <v>10347</v>
      </c>
      <c r="C2887" s="4" t="s">
        <v>6</v>
      </c>
      <c r="D2887" s="5" t="s">
        <v>7904</v>
      </c>
      <c r="E2887" s="5" t="s">
        <v>10348</v>
      </c>
      <c r="F2887" s="6" t="s">
        <v>5</v>
      </c>
      <c r="G2887" s="2"/>
      <c r="H2887" s="4"/>
      <c r="I2887" s="5"/>
      <c r="J2887" s="5"/>
      <c r="K2887" s="5"/>
      <c r="L2887" s="6"/>
      <c r="M2887" s="2" t="s">
        <v>10349</v>
      </c>
      <c r="N2887" s="3">
        <v>45325</v>
      </c>
      <c r="O2887" s="3">
        <v>45325</v>
      </c>
      <c r="P2887" s="3">
        <v>47573</v>
      </c>
    </row>
    <row r="2888" spans="1:16" x14ac:dyDescent="0.15">
      <c r="A2888" s="2" t="s">
        <v>3388</v>
      </c>
      <c r="B2888" s="2" t="s">
        <v>3387</v>
      </c>
      <c r="C2888" s="4" t="s">
        <v>6</v>
      </c>
      <c r="D2888" s="5" t="s">
        <v>1148</v>
      </c>
      <c r="E2888" s="5" t="s">
        <v>3383</v>
      </c>
      <c r="F2888" s="6" t="s">
        <v>5</v>
      </c>
      <c r="G2888" s="2" t="s">
        <v>3380</v>
      </c>
      <c r="H2888" s="4" t="s">
        <v>9</v>
      </c>
      <c r="I2888" s="5" t="s">
        <v>6</v>
      </c>
      <c r="J2888" s="5" t="s">
        <v>3381</v>
      </c>
      <c r="K2888" s="5" t="s">
        <v>5</v>
      </c>
      <c r="L2888" s="6" t="s">
        <v>5</v>
      </c>
      <c r="M2888" s="2" t="s">
        <v>3389</v>
      </c>
      <c r="N2888" s="3">
        <v>42439</v>
      </c>
      <c r="O2888" s="3">
        <v>44652</v>
      </c>
      <c r="P2888" s="3">
        <v>46843</v>
      </c>
    </row>
    <row r="2889" spans="1:16" x14ac:dyDescent="0.15">
      <c r="A2889" s="2" t="s">
        <v>1562</v>
      </c>
      <c r="B2889" s="2" t="s">
        <v>1558</v>
      </c>
      <c r="C2889" s="4" t="s">
        <v>6</v>
      </c>
      <c r="D2889" s="5" t="s">
        <v>1560</v>
      </c>
      <c r="E2889" s="5" t="s">
        <v>1561</v>
      </c>
      <c r="F2889" s="6" t="s">
        <v>5</v>
      </c>
      <c r="G2889" s="2" t="s">
        <v>1558</v>
      </c>
      <c r="H2889" s="4" t="s">
        <v>9</v>
      </c>
      <c r="I2889" s="5" t="s">
        <v>6</v>
      </c>
      <c r="J2889" s="5" t="s">
        <v>1559</v>
      </c>
      <c r="K2889" s="5" t="s">
        <v>5</v>
      </c>
      <c r="L2889" s="6" t="s">
        <v>5</v>
      </c>
      <c r="M2889" s="2" t="s">
        <v>1563</v>
      </c>
      <c r="N2889" s="3">
        <v>45422</v>
      </c>
      <c r="O2889" s="3">
        <v>45422</v>
      </c>
      <c r="P2889" s="3">
        <v>47664</v>
      </c>
    </row>
    <row r="2890" spans="1:16" x14ac:dyDescent="0.15">
      <c r="A2890" s="2" t="s">
        <v>5819</v>
      </c>
      <c r="B2890" s="2" t="s">
        <v>5816</v>
      </c>
      <c r="C2890" s="4" t="s">
        <v>6</v>
      </c>
      <c r="D2890" s="5" t="s">
        <v>5817</v>
      </c>
      <c r="E2890" s="5" t="s">
        <v>5818</v>
      </c>
      <c r="F2890" s="6" t="s">
        <v>5</v>
      </c>
      <c r="G2890" s="2" t="s">
        <v>5816</v>
      </c>
      <c r="H2890" s="4" t="s">
        <v>9</v>
      </c>
      <c r="I2890" s="5" t="s">
        <v>6</v>
      </c>
      <c r="J2890" s="5" t="s">
        <v>5817</v>
      </c>
      <c r="K2890" s="5" t="s">
        <v>5818</v>
      </c>
      <c r="L2890" s="6" t="s">
        <v>5</v>
      </c>
      <c r="M2890" s="2" t="s">
        <v>5820</v>
      </c>
      <c r="N2890" s="3">
        <v>44755</v>
      </c>
      <c r="O2890" s="3">
        <v>44755</v>
      </c>
      <c r="P2890" s="3">
        <v>47208</v>
      </c>
    </row>
    <row r="2891" spans="1:16" x14ac:dyDescent="0.15">
      <c r="A2891" s="2" t="s">
        <v>5819</v>
      </c>
      <c r="B2891" s="2" t="s">
        <v>6092</v>
      </c>
      <c r="C2891" s="4" t="s">
        <v>6</v>
      </c>
      <c r="D2891" s="5" t="s">
        <v>6093</v>
      </c>
      <c r="E2891" s="5" t="s">
        <v>6094</v>
      </c>
      <c r="F2891" s="6" t="s">
        <v>5</v>
      </c>
      <c r="G2891" s="2" t="s">
        <v>6092</v>
      </c>
      <c r="H2891" s="4" t="s">
        <v>9</v>
      </c>
      <c r="I2891" s="5" t="s">
        <v>6</v>
      </c>
      <c r="J2891" s="5" t="s">
        <v>6093</v>
      </c>
      <c r="K2891" s="5" t="s">
        <v>6094</v>
      </c>
      <c r="L2891" s="6" t="s">
        <v>5</v>
      </c>
      <c r="M2891" s="2" t="s">
        <v>6095</v>
      </c>
      <c r="N2891" s="3">
        <v>40137</v>
      </c>
      <c r="O2891" s="3">
        <v>44835</v>
      </c>
      <c r="P2891" s="3">
        <v>47026</v>
      </c>
    </row>
    <row r="2892" spans="1:16" x14ac:dyDescent="0.15">
      <c r="A2892" s="2" t="s">
        <v>49</v>
      </c>
      <c r="B2892" s="2" t="s">
        <v>10368</v>
      </c>
      <c r="C2892" s="4" t="s">
        <v>6</v>
      </c>
      <c r="D2892" s="5" t="s">
        <v>111</v>
      </c>
      <c r="E2892" s="5" t="s">
        <v>2719</v>
      </c>
      <c r="F2892" s="6" t="s">
        <v>5</v>
      </c>
      <c r="G2892" s="2"/>
      <c r="H2892" s="4"/>
      <c r="I2892" s="5"/>
      <c r="J2892" s="5"/>
      <c r="K2892" s="5"/>
      <c r="L2892" s="6"/>
      <c r="M2892" s="2" t="s">
        <v>10369</v>
      </c>
      <c r="N2892" s="3">
        <v>45359</v>
      </c>
      <c r="O2892" s="3">
        <v>45359</v>
      </c>
      <c r="P2892" s="3">
        <v>47422</v>
      </c>
    </row>
    <row r="2893" spans="1:16" x14ac:dyDescent="0.15">
      <c r="A2893" s="2" t="s">
        <v>5819</v>
      </c>
      <c r="B2893" s="2" t="s">
        <v>10274</v>
      </c>
      <c r="C2893" s="4" t="s">
        <v>6</v>
      </c>
      <c r="D2893" s="5" t="s">
        <v>745</v>
      </c>
      <c r="E2893" s="5" t="s">
        <v>10276</v>
      </c>
      <c r="F2893" s="6" t="s">
        <v>5</v>
      </c>
      <c r="G2893" s="2" t="s">
        <v>10274</v>
      </c>
      <c r="H2893" s="4" t="s">
        <v>9</v>
      </c>
      <c r="I2893" s="5" t="s">
        <v>6</v>
      </c>
      <c r="J2893" s="5" t="s">
        <v>10503</v>
      </c>
      <c r="K2893" s="5" t="s">
        <v>10504</v>
      </c>
      <c r="L2893" s="6" t="s">
        <v>5</v>
      </c>
      <c r="M2893" s="2" t="s">
        <v>10505</v>
      </c>
      <c r="N2893" s="3">
        <v>45352</v>
      </c>
      <c r="O2893" s="3">
        <v>45352</v>
      </c>
      <c r="P2893" s="3">
        <v>47664</v>
      </c>
    </row>
    <row r="2894" spans="1:16" x14ac:dyDescent="0.15">
      <c r="A2894" s="2" t="s">
        <v>1231</v>
      </c>
      <c r="B2894" s="2" t="s">
        <v>1430</v>
      </c>
      <c r="C2894" s="4" t="s">
        <v>6</v>
      </c>
      <c r="D2894" s="5" t="s">
        <v>1431</v>
      </c>
      <c r="E2894" s="5" t="s">
        <v>1347</v>
      </c>
      <c r="F2894" s="6" t="s">
        <v>5</v>
      </c>
      <c r="G2894" s="2" t="s">
        <v>1430</v>
      </c>
      <c r="H2894" s="4" t="s">
        <v>9</v>
      </c>
      <c r="I2894" s="5" t="s">
        <v>6</v>
      </c>
      <c r="J2894" s="5" t="s">
        <v>1431</v>
      </c>
      <c r="K2894" s="5" t="s">
        <v>1347</v>
      </c>
      <c r="L2894" s="6" t="s">
        <v>5</v>
      </c>
      <c r="M2894" s="2" t="s">
        <v>1432</v>
      </c>
      <c r="N2894" s="3">
        <v>40815</v>
      </c>
      <c r="O2894" s="3">
        <v>44470</v>
      </c>
      <c r="P2894" s="3">
        <v>46295</v>
      </c>
    </row>
    <row r="2895" spans="1:16" x14ac:dyDescent="0.15">
      <c r="A2895" s="2" t="s">
        <v>1231</v>
      </c>
      <c r="B2895" s="2" t="s">
        <v>2230</v>
      </c>
      <c r="C2895" s="4" t="s">
        <v>6</v>
      </c>
      <c r="D2895" s="5" t="s">
        <v>2231</v>
      </c>
      <c r="E2895" s="5" t="s">
        <v>5</v>
      </c>
      <c r="F2895" s="6" t="s">
        <v>5</v>
      </c>
      <c r="G2895" s="2" t="s">
        <v>2230</v>
      </c>
      <c r="H2895" s="4" t="s">
        <v>9</v>
      </c>
      <c r="I2895" s="5" t="s">
        <v>6</v>
      </c>
      <c r="J2895" s="5" t="s">
        <v>2231</v>
      </c>
      <c r="K2895" s="5" t="s">
        <v>5</v>
      </c>
      <c r="L2895" s="6" t="s">
        <v>5</v>
      </c>
      <c r="M2895" s="2" t="s">
        <v>2232</v>
      </c>
      <c r="N2895" s="3">
        <v>31295</v>
      </c>
      <c r="O2895" s="3">
        <v>44501</v>
      </c>
      <c r="P2895" s="3">
        <v>46326</v>
      </c>
    </row>
    <row r="2896" spans="1:16" x14ac:dyDescent="0.15">
      <c r="A2896" s="2" t="s">
        <v>1231</v>
      </c>
      <c r="B2896" s="2" t="s">
        <v>3628</v>
      </c>
      <c r="C2896" s="4" t="s">
        <v>6</v>
      </c>
      <c r="D2896" s="5" t="s">
        <v>2179</v>
      </c>
      <c r="E2896" s="5" t="s">
        <v>3630</v>
      </c>
      <c r="F2896" s="6" t="s">
        <v>5</v>
      </c>
      <c r="G2896" s="2" t="s">
        <v>3628</v>
      </c>
      <c r="H2896" s="4" t="s">
        <v>9</v>
      </c>
      <c r="I2896" s="5" t="s">
        <v>6</v>
      </c>
      <c r="J2896" s="5" t="s">
        <v>2179</v>
      </c>
      <c r="K2896" s="5" t="s">
        <v>3629</v>
      </c>
      <c r="L2896" s="6" t="s">
        <v>5</v>
      </c>
      <c r="M2896" s="2" t="s">
        <v>3631</v>
      </c>
      <c r="N2896" s="3">
        <v>38176</v>
      </c>
      <c r="O2896" s="3">
        <v>43770</v>
      </c>
      <c r="P2896" s="3">
        <v>45596</v>
      </c>
    </row>
    <row r="2897" spans="1:16" x14ac:dyDescent="0.15">
      <c r="A2897" s="2" t="s">
        <v>49</v>
      </c>
      <c r="B2897" s="2" t="s">
        <v>10392</v>
      </c>
      <c r="C2897" s="4" t="s">
        <v>6</v>
      </c>
      <c r="D2897" s="5" t="s">
        <v>834</v>
      </c>
      <c r="E2897" s="5" t="s">
        <v>10391</v>
      </c>
      <c r="F2897" s="6" t="s">
        <v>5</v>
      </c>
      <c r="G2897" s="2"/>
      <c r="H2897" s="4"/>
      <c r="I2897" s="5"/>
      <c r="J2897" s="5"/>
      <c r="K2897" s="5"/>
      <c r="L2897" s="6"/>
      <c r="M2897" s="2" t="s">
        <v>10393</v>
      </c>
      <c r="N2897" s="3">
        <v>31625</v>
      </c>
      <c r="O2897" s="3">
        <v>45383</v>
      </c>
      <c r="P2897" s="3">
        <v>47208</v>
      </c>
    </row>
    <row r="2898" spans="1:16" x14ac:dyDescent="0.15">
      <c r="A2898" s="2" t="s">
        <v>49</v>
      </c>
      <c r="B2898" s="2" t="s">
        <v>10396</v>
      </c>
      <c r="C2898" s="4" t="s">
        <v>6</v>
      </c>
      <c r="D2898" s="5" t="s">
        <v>456</v>
      </c>
      <c r="E2898" s="5" t="s">
        <v>10395</v>
      </c>
      <c r="F2898" s="6" t="s">
        <v>5</v>
      </c>
      <c r="G2898" s="2" t="s">
        <v>10394</v>
      </c>
      <c r="H2898" s="4" t="s">
        <v>9</v>
      </c>
      <c r="I2898" s="5" t="s">
        <v>6</v>
      </c>
      <c r="J2898" s="5" t="s">
        <v>456</v>
      </c>
      <c r="K2898" s="5" t="s">
        <v>10395</v>
      </c>
      <c r="L2898" s="6" t="s">
        <v>5</v>
      </c>
      <c r="M2898" s="2" t="s">
        <v>10397</v>
      </c>
      <c r="N2898" s="3">
        <v>38068</v>
      </c>
      <c r="O2898" s="3">
        <v>45383</v>
      </c>
      <c r="P2898" s="3">
        <v>47208</v>
      </c>
    </row>
    <row r="2899" spans="1:16" x14ac:dyDescent="0.15">
      <c r="A2899" s="2" t="s">
        <v>1231</v>
      </c>
      <c r="B2899" s="2" t="s">
        <v>4691</v>
      </c>
      <c r="C2899" s="4" t="s">
        <v>6</v>
      </c>
      <c r="D2899" s="5" t="s">
        <v>4693</v>
      </c>
      <c r="E2899" s="5" t="s">
        <v>3557</v>
      </c>
      <c r="F2899" s="6" t="s">
        <v>5</v>
      </c>
      <c r="G2899" s="2" t="s">
        <v>4691</v>
      </c>
      <c r="H2899" s="4" t="s">
        <v>9</v>
      </c>
      <c r="I2899" s="5" t="s">
        <v>6</v>
      </c>
      <c r="J2899" s="5" t="s">
        <v>2356</v>
      </c>
      <c r="K2899" s="5" t="s">
        <v>4692</v>
      </c>
      <c r="L2899" s="6" t="s">
        <v>5</v>
      </c>
      <c r="M2899" s="2" t="s">
        <v>4694</v>
      </c>
      <c r="N2899" s="3">
        <v>42801</v>
      </c>
      <c r="O2899" s="3">
        <v>44652</v>
      </c>
      <c r="P2899" s="3">
        <v>46477</v>
      </c>
    </row>
    <row r="2900" spans="1:16" x14ac:dyDescent="0.15">
      <c r="A2900" s="2" t="s">
        <v>42</v>
      </c>
      <c r="B2900" s="2" t="s">
        <v>10404</v>
      </c>
      <c r="C2900" s="4" t="s">
        <v>6</v>
      </c>
      <c r="D2900" s="5" t="s">
        <v>169</v>
      </c>
      <c r="E2900" s="5" t="s">
        <v>10403</v>
      </c>
      <c r="F2900" s="6" t="s">
        <v>5</v>
      </c>
      <c r="G2900" s="2"/>
      <c r="H2900" s="4"/>
      <c r="I2900" s="5"/>
      <c r="J2900" s="5"/>
      <c r="K2900" s="5"/>
      <c r="L2900" s="6"/>
      <c r="M2900" s="2" t="s">
        <v>10405</v>
      </c>
      <c r="N2900" s="3">
        <v>39864</v>
      </c>
      <c r="O2900" s="3">
        <v>45383</v>
      </c>
      <c r="P2900" s="3">
        <v>47208</v>
      </c>
    </row>
    <row r="2901" spans="1:16" x14ac:dyDescent="0.15">
      <c r="A2901" s="2" t="s">
        <v>49</v>
      </c>
      <c r="B2901" s="2" t="s">
        <v>10407</v>
      </c>
      <c r="C2901" s="4" t="s">
        <v>6</v>
      </c>
      <c r="D2901" s="5" t="s">
        <v>91</v>
      </c>
      <c r="E2901" s="5" t="s">
        <v>10406</v>
      </c>
      <c r="F2901" s="6" t="s">
        <v>5</v>
      </c>
      <c r="G2901" s="2"/>
      <c r="H2901" s="4"/>
      <c r="I2901" s="5"/>
      <c r="J2901" s="5"/>
      <c r="K2901" s="5"/>
      <c r="L2901" s="6"/>
      <c r="M2901" s="2" t="s">
        <v>10408</v>
      </c>
      <c r="N2901" s="3">
        <v>37926</v>
      </c>
      <c r="O2901" s="3">
        <v>45383</v>
      </c>
      <c r="P2901" s="3">
        <v>47208</v>
      </c>
    </row>
    <row r="2902" spans="1:16" x14ac:dyDescent="0.15">
      <c r="A2902" s="2" t="s">
        <v>49</v>
      </c>
      <c r="B2902" s="2" t="s">
        <v>10409</v>
      </c>
      <c r="C2902" s="4" t="s">
        <v>6</v>
      </c>
      <c r="D2902" s="5" t="s">
        <v>3896</v>
      </c>
      <c r="E2902" s="5" t="s">
        <v>10410</v>
      </c>
      <c r="F2902" s="6" t="s">
        <v>5</v>
      </c>
      <c r="G2902" s="2"/>
      <c r="H2902" s="4"/>
      <c r="I2902" s="5"/>
      <c r="J2902" s="5"/>
      <c r="K2902" s="5"/>
      <c r="L2902" s="6"/>
      <c r="M2902" s="2" t="s">
        <v>10411</v>
      </c>
      <c r="N2902" s="3">
        <v>45351</v>
      </c>
      <c r="O2902" s="3">
        <v>45351</v>
      </c>
      <c r="P2902" s="3">
        <v>47756</v>
      </c>
    </row>
    <row r="2903" spans="1:16" x14ac:dyDescent="0.15">
      <c r="A2903" s="2" t="s">
        <v>49</v>
      </c>
      <c r="B2903" s="2" t="s">
        <v>10412</v>
      </c>
      <c r="C2903" s="4" t="s">
        <v>6</v>
      </c>
      <c r="D2903" s="5" t="s">
        <v>2746</v>
      </c>
      <c r="E2903" s="5" t="s">
        <v>9165</v>
      </c>
      <c r="F2903" s="6" t="s">
        <v>5</v>
      </c>
      <c r="G2903" s="2"/>
      <c r="H2903" s="4"/>
      <c r="I2903" s="5"/>
      <c r="J2903" s="5"/>
      <c r="K2903" s="5"/>
      <c r="L2903" s="6"/>
      <c r="M2903" s="2" t="s">
        <v>10413</v>
      </c>
      <c r="N2903" s="3">
        <v>45331</v>
      </c>
      <c r="O2903" s="3">
        <v>45331</v>
      </c>
      <c r="P2903" s="3">
        <v>47787</v>
      </c>
    </row>
    <row r="2904" spans="1:16" x14ac:dyDescent="0.15">
      <c r="A2904" s="2" t="s">
        <v>49</v>
      </c>
      <c r="B2904" s="2" t="s">
        <v>10415</v>
      </c>
      <c r="C2904" s="4" t="s">
        <v>6</v>
      </c>
      <c r="D2904" s="5" t="s">
        <v>997</v>
      </c>
      <c r="E2904" s="5" t="s">
        <v>10414</v>
      </c>
      <c r="F2904" s="6" t="s">
        <v>5</v>
      </c>
      <c r="G2904" s="2"/>
      <c r="H2904" s="4"/>
      <c r="I2904" s="5"/>
      <c r="J2904" s="5"/>
      <c r="K2904" s="5"/>
      <c r="L2904" s="6"/>
      <c r="M2904" s="2" t="s">
        <v>10416</v>
      </c>
      <c r="N2904" s="3">
        <v>41646</v>
      </c>
      <c r="O2904" s="3">
        <v>45383</v>
      </c>
      <c r="P2904" s="3">
        <v>47208</v>
      </c>
    </row>
    <row r="2905" spans="1:16" x14ac:dyDescent="0.15">
      <c r="A2905" s="2" t="s">
        <v>1231</v>
      </c>
      <c r="B2905" s="2" t="s">
        <v>4704</v>
      </c>
      <c r="C2905" s="4" t="s">
        <v>6</v>
      </c>
      <c r="D2905" s="5" t="s">
        <v>4705</v>
      </c>
      <c r="E2905" s="5" t="s">
        <v>4706</v>
      </c>
      <c r="F2905" s="6" t="s">
        <v>5</v>
      </c>
      <c r="G2905" s="2" t="s">
        <v>4704</v>
      </c>
      <c r="H2905" s="4" t="s">
        <v>9</v>
      </c>
      <c r="I2905" s="5" t="s">
        <v>6</v>
      </c>
      <c r="J2905" s="5" t="s">
        <v>4705</v>
      </c>
      <c r="K2905" s="5" t="s">
        <v>4706</v>
      </c>
      <c r="L2905" s="6" t="s">
        <v>5</v>
      </c>
      <c r="M2905" s="2" t="s">
        <v>4707</v>
      </c>
      <c r="N2905" s="3">
        <v>36602</v>
      </c>
      <c r="O2905" s="3">
        <v>44682</v>
      </c>
      <c r="P2905" s="3">
        <v>46873</v>
      </c>
    </row>
    <row r="2906" spans="1:16" x14ac:dyDescent="0.15">
      <c r="A2906" s="2" t="s">
        <v>49</v>
      </c>
      <c r="B2906" s="2" t="s">
        <v>10421</v>
      </c>
      <c r="C2906" s="4" t="s">
        <v>6</v>
      </c>
      <c r="D2906" s="5" t="s">
        <v>3465</v>
      </c>
      <c r="E2906" s="5" t="s">
        <v>3466</v>
      </c>
      <c r="F2906" s="6" t="s">
        <v>5</v>
      </c>
      <c r="G2906" s="2"/>
      <c r="H2906" s="4"/>
      <c r="I2906" s="5"/>
      <c r="J2906" s="5"/>
      <c r="K2906" s="5"/>
      <c r="L2906" s="6"/>
      <c r="M2906" s="2" t="s">
        <v>10422</v>
      </c>
      <c r="N2906" s="3">
        <v>43473</v>
      </c>
      <c r="O2906" s="3">
        <v>45383</v>
      </c>
      <c r="P2906" s="3">
        <v>47208</v>
      </c>
    </row>
    <row r="2907" spans="1:16" x14ac:dyDescent="0.15">
      <c r="A2907" s="2" t="s">
        <v>49</v>
      </c>
      <c r="B2907" s="2" t="s">
        <v>10423</v>
      </c>
      <c r="C2907" s="4" t="s">
        <v>6</v>
      </c>
      <c r="D2907" s="5" t="s">
        <v>1027</v>
      </c>
      <c r="E2907" s="5" t="s">
        <v>1536</v>
      </c>
      <c r="F2907" s="6" t="s">
        <v>10424</v>
      </c>
      <c r="G2907" s="2"/>
      <c r="H2907" s="4"/>
      <c r="I2907" s="5"/>
      <c r="J2907" s="5"/>
      <c r="K2907" s="5"/>
      <c r="L2907" s="6"/>
      <c r="M2907" s="2" t="s">
        <v>10425</v>
      </c>
      <c r="N2907" s="3">
        <v>45344</v>
      </c>
      <c r="O2907" s="3">
        <v>45344</v>
      </c>
      <c r="P2907" s="3">
        <v>47452</v>
      </c>
    </row>
    <row r="2908" spans="1:16" x14ac:dyDescent="0.15">
      <c r="A2908" s="2" t="s">
        <v>49</v>
      </c>
      <c r="B2908" s="2" t="s">
        <v>10427</v>
      </c>
      <c r="C2908" s="4" t="s">
        <v>6</v>
      </c>
      <c r="D2908" s="5" t="s">
        <v>200</v>
      </c>
      <c r="E2908" s="5" t="s">
        <v>10426</v>
      </c>
      <c r="F2908" s="6" t="s">
        <v>5</v>
      </c>
      <c r="G2908" s="2"/>
      <c r="H2908" s="4"/>
      <c r="I2908" s="5"/>
      <c r="J2908" s="5"/>
      <c r="K2908" s="5"/>
      <c r="L2908" s="6"/>
      <c r="M2908" s="2" t="s">
        <v>10428</v>
      </c>
      <c r="N2908" s="3">
        <v>35215</v>
      </c>
      <c r="O2908" s="3">
        <v>45383</v>
      </c>
      <c r="P2908" s="3">
        <v>47573</v>
      </c>
    </row>
    <row r="2909" spans="1:16" x14ac:dyDescent="0.15">
      <c r="A2909" s="2" t="s">
        <v>49</v>
      </c>
      <c r="B2909" s="2" t="s">
        <v>10430</v>
      </c>
      <c r="C2909" s="4" t="s">
        <v>6</v>
      </c>
      <c r="D2909" s="5" t="s">
        <v>745</v>
      </c>
      <c r="E2909" s="5" t="s">
        <v>10429</v>
      </c>
      <c r="F2909" s="6" t="s">
        <v>5</v>
      </c>
      <c r="G2909" s="2"/>
      <c r="H2909" s="4"/>
      <c r="I2909" s="5"/>
      <c r="J2909" s="5"/>
      <c r="K2909" s="5"/>
      <c r="L2909" s="6"/>
      <c r="M2909" s="2" t="s">
        <v>10431</v>
      </c>
      <c r="N2909" s="3">
        <v>40420</v>
      </c>
      <c r="O2909" s="3">
        <v>45108</v>
      </c>
      <c r="P2909" s="3">
        <v>47299</v>
      </c>
    </row>
    <row r="2910" spans="1:16" x14ac:dyDescent="0.15">
      <c r="A2910" s="2" t="s">
        <v>1231</v>
      </c>
      <c r="B2910" s="2" t="s">
        <v>5610</v>
      </c>
      <c r="C2910" s="4" t="s">
        <v>6</v>
      </c>
      <c r="D2910" s="5" t="s">
        <v>5611</v>
      </c>
      <c r="E2910" s="5" t="s">
        <v>5612</v>
      </c>
      <c r="F2910" s="6" t="s">
        <v>5</v>
      </c>
      <c r="G2910" s="2" t="s">
        <v>5610</v>
      </c>
      <c r="H2910" s="4" t="s">
        <v>9</v>
      </c>
      <c r="I2910" s="5" t="s">
        <v>6</v>
      </c>
      <c r="J2910" s="5" t="s">
        <v>5611</v>
      </c>
      <c r="K2910" s="5" t="s">
        <v>5612</v>
      </c>
      <c r="L2910" s="6" t="s">
        <v>5</v>
      </c>
      <c r="M2910" s="2" t="s">
        <v>5613</v>
      </c>
      <c r="N2910" s="3">
        <v>41091</v>
      </c>
      <c r="O2910" s="3">
        <v>44743</v>
      </c>
      <c r="P2910" s="3">
        <v>46568</v>
      </c>
    </row>
    <row r="2911" spans="1:16" x14ac:dyDescent="0.15">
      <c r="A2911" s="2" t="s">
        <v>2099</v>
      </c>
      <c r="B2911" s="2" t="s">
        <v>2097</v>
      </c>
      <c r="C2911" s="4" t="s">
        <v>6</v>
      </c>
      <c r="D2911" s="5" t="s">
        <v>2098</v>
      </c>
      <c r="E2911" s="5" t="s">
        <v>14</v>
      </c>
      <c r="F2911" s="6" t="s">
        <v>5</v>
      </c>
      <c r="G2911" s="2" t="s">
        <v>2097</v>
      </c>
      <c r="H2911" s="4" t="s">
        <v>9</v>
      </c>
      <c r="I2911" s="5" t="s">
        <v>6</v>
      </c>
      <c r="J2911" s="5" t="s">
        <v>2098</v>
      </c>
      <c r="K2911" s="5" t="s">
        <v>14</v>
      </c>
      <c r="L2911" s="6" t="s">
        <v>5</v>
      </c>
      <c r="M2911" s="2" t="s">
        <v>2100</v>
      </c>
      <c r="N2911" s="3">
        <v>28367</v>
      </c>
      <c r="O2911" s="3">
        <v>44470</v>
      </c>
      <c r="P2911" s="3">
        <v>46295</v>
      </c>
    </row>
    <row r="2912" spans="1:16" x14ac:dyDescent="0.15">
      <c r="A2912" s="2" t="s">
        <v>2099</v>
      </c>
      <c r="B2912" s="2" t="s">
        <v>2484</v>
      </c>
      <c r="C2912" s="4" t="s">
        <v>6</v>
      </c>
      <c r="D2912" s="5" t="s">
        <v>1810</v>
      </c>
      <c r="E2912" s="5" t="s">
        <v>2483</v>
      </c>
      <c r="F2912" s="6" t="s">
        <v>5</v>
      </c>
      <c r="G2912" s="2" t="s">
        <v>2482</v>
      </c>
      <c r="H2912" s="4" t="s">
        <v>9</v>
      </c>
      <c r="I2912" s="5" t="s">
        <v>6</v>
      </c>
      <c r="J2912" s="5" t="s">
        <v>1810</v>
      </c>
      <c r="K2912" s="5" t="s">
        <v>2483</v>
      </c>
      <c r="L2912" s="6" t="s">
        <v>5</v>
      </c>
      <c r="M2912" s="2" t="s">
        <v>2485</v>
      </c>
      <c r="N2912" s="3">
        <v>25396</v>
      </c>
      <c r="O2912" s="3">
        <v>44470</v>
      </c>
      <c r="P2912" s="3">
        <v>46295</v>
      </c>
    </row>
    <row r="2913" spans="1:16" x14ac:dyDescent="0.15">
      <c r="A2913" s="2" t="s">
        <v>49</v>
      </c>
      <c r="B2913" s="2" t="s">
        <v>10449</v>
      </c>
      <c r="C2913" s="4" t="s">
        <v>6</v>
      </c>
      <c r="D2913" s="5" t="s">
        <v>45</v>
      </c>
      <c r="E2913" s="5" t="s">
        <v>10450</v>
      </c>
      <c r="F2913" s="6" t="s">
        <v>10451</v>
      </c>
      <c r="G2913" s="2"/>
      <c r="H2913" s="4"/>
      <c r="I2913" s="5"/>
      <c r="J2913" s="5"/>
      <c r="K2913" s="5"/>
      <c r="L2913" s="6"/>
      <c r="M2913" s="2" t="s">
        <v>10452</v>
      </c>
      <c r="N2913" s="3">
        <v>45379</v>
      </c>
      <c r="O2913" s="3">
        <v>45379</v>
      </c>
      <c r="P2913" s="3">
        <v>47817</v>
      </c>
    </row>
    <row r="2914" spans="1:16" x14ac:dyDescent="0.15">
      <c r="A2914" s="2" t="s">
        <v>16</v>
      </c>
      <c r="B2914" s="2" t="s">
        <v>10449</v>
      </c>
      <c r="C2914" s="4" t="s">
        <v>6</v>
      </c>
      <c r="D2914" s="5" t="s">
        <v>45</v>
      </c>
      <c r="E2914" s="5" t="s">
        <v>10450</v>
      </c>
      <c r="F2914" s="6" t="s">
        <v>10451</v>
      </c>
      <c r="G2914" s="2"/>
      <c r="H2914" s="4"/>
      <c r="I2914" s="5"/>
      <c r="J2914" s="5"/>
      <c r="K2914" s="5"/>
      <c r="L2914" s="6"/>
      <c r="M2914" s="2" t="s">
        <v>10453</v>
      </c>
      <c r="N2914" s="3">
        <v>45379</v>
      </c>
      <c r="O2914" s="3">
        <v>45379</v>
      </c>
      <c r="P2914" s="3">
        <v>47817</v>
      </c>
    </row>
    <row r="2915" spans="1:16" x14ac:dyDescent="0.15">
      <c r="A2915" s="2" t="s">
        <v>49</v>
      </c>
      <c r="B2915" s="2" t="s">
        <v>10454</v>
      </c>
      <c r="C2915" s="4" t="s">
        <v>6</v>
      </c>
      <c r="D2915" s="5" t="s">
        <v>45</v>
      </c>
      <c r="E2915" s="5" t="s">
        <v>6058</v>
      </c>
      <c r="F2915" s="6" t="s">
        <v>10455</v>
      </c>
      <c r="G2915" s="2"/>
      <c r="H2915" s="4"/>
      <c r="I2915" s="5"/>
      <c r="J2915" s="5"/>
      <c r="K2915" s="5"/>
      <c r="L2915" s="6"/>
      <c r="M2915" s="2" t="s">
        <v>10456</v>
      </c>
      <c r="N2915" s="3">
        <v>45338</v>
      </c>
      <c r="O2915" s="3">
        <v>45338</v>
      </c>
      <c r="P2915" s="3">
        <v>47452</v>
      </c>
    </row>
    <row r="2916" spans="1:16" x14ac:dyDescent="0.15">
      <c r="A2916" s="2" t="s">
        <v>660</v>
      </c>
      <c r="B2916" s="2" t="s">
        <v>10457</v>
      </c>
      <c r="C2916" s="4" t="s">
        <v>6</v>
      </c>
      <c r="D2916" s="5" t="s">
        <v>4809</v>
      </c>
      <c r="E2916" s="5" t="s">
        <v>723</v>
      </c>
      <c r="F2916" s="6" t="s">
        <v>5</v>
      </c>
      <c r="G2916" s="2"/>
      <c r="H2916" s="4"/>
      <c r="I2916" s="5"/>
      <c r="J2916" s="5"/>
      <c r="K2916" s="5"/>
      <c r="L2916" s="6"/>
      <c r="M2916" s="2" t="s">
        <v>10458</v>
      </c>
      <c r="N2916" s="3">
        <v>34020</v>
      </c>
      <c r="O2916" s="3">
        <v>44470</v>
      </c>
      <c r="P2916" s="3">
        <v>46295</v>
      </c>
    </row>
    <row r="2917" spans="1:16" x14ac:dyDescent="0.15">
      <c r="A2917" s="2" t="s">
        <v>49</v>
      </c>
      <c r="B2917" s="2" t="s">
        <v>10460</v>
      </c>
      <c r="C2917" s="4" t="s">
        <v>6</v>
      </c>
      <c r="D2917" s="5" t="s">
        <v>4506</v>
      </c>
      <c r="E2917" s="5" t="s">
        <v>10459</v>
      </c>
      <c r="F2917" s="6" t="s">
        <v>5</v>
      </c>
      <c r="G2917" s="2"/>
      <c r="H2917" s="4"/>
      <c r="I2917" s="5"/>
      <c r="J2917" s="5"/>
      <c r="K2917" s="5"/>
      <c r="L2917" s="6"/>
      <c r="M2917" s="2" t="s">
        <v>10461</v>
      </c>
      <c r="N2917" s="3">
        <v>32320</v>
      </c>
      <c r="O2917" s="3">
        <v>45383</v>
      </c>
      <c r="P2917" s="3">
        <v>47208</v>
      </c>
    </row>
    <row r="2918" spans="1:16" x14ac:dyDescent="0.15">
      <c r="A2918" s="2" t="s">
        <v>49</v>
      </c>
      <c r="B2918" s="2" t="s">
        <v>10463</v>
      </c>
      <c r="C2918" s="4" t="s">
        <v>6</v>
      </c>
      <c r="D2918" s="5" t="s">
        <v>672</v>
      </c>
      <c r="E2918" s="5" t="s">
        <v>10462</v>
      </c>
      <c r="F2918" s="6" t="s">
        <v>5</v>
      </c>
      <c r="G2918" s="2"/>
      <c r="H2918" s="4"/>
      <c r="I2918" s="5"/>
      <c r="J2918" s="5"/>
      <c r="K2918" s="5"/>
      <c r="L2918" s="6"/>
      <c r="M2918" s="2" t="s">
        <v>10464</v>
      </c>
      <c r="N2918" s="3">
        <v>45383</v>
      </c>
      <c r="O2918" s="3">
        <v>45383</v>
      </c>
      <c r="P2918" s="3">
        <v>47573</v>
      </c>
    </row>
    <row r="2919" spans="1:16" x14ac:dyDescent="0.15">
      <c r="A2919" s="2" t="s">
        <v>49</v>
      </c>
      <c r="B2919" s="2" t="s">
        <v>10465</v>
      </c>
      <c r="C2919" s="4" t="s">
        <v>6</v>
      </c>
      <c r="D2919" s="5" t="s">
        <v>45</v>
      </c>
      <c r="E2919" s="5" t="s">
        <v>6635</v>
      </c>
      <c r="F2919" s="6" t="s">
        <v>3613</v>
      </c>
      <c r="G2919" s="2"/>
      <c r="H2919" s="4"/>
      <c r="I2919" s="5"/>
      <c r="J2919" s="5"/>
      <c r="K2919" s="5"/>
      <c r="L2919" s="6"/>
      <c r="M2919" s="2" t="s">
        <v>10466</v>
      </c>
      <c r="N2919" s="3">
        <v>45338</v>
      </c>
      <c r="O2919" s="3">
        <v>45338</v>
      </c>
      <c r="P2919" s="3">
        <v>47452</v>
      </c>
    </row>
    <row r="2920" spans="1:16" x14ac:dyDescent="0.15">
      <c r="A2920" s="2" t="s">
        <v>49</v>
      </c>
      <c r="B2920" s="2" t="s">
        <v>10467</v>
      </c>
      <c r="C2920" s="4" t="s">
        <v>6</v>
      </c>
      <c r="D2920" s="5" t="s">
        <v>1027</v>
      </c>
      <c r="E2920" s="5" t="s">
        <v>2882</v>
      </c>
      <c r="F2920" s="6" t="s">
        <v>10468</v>
      </c>
      <c r="G2920" s="2"/>
      <c r="H2920" s="4"/>
      <c r="I2920" s="5"/>
      <c r="J2920" s="5"/>
      <c r="K2920" s="5"/>
      <c r="L2920" s="6"/>
      <c r="M2920" s="2" t="s">
        <v>10469</v>
      </c>
      <c r="N2920" s="3">
        <v>45344</v>
      </c>
      <c r="O2920" s="3">
        <v>45344</v>
      </c>
      <c r="P2920" s="3">
        <v>47817</v>
      </c>
    </row>
    <row r="2921" spans="1:16" x14ac:dyDescent="0.15">
      <c r="A2921" s="2" t="s">
        <v>2099</v>
      </c>
      <c r="B2921" s="2" t="s">
        <v>4561</v>
      </c>
      <c r="C2921" s="4" t="s">
        <v>6</v>
      </c>
      <c r="D2921" s="5" t="s">
        <v>174</v>
      </c>
      <c r="E2921" s="5" t="s">
        <v>175</v>
      </c>
      <c r="F2921" s="6" t="s">
        <v>4562</v>
      </c>
      <c r="G2921" s="2" t="s">
        <v>4558</v>
      </c>
      <c r="H2921" s="4" t="s">
        <v>29</v>
      </c>
      <c r="I2921" s="5" t="s">
        <v>1197</v>
      </c>
      <c r="J2921" s="5" t="s">
        <v>4559</v>
      </c>
      <c r="K2921" s="5" t="s">
        <v>4560</v>
      </c>
      <c r="L2921" s="6" t="s">
        <v>5</v>
      </c>
      <c r="M2921" s="2" t="s">
        <v>4563</v>
      </c>
      <c r="N2921" s="3">
        <v>44630</v>
      </c>
      <c r="O2921" s="3">
        <v>44630</v>
      </c>
      <c r="P2921" s="3">
        <v>47026</v>
      </c>
    </row>
    <row r="2922" spans="1:16" x14ac:dyDescent="0.15">
      <c r="A2922" s="2" t="s">
        <v>49</v>
      </c>
      <c r="B2922" s="2" t="s">
        <v>10476</v>
      </c>
      <c r="C2922" s="4" t="s">
        <v>6</v>
      </c>
      <c r="D2922" s="5" t="s">
        <v>7904</v>
      </c>
      <c r="E2922" s="5" t="s">
        <v>10477</v>
      </c>
      <c r="F2922" s="6" t="s">
        <v>5</v>
      </c>
      <c r="G2922" s="2"/>
      <c r="H2922" s="4"/>
      <c r="I2922" s="5"/>
      <c r="J2922" s="5"/>
      <c r="K2922" s="5"/>
      <c r="L2922" s="6"/>
      <c r="M2922" s="2" t="s">
        <v>10478</v>
      </c>
      <c r="N2922" s="3">
        <v>39500</v>
      </c>
      <c r="O2922" s="3">
        <v>45383</v>
      </c>
      <c r="P2922" s="3">
        <v>47573</v>
      </c>
    </row>
    <row r="2923" spans="1:16" x14ac:dyDescent="0.15">
      <c r="A2923" s="2" t="s">
        <v>2099</v>
      </c>
      <c r="B2923" s="2" t="s">
        <v>4716</v>
      </c>
      <c r="C2923" s="4" t="s">
        <v>6</v>
      </c>
      <c r="D2923" s="5" t="s">
        <v>4717</v>
      </c>
      <c r="E2923" s="5" t="s">
        <v>4718</v>
      </c>
      <c r="F2923" s="6" t="s">
        <v>5</v>
      </c>
      <c r="G2923" s="2" t="s">
        <v>4714</v>
      </c>
      <c r="H2923" s="4" t="s">
        <v>9</v>
      </c>
      <c r="I2923" s="5" t="s">
        <v>6</v>
      </c>
      <c r="J2923" s="5" t="s">
        <v>1389</v>
      </c>
      <c r="K2923" s="5" t="s">
        <v>4715</v>
      </c>
      <c r="L2923" s="6" t="s">
        <v>5</v>
      </c>
      <c r="M2923" s="2" t="s">
        <v>4719</v>
      </c>
      <c r="N2923" s="3">
        <v>44650</v>
      </c>
      <c r="O2923" s="3">
        <v>44650</v>
      </c>
      <c r="P2923" s="3">
        <v>46934</v>
      </c>
    </row>
    <row r="2924" spans="1:16" x14ac:dyDescent="0.15">
      <c r="A2924" s="2" t="s">
        <v>2099</v>
      </c>
      <c r="B2924" s="2" t="s">
        <v>5304</v>
      </c>
      <c r="C2924" s="4" t="s">
        <v>6</v>
      </c>
      <c r="D2924" s="5" t="s">
        <v>5305</v>
      </c>
      <c r="E2924" s="5" t="s">
        <v>5</v>
      </c>
      <c r="F2924" s="6" t="s">
        <v>5</v>
      </c>
      <c r="G2924" s="2" t="s">
        <v>5304</v>
      </c>
      <c r="H2924" s="4" t="s">
        <v>9</v>
      </c>
      <c r="I2924" s="5" t="s">
        <v>6</v>
      </c>
      <c r="J2924" s="5" t="s">
        <v>5305</v>
      </c>
      <c r="K2924" s="5" t="s">
        <v>5</v>
      </c>
      <c r="L2924" s="6" t="s">
        <v>5</v>
      </c>
      <c r="M2924" s="2" t="s">
        <v>5306</v>
      </c>
      <c r="N2924" s="3">
        <v>38961</v>
      </c>
      <c r="O2924" s="3">
        <v>44743</v>
      </c>
      <c r="P2924" s="3">
        <v>46568</v>
      </c>
    </row>
    <row r="2925" spans="1:16" x14ac:dyDescent="0.15">
      <c r="A2925" s="2" t="s">
        <v>49</v>
      </c>
      <c r="B2925" s="2" t="s">
        <v>10489</v>
      </c>
      <c r="C2925" s="4" t="s">
        <v>6</v>
      </c>
      <c r="D2925" s="5" t="s">
        <v>10228</v>
      </c>
      <c r="E2925" s="5" t="s">
        <v>10490</v>
      </c>
      <c r="F2925" s="6" t="s">
        <v>5</v>
      </c>
      <c r="G2925" s="2"/>
      <c r="H2925" s="4"/>
      <c r="I2925" s="5"/>
      <c r="J2925" s="5"/>
      <c r="K2925" s="5"/>
      <c r="L2925" s="6"/>
      <c r="M2925" s="2" t="s">
        <v>10491</v>
      </c>
      <c r="N2925" s="3">
        <v>37190</v>
      </c>
      <c r="O2925" s="3">
        <v>45383</v>
      </c>
      <c r="P2925" s="3">
        <v>47573</v>
      </c>
    </row>
    <row r="2926" spans="1:16" x14ac:dyDescent="0.15">
      <c r="A2926" s="2" t="s">
        <v>49</v>
      </c>
      <c r="B2926" s="2" t="s">
        <v>10492</v>
      </c>
      <c r="C2926" s="4" t="s">
        <v>6</v>
      </c>
      <c r="D2926" s="5" t="s">
        <v>1148</v>
      </c>
      <c r="E2926" s="5" t="s">
        <v>10493</v>
      </c>
      <c r="F2926" s="6" t="s">
        <v>10494</v>
      </c>
      <c r="G2926" s="2"/>
      <c r="H2926" s="4"/>
      <c r="I2926" s="5"/>
      <c r="J2926" s="5"/>
      <c r="K2926" s="5"/>
      <c r="L2926" s="6"/>
      <c r="M2926" s="2" t="s">
        <v>10495</v>
      </c>
      <c r="N2926" s="3">
        <v>41481</v>
      </c>
      <c r="O2926" s="3">
        <v>45383</v>
      </c>
      <c r="P2926" s="3">
        <v>47208</v>
      </c>
    </row>
    <row r="2927" spans="1:16" x14ac:dyDescent="0.15">
      <c r="A2927" s="2" t="s">
        <v>16</v>
      </c>
      <c r="B2927" s="2" t="s">
        <v>10496</v>
      </c>
      <c r="C2927" s="4" t="s">
        <v>6</v>
      </c>
      <c r="D2927" s="5" t="s">
        <v>1762</v>
      </c>
      <c r="E2927" s="5" t="s">
        <v>8760</v>
      </c>
      <c r="F2927" s="6" t="s">
        <v>5</v>
      </c>
      <c r="G2927" s="2"/>
      <c r="H2927" s="4"/>
      <c r="I2927" s="5"/>
      <c r="J2927" s="5"/>
      <c r="K2927" s="5"/>
      <c r="L2927" s="6"/>
      <c r="M2927" s="2" t="s">
        <v>10497</v>
      </c>
      <c r="N2927" s="3">
        <v>45352</v>
      </c>
      <c r="O2927" s="3">
        <v>45352</v>
      </c>
      <c r="P2927" s="3">
        <v>45716</v>
      </c>
    </row>
    <row r="2928" spans="1:16" x14ac:dyDescent="0.15">
      <c r="A2928" s="2" t="s">
        <v>49</v>
      </c>
      <c r="B2928" s="2" t="s">
        <v>10498</v>
      </c>
      <c r="C2928" s="4" t="s">
        <v>6</v>
      </c>
      <c r="D2928" s="5" t="s">
        <v>79</v>
      </c>
      <c r="E2928" s="5" t="s">
        <v>3513</v>
      </c>
      <c r="F2928" s="6" t="s">
        <v>6075</v>
      </c>
      <c r="G2928" s="2"/>
      <c r="H2928" s="4"/>
      <c r="I2928" s="5"/>
      <c r="J2928" s="5"/>
      <c r="K2928" s="5"/>
      <c r="L2928" s="6"/>
      <c r="M2928" s="2" t="s">
        <v>10499</v>
      </c>
      <c r="N2928" s="3">
        <v>45411</v>
      </c>
      <c r="O2928" s="3">
        <v>45411</v>
      </c>
      <c r="P2928" s="3">
        <v>47787</v>
      </c>
    </row>
    <row r="2929" spans="1:16" x14ac:dyDescent="0.15">
      <c r="A2929" s="2" t="s">
        <v>2099</v>
      </c>
      <c r="B2929" s="2" t="s">
        <v>8826</v>
      </c>
      <c r="C2929" s="4" t="s">
        <v>6</v>
      </c>
      <c r="D2929" s="5" t="s">
        <v>1498</v>
      </c>
      <c r="E2929" s="5" t="s">
        <v>8825</v>
      </c>
      <c r="F2929" s="6" t="s">
        <v>5</v>
      </c>
      <c r="G2929" s="2" t="s">
        <v>8824</v>
      </c>
      <c r="H2929" s="4" t="s">
        <v>9</v>
      </c>
      <c r="I2929" s="5" t="s">
        <v>6</v>
      </c>
      <c r="J2929" s="5" t="s">
        <v>1498</v>
      </c>
      <c r="K2929" s="5" t="s">
        <v>8825</v>
      </c>
      <c r="L2929" s="6" t="s">
        <v>5</v>
      </c>
      <c r="M2929" s="2" t="s">
        <v>8827</v>
      </c>
      <c r="N2929" s="3">
        <v>45125</v>
      </c>
      <c r="O2929" s="3">
        <v>45125</v>
      </c>
      <c r="P2929" s="3">
        <v>47603</v>
      </c>
    </row>
    <row r="2930" spans="1:16" x14ac:dyDescent="0.15">
      <c r="A2930" s="2" t="s">
        <v>2099</v>
      </c>
      <c r="B2930" s="2" t="s">
        <v>10445</v>
      </c>
      <c r="C2930" s="4" t="s">
        <v>6</v>
      </c>
      <c r="D2930" s="5" t="s">
        <v>33</v>
      </c>
      <c r="E2930" s="5" t="s">
        <v>10446</v>
      </c>
      <c r="F2930" s="6" t="s">
        <v>10447</v>
      </c>
      <c r="G2930" s="2" t="s">
        <v>10443</v>
      </c>
      <c r="H2930" s="4" t="s">
        <v>29</v>
      </c>
      <c r="I2930" s="5" t="s">
        <v>1887</v>
      </c>
      <c r="J2930" s="5" t="s">
        <v>10444</v>
      </c>
      <c r="K2930" s="5" t="s">
        <v>609</v>
      </c>
      <c r="L2930" s="6" t="s">
        <v>5</v>
      </c>
      <c r="M2930" s="2" t="s">
        <v>10448</v>
      </c>
      <c r="N2930" s="3">
        <v>45287</v>
      </c>
      <c r="O2930" s="3">
        <v>45287</v>
      </c>
      <c r="P2930" s="3">
        <v>47603</v>
      </c>
    </row>
    <row r="2931" spans="1:16" x14ac:dyDescent="0.15">
      <c r="A2931" s="2" t="s">
        <v>1572</v>
      </c>
      <c r="B2931" s="2" t="s">
        <v>2745</v>
      </c>
      <c r="C2931" s="4" t="s">
        <v>6</v>
      </c>
      <c r="D2931" s="5" t="s">
        <v>2746</v>
      </c>
      <c r="E2931" s="5" t="s">
        <v>2747</v>
      </c>
      <c r="F2931" s="6" t="s">
        <v>5</v>
      </c>
      <c r="G2931" s="2" t="s">
        <v>2745</v>
      </c>
      <c r="H2931" s="4" t="s">
        <v>9</v>
      </c>
      <c r="I2931" s="5" t="s">
        <v>6</v>
      </c>
      <c r="J2931" s="5" t="s">
        <v>2746</v>
      </c>
      <c r="K2931" s="5" t="s">
        <v>2747</v>
      </c>
      <c r="L2931" s="6" t="s">
        <v>5</v>
      </c>
      <c r="M2931" s="2" t="s">
        <v>2749</v>
      </c>
      <c r="N2931" s="3">
        <v>35661</v>
      </c>
      <c r="O2931" s="3">
        <v>45231</v>
      </c>
      <c r="P2931" s="3">
        <v>47422</v>
      </c>
    </row>
    <row r="2932" spans="1:16" x14ac:dyDescent="0.15">
      <c r="A2932" s="2" t="s">
        <v>49</v>
      </c>
      <c r="B2932" s="2" t="s">
        <v>10509</v>
      </c>
      <c r="C2932" s="4" t="s">
        <v>6</v>
      </c>
      <c r="D2932" s="5" t="s">
        <v>4575</v>
      </c>
      <c r="E2932" s="5" t="s">
        <v>5967</v>
      </c>
      <c r="F2932" s="6" t="s">
        <v>10510</v>
      </c>
      <c r="G2932" s="2"/>
      <c r="H2932" s="4"/>
      <c r="I2932" s="5"/>
      <c r="J2932" s="5"/>
      <c r="K2932" s="5"/>
      <c r="L2932" s="6"/>
      <c r="M2932" s="2" t="s">
        <v>10511</v>
      </c>
      <c r="N2932" s="3">
        <v>40935</v>
      </c>
      <c r="O2932" s="3">
        <v>45383</v>
      </c>
      <c r="P2932" s="3">
        <v>47573</v>
      </c>
    </row>
    <row r="2933" spans="1:16" x14ac:dyDescent="0.15">
      <c r="A2933" s="2" t="s">
        <v>1572</v>
      </c>
      <c r="B2933" s="2" t="s">
        <v>4011</v>
      </c>
      <c r="C2933" s="4" t="s">
        <v>6</v>
      </c>
      <c r="D2933" s="5" t="s">
        <v>870</v>
      </c>
      <c r="E2933" s="5" t="s">
        <v>4012</v>
      </c>
      <c r="F2933" s="6" t="s">
        <v>5</v>
      </c>
      <c r="G2933" s="2" t="s">
        <v>4011</v>
      </c>
      <c r="H2933" s="4" t="s">
        <v>9</v>
      </c>
      <c r="I2933" s="5" t="s">
        <v>6</v>
      </c>
      <c r="J2933" s="5" t="s">
        <v>870</v>
      </c>
      <c r="K2933" s="5" t="s">
        <v>4012</v>
      </c>
      <c r="L2933" s="6" t="s">
        <v>5</v>
      </c>
      <c r="M2933" s="2" t="s">
        <v>4014</v>
      </c>
      <c r="N2933" s="3">
        <v>40711</v>
      </c>
      <c r="O2933" s="3">
        <v>45017</v>
      </c>
      <c r="P2933" s="3">
        <v>47208</v>
      </c>
    </row>
    <row r="2934" spans="1:16" x14ac:dyDescent="0.15">
      <c r="A2934" s="2" t="s">
        <v>660</v>
      </c>
      <c r="B2934" s="2" t="s">
        <v>656</v>
      </c>
      <c r="C2934" s="4" t="s">
        <v>6</v>
      </c>
      <c r="D2934" s="5" t="s">
        <v>657</v>
      </c>
      <c r="E2934" s="5" t="s">
        <v>658</v>
      </c>
      <c r="F2934" s="6" t="s">
        <v>47</v>
      </c>
      <c r="G2934" s="2" t="s">
        <v>653</v>
      </c>
      <c r="H2934" s="4" t="s">
        <v>9</v>
      </c>
      <c r="I2934" s="5" t="s">
        <v>6</v>
      </c>
      <c r="J2934" s="5" t="s">
        <v>654</v>
      </c>
      <c r="K2934" s="5" t="s">
        <v>655</v>
      </c>
      <c r="L2934" s="6" t="s">
        <v>5</v>
      </c>
      <c r="M2934" s="2" t="s">
        <v>661</v>
      </c>
      <c r="N2934" s="3">
        <v>44613</v>
      </c>
      <c r="O2934" s="3">
        <v>44613</v>
      </c>
      <c r="P2934" s="3">
        <v>46873</v>
      </c>
    </row>
    <row r="2935" spans="1:16" x14ac:dyDescent="0.15">
      <c r="A2935" s="2" t="s">
        <v>660</v>
      </c>
      <c r="B2935" s="2" t="s">
        <v>879</v>
      </c>
      <c r="C2935" s="4" t="s">
        <v>6</v>
      </c>
      <c r="D2935" s="5" t="s">
        <v>870</v>
      </c>
      <c r="E2935" s="5" t="s">
        <v>871</v>
      </c>
      <c r="F2935" s="6" t="s">
        <v>5</v>
      </c>
      <c r="G2935" s="2" t="s">
        <v>869</v>
      </c>
      <c r="H2935" s="4" t="s">
        <v>9</v>
      </c>
      <c r="I2935" s="5" t="s">
        <v>6</v>
      </c>
      <c r="J2935" s="5" t="s">
        <v>870</v>
      </c>
      <c r="K2935" s="5" t="s">
        <v>871</v>
      </c>
      <c r="L2935" s="6" t="s">
        <v>5</v>
      </c>
      <c r="M2935" s="2" t="s">
        <v>881</v>
      </c>
      <c r="N2935" s="3">
        <v>34792</v>
      </c>
      <c r="O2935" s="3">
        <v>45383</v>
      </c>
      <c r="P2935" s="3">
        <v>47573</v>
      </c>
    </row>
    <row r="2936" spans="1:16" x14ac:dyDescent="0.15">
      <c r="A2936" s="2" t="s">
        <v>49</v>
      </c>
      <c r="B2936" s="2" t="s">
        <v>10523</v>
      </c>
      <c r="C2936" s="4" t="s">
        <v>6</v>
      </c>
      <c r="D2936" s="5" t="s">
        <v>10524</v>
      </c>
      <c r="E2936" s="5" t="s">
        <v>8670</v>
      </c>
      <c r="F2936" s="6" t="s">
        <v>5</v>
      </c>
      <c r="G2936" s="2"/>
      <c r="H2936" s="4"/>
      <c r="I2936" s="5"/>
      <c r="J2936" s="5"/>
      <c r="K2936" s="5"/>
      <c r="L2936" s="6"/>
      <c r="M2936" s="2" t="s">
        <v>10525</v>
      </c>
      <c r="N2936" s="3">
        <v>34583</v>
      </c>
      <c r="O2936" s="3">
        <v>45383</v>
      </c>
      <c r="P2936" s="3">
        <v>47208</v>
      </c>
    </row>
    <row r="2937" spans="1:16" x14ac:dyDescent="0.15">
      <c r="A2937" s="2" t="s">
        <v>660</v>
      </c>
      <c r="B2937" s="2" t="s">
        <v>3569</v>
      </c>
      <c r="C2937" s="4" t="s">
        <v>6</v>
      </c>
      <c r="D2937" s="5" t="s">
        <v>2847</v>
      </c>
      <c r="E2937" s="5" t="s">
        <v>2576</v>
      </c>
      <c r="F2937" s="6" t="s">
        <v>5</v>
      </c>
      <c r="G2937" s="2" t="s">
        <v>3566</v>
      </c>
      <c r="H2937" s="4" t="s">
        <v>29</v>
      </c>
      <c r="I2937" s="5" t="s">
        <v>1197</v>
      </c>
      <c r="J2937" s="5" t="s">
        <v>3567</v>
      </c>
      <c r="K2937" s="5" t="s">
        <v>3568</v>
      </c>
      <c r="L2937" s="6" t="s">
        <v>5</v>
      </c>
      <c r="M2937" s="2" t="s">
        <v>3570</v>
      </c>
      <c r="N2937" s="3">
        <v>44533</v>
      </c>
      <c r="O2937" s="3">
        <v>44533</v>
      </c>
      <c r="P2937" s="3">
        <v>46112</v>
      </c>
    </row>
    <row r="2938" spans="1:16" x14ac:dyDescent="0.15">
      <c r="A2938" s="2" t="s">
        <v>49</v>
      </c>
      <c r="B2938" s="2" t="s">
        <v>10532</v>
      </c>
      <c r="C2938" s="4" t="s">
        <v>6</v>
      </c>
      <c r="D2938" s="5" t="s">
        <v>601</v>
      </c>
      <c r="E2938" s="5" t="s">
        <v>9948</v>
      </c>
      <c r="F2938" s="6" t="s">
        <v>5</v>
      </c>
      <c r="G2938" s="2"/>
      <c r="H2938" s="4"/>
      <c r="I2938" s="5"/>
      <c r="J2938" s="5"/>
      <c r="K2938" s="5"/>
      <c r="L2938" s="6"/>
      <c r="M2938" s="2" t="s">
        <v>10533</v>
      </c>
      <c r="N2938" s="3">
        <v>45351</v>
      </c>
      <c r="O2938" s="3">
        <v>45351</v>
      </c>
      <c r="P2938" s="3">
        <v>47603</v>
      </c>
    </row>
    <row r="2939" spans="1:16" x14ac:dyDescent="0.15">
      <c r="A2939" s="2" t="s">
        <v>49</v>
      </c>
      <c r="B2939" s="2" t="s">
        <v>10534</v>
      </c>
      <c r="C2939" s="4" t="s">
        <v>6</v>
      </c>
      <c r="D2939" s="5" t="s">
        <v>456</v>
      </c>
      <c r="E2939" s="5" t="s">
        <v>10535</v>
      </c>
      <c r="F2939" s="6" t="s">
        <v>5</v>
      </c>
      <c r="G2939" s="2"/>
      <c r="H2939" s="4"/>
      <c r="I2939" s="5"/>
      <c r="J2939" s="5"/>
      <c r="K2939" s="5"/>
      <c r="L2939" s="6"/>
      <c r="M2939" s="2" t="s">
        <v>10536</v>
      </c>
      <c r="N2939" s="3">
        <v>43046</v>
      </c>
      <c r="O2939" s="3">
        <v>45383</v>
      </c>
      <c r="P2939" s="3">
        <v>47573</v>
      </c>
    </row>
    <row r="2940" spans="1:16" x14ac:dyDescent="0.15">
      <c r="A2940" s="2" t="s">
        <v>660</v>
      </c>
      <c r="B2940" s="2" t="s">
        <v>3988</v>
      </c>
      <c r="C2940" s="4" t="s">
        <v>6</v>
      </c>
      <c r="D2940" s="5" t="s">
        <v>3986</v>
      </c>
      <c r="E2940" s="5" t="s">
        <v>3987</v>
      </c>
      <c r="F2940" s="6" t="s">
        <v>5</v>
      </c>
      <c r="G2940" s="2" t="s">
        <v>3985</v>
      </c>
      <c r="H2940" s="4" t="s">
        <v>9</v>
      </c>
      <c r="I2940" s="5" t="s">
        <v>6</v>
      </c>
      <c r="J2940" s="5" t="s">
        <v>3986</v>
      </c>
      <c r="K2940" s="5" t="s">
        <v>3987</v>
      </c>
      <c r="L2940" s="6" t="s">
        <v>5</v>
      </c>
      <c r="M2940" s="2" t="s">
        <v>3990</v>
      </c>
      <c r="N2940" s="3">
        <v>40244</v>
      </c>
      <c r="O2940" s="3">
        <v>44652</v>
      </c>
      <c r="P2940" s="3">
        <v>46843</v>
      </c>
    </row>
    <row r="2941" spans="1:16" x14ac:dyDescent="0.15">
      <c r="A2941" s="2" t="s">
        <v>660</v>
      </c>
      <c r="B2941" s="2" t="s">
        <v>6234</v>
      </c>
      <c r="C2941" s="4" t="s">
        <v>6</v>
      </c>
      <c r="D2941" s="5" t="s">
        <v>479</v>
      </c>
      <c r="E2941" s="5" t="s">
        <v>6235</v>
      </c>
      <c r="F2941" s="6" t="s">
        <v>5</v>
      </c>
      <c r="G2941" s="2" t="s">
        <v>6232</v>
      </c>
      <c r="H2941" s="4" t="s">
        <v>9</v>
      </c>
      <c r="I2941" s="5" t="s">
        <v>6</v>
      </c>
      <c r="J2941" s="5" t="s">
        <v>1148</v>
      </c>
      <c r="K2941" s="5" t="s">
        <v>6233</v>
      </c>
      <c r="L2941" s="6" t="s">
        <v>5</v>
      </c>
      <c r="M2941" s="2" t="s">
        <v>6237</v>
      </c>
      <c r="N2941" s="3">
        <v>40437</v>
      </c>
      <c r="O2941" s="3">
        <v>44866</v>
      </c>
      <c r="P2941" s="3">
        <v>47057</v>
      </c>
    </row>
    <row r="2942" spans="1:16" x14ac:dyDescent="0.15">
      <c r="A2942" s="2" t="s">
        <v>660</v>
      </c>
      <c r="B2942" s="2" t="s">
        <v>6655</v>
      </c>
      <c r="C2942" s="4" t="s">
        <v>6</v>
      </c>
      <c r="D2942" s="5" t="s">
        <v>6431</v>
      </c>
      <c r="E2942" s="5" t="s">
        <v>816</v>
      </c>
      <c r="F2942" s="6" t="s">
        <v>5</v>
      </c>
      <c r="G2942" s="2" t="s">
        <v>6654</v>
      </c>
      <c r="H2942" s="4" t="s">
        <v>9</v>
      </c>
      <c r="I2942" s="5" t="s">
        <v>6</v>
      </c>
      <c r="J2942" s="5" t="s">
        <v>6431</v>
      </c>
      <c r="K2942" s="5" t="s">
        <v>816</v>
      </c>
      <c r="L2942" s="6" t="s">
        <v>5</v>
      </c>
      <c r="M2942" s="2" t="s">
        <v>6657</v>
      </c>
      <c r="N2942" s="3">
        <v>45259</v>
      </c>
      <c r="O2942" s="3">
        <v>45259</v>
      </c>
      <c r="P2942" s="3">
        <v>47756</v>
      </c>
    </row>
    <row r="2943" spans="1:16" x14ac:dyDescent="0.15">
      <c r="A2943" s="2" t="s">
        <v>42</v>
      </c>
      <c r="B2943" s="2" t="s">
        <v>32</v>
      </c>
      <c r="C2943" s="4" t="s">
        <v>6</v>
      </c>
      <c r="D2943" s="5" t="s">
        <v>33</v>
      </c>
      <c r="E2943" s="5" t="s">
        <v>34</v>
      </c>
      <c r="F2943" s="6" t="s">
        <v>5</v>
      </c>
      <c r="G2943" s="2" t="s">
        <v>27</v>
      </c>
      <c r="H2943" s="4" t="s">
        <v>29</v>
      </c>
      <c r="I2943" s="5" t="s">
        <v>30</v>
      </c>
      <c r="J2943" s="5" t="s">
        <v>31</v>
      </c>
      <c r="K2943" s="5" t="s">
        <v>5</v>
      </c>
      <c r="L2943" s="6" t="s">
        <v>5</v>
      </c>
      <c r="M2943" s="2" t="s">
        <v>43</v>
      </c>
      <c r="N2943" s="3">
        <v>44782</v>
      </c>
      <c r="O2943" s="3">
        <v>44782</v>
      </c>
      <c r="P2943" s="3">
        <v>47238</v>
      </c>
    </row>
    <row r="2944" spans="1:16" x14ac:dyDescent="0.15">
      <c r="A2944" s="2" t="s">
        <v>49</v>
      </c>
      <c r="B2944" s="2" t="s">
        <v>10552</v>
      </c>
      <c r="C2944" s="4" t="s">
        <v>6</v>
      </c>
      <c r="D2944" s="5" t="s">
        <v>4575</v>
      </c>
      <c r="E2944" s="5" t="s">
        <v>5967</v>
      </c>
      <c r="F2944" s="6" t="s">
        <v>10553</v>
      </c>
      <c r="G2944" s="2"/>
      <c r="H2944" s="4"/>
      <c r="I2944" s="5"/>
      <c r="J2944" s="5"/>
      <c r="K2944" s="5"/>
      <c r="L2944" s="6"/>
      <c r="M2944" s="2" t="s">
        <v>10554</v>
      </c>
      <c r="N2944" s="3">
        <v>38808</v>
      </c>
      <c r="O2944" s="3">
        <v>45383</v>
      </c>
      <c r="P2944" s="3">
        <v>47573</v>
      </c>
    </row>
    <row r="2945" spans="1:16" x14ac:dyDescent="0.15">
      <c r="A2945" s="2" t="s">
        <v>49</v>
      </c>
      <c r="B2945" s="2" t="s">
        <v>10555</v>
      </c>
      <c r="C2945" s="4" t="s">
        <v>6</v>
      </c>
      <c r="D2945" s="5" t="s">
        <v>1148</v>
      </c>
      <c r="E2945" s="5" t="s">
        <v>10556</v>
      </c>
      <c r="F2945" s="6" t="s">
        <v>5</v>
      </c>
      <c r="G2945" s="2"/>
      <c r="H2945" s="4"/>
      <c r="I2945" s="5"/>
      <c r="J2945" s="5"/>
      <c r="K2945" s="5"/>
      <c r="L2945" s="6"/>
      <c r="M2945" s="2" t="s">
        <v>10557</v>
      </c>
      <c r="N2945" s="3">
        <v>40949</v>
      </c>
      <c r="O2945" s="3">
        <v>45383</v>
      </c>
      <c r="P2945" s="3">
        <v>47573</v>
      </c>
    </row>
    <row r="2946" spans="1:16" x14ac:dyDescent="0.15">
      <c r="A2946" s="2" t="s">
        <v>49</v>
      </c>
      <c r="B2946" s="2" t="s">
        <v>10558</v>
      </c>
      <c r="C2946" s="4" t="s">
        <v>6</v>
      </c>
      <c r="D2946" s="5" t="s">
        <v>270</v>
      </c>
      <c r="E2946" s="5" t="s">
        <v>10559</v>
      </c>
      <c r="F2946" s="6" t="s">
        <v>5</v>
      </c>
      <c r="G2946" s="2"/>
      <c r="H2946" s="4"/>
      <c r="I2946" s="5"/>
      <c r="J2946" s="5"/>
      <c r="K2946" s="5"/>
      <c r="L2946" s="6"/>
      <c r="M2946" s="2" t="s">
        <v>10560</v>
      </c>
      <c r="N2946" s="3">
        <v>43158</v>
      </c>
      <c r="O2946" s="3">
        <v>45383</v>
      </c>
      <c r="P2946" s="3">
        <v>47573</v>
      </c>
    </row>
    <row r="2947" spans="1:16" x14ac:dyDescent="0.15">
      <c r="A2947" s="2" t="s">
        <v>42</v>
      </c>
      <c r="B2947" s="2" t="s">
        <v>546</v>
      </c>
      <c r="C2947" s="4" t="s">
        <v>6</v>
      </c>
      <c r="D2947" s="5" t="s">
        <v>547</v>
      </c>
      <c r="E2947" s="5" t="s">
        <v>548</v>
      </c>
      <c r="F2947" s="6" t="s">
        <v>5</v>
      </c>
      <c r="G2947" s="2" t="s">
        <v>541</v>
      </c>
      <c r="H2947" s="4" t="s">
        <v>542</v>
      </c>
      <c r="I2947" s="5" t="s">
        <v>543</v>
      </c>
      <c r="J2947" s="5" t="s">
        <v>544</v>
      </c>
      <c r="K2947" s="5" t="s">
        <v>545</v>
      </c>
      <c r="L2947" s="6" t="s">
        <v>5</v>
      </c>
      <c r="M2947" s="2" t="s">
        <v>549</v>
      </c>
      <c r="N2947" s="3">
        <v>44470</v>
      </c>
      <c r="O2947" s="3">
        <v>44470</v>
      </c>
      <c r="P2947" s="3">
        <v>46660</v>
      </c>
    </row>
    <row r="2948" spans="1:16" x14ac:dyDescent="0.15">
      <c r="A2948" s="2" t="s">
        <v>49</v>
      </c>
      <c r="B2948" s="2" t="s">
        <v>10564</v>
      </c>
      <c r="C2948" s="4" t="s">
        <v>6</v>
      </c>
      <c r="D2948" s="5" t="s">
        <v>270</v>
      </c>
      <c r="E2948" s="5" t="s">
        <v>10565</v>
      </c>
      <c r="F2948" s="6" t="s">
        <v>5</v>
      </c>
      <c r="G2948" s="2"/>
      <c r="H2948" s="4"/>
      <c r="I2948" s="5"/>
      <c r="J2948" s="5"/>
      <c r="K2948" s="5"/>
      <c r="L2948" s="6"/>
      <c r="M2948" s="2" t="s">
        <v>10566</v>
      </c>
      <c r="N2948" s="3">
        <v>36371</v>
      </c>
      <c r="O2948" s="3">
        <v>45383</v>
      </c>
      <c r="P2948" s="3">
        <v>47573</v>
      </c>
    </row>
    <row r="2949" spans="1:16" x14ac:dyDescent="0.15">
      <c r="A2949" s="2" t="s">
        <v>49</v>
      </c>
      <c r="B2949" s="2" t="s">
        <v>10567</v>
      </c>
      <c r="C2949" s="4" t="s">
        <v>6</v>
      </c>
      <c r="D2949" s="5" t="s">
        <v>3137</v>
      </c>
      <c r="E2949" s="5" t="s">
        <v>1378</v>
      </c>
      <c r="F2949" s="6" t="s">
        <v>5</v>
      </c>
      <c r="G2949" s="2"/>
      <c r="H2949" s="4"/>
      <c r="I2949" s="5"/>
      <c r="J2949" s="5"/>
      <c r="K2949" s="5"/>
      <c r="L2949" s="6"/>
      <c r="M2949" s="2" t="s">
        <v>10568</v>
      </c>
      <c r="N2949" s="3">
        <v>25840</v>
      </c>
      <c r="O2949" s="3">
        <v>45383</v>
      </c>
      <c r="P2949" s="3">
        <v>47208</v>
      </c>
    </row>
    <row r="2950" spans="1:16" x14ac:dyDescent="0.15">
      <c r="A2950" s="2" t="s">
        <v>66</v>
      </c>
      <c r="B2950" s="2" t="s">
        <v>10567</v>
      </c>
      <c r="C2950" s="4" t="s">
        <v>6</v>
      </c>
      <c r="D2950" s="5" t="s">
        <v>3137</v>
      </c>
      <c r="E2950" s="5" t="s">
        <v>1378</v>
      </c>
      <c r="F2950" s="6" t="s">
        <v>5</v>
      </c>
      <c r="G2950" s="2"/>
      <c r="H2950" s="4"/>
      <c r="I2950" s="5"/>
      <c r="J2950" s="5"/>
      <c r="K2950" s="5"/>
      <c r="L2950" s="6"/>
      <c r="M2950" s="2" t="s">
        <v>10569</v>
      </c>
      <c r="N2950" s="3">
        <v>25840</v>
      </c>
      <c r="O2950" s="3">
        <v>45383</v>
      </c>
      <c r="P2950" s="3">
        <v>47208</v>
      </c>
    </row>
    <row r="2951" spans="1:16" x14ac:dyDescent="0.15">
      <c r="A2951" s="2" t="s">
        <v>42</v>
      </c>
      <c r="B2951" s="2" t="s">
        <v>554</v>
      </c>
      <c r="C2951" s="4" t="s">
        <v>6</v>
      </c>
      <c r="D2951" s="5" t="s">
        <v>140</v>
      </c>
      <c r="E2951" s="5" t="s">
        <v>555</v>
      </c>
      <c r="F2951" s="6" t="s">
        <v>5</v>
      </c>
      <c r="G2951" s="2" t="s">
        <v>541</v>
      </c>
      <c r="H2951" s="4" t="s">
        <v>542</v>
      </c>
      <c r="I2951" s="5" t="s">
        <v>543</v>
      </c>
      <c r="J2951" s="5" t="s">
        <v>544</v>
      </c>
      <c r="K2951" s="5" t="s">
        <v>545</v>
      </c>
      <c r="L2951" s="6" t="s">
        <v>5</v>
      </c>
      <c r="M2951" s="2" t="s">
        <v>556</v>
      </c>
      <c r="N2951" s="3">
        <v>44496</v>
      </c>
      <c r="O2951" s="3">
        <v>44496</v>
      </c>
      <c r="P2951" s="3">
        <v>47026</v>
      </c>
    </row>
    <row r="2952" spans="1:16" x14ac:dyDescent="0.15">
      <c r="A2952" s="2" t="s">
        <v>66</v>
      </c>
      <c r="B2952" s="2" t="s">
        <v>10576</v>
      </c>
      <c r="C2952" s="4" t="s">
        <v>6</v>
      </c>
      <c r="D2952" s="5" t="s">
        <v>10577</v>
      </c>
      <c r="E2952" s="5" t="s">
        <v>10578</v>
      </c>
      <c r="F2952" s="6" t="s">
        <v>5</v>
      </c>
      <c r="G2952" s="2"/>
      <c r="H2952" s="4"/>
      <c r="I2952" s="5"/>
      <c r="J2952" s="5"/>
      <c r="K2952" s="5"/>
      <c r="L2952" s="6"/>
      <c r="M2952" s="2" t="s">
        <v>10579</v>
      </c>
      <c r="N2952" s="3">
        <v>34183</v>
      </c>
      <c r="O2952" s="3">
        <v>45383</v>
      </c>
      <c r="P2952" s="3">
        <v>47573</v>
      </c>
    </row>
    <row r="2953" spans="1:16" x14ac:dyDescent="0.15">
      <c r="A2953" s="2" t="s">
        <v>42</v>
      </c>
      <c r="B2953" s="2" t="s">
        <v>557</v>
      </c>
      <c r="C2953" s="4" t="s">
        <v>6</v>
      </c>
      <c r="D2953" s="5" t="s">
        <v>558</v>
      </c>
      <c r="E2953" s="5" t="s">
        <v>559</v>
      </c>
      <c r="F2953" s="6" t="s">
        <v>5</v>
      </c>
      <c r="G2953" s="2" t="s">
        <v>541</v>
      </c>
      <c r="H2953" s="4" t="s">
        <v>542</v>
      </c>
      <c r="I2953" s="5" t="s">
        <v>543</v>
      </c>
      <c r="J2953" s="5" t="s">
        <v>544</v>
      </c>
      <c r="K2953" s="5" t="s">
        <v>545</v>
      </c>
      <c r="L2953" s="6" t="s">
        <v>5</v>
      </c>
      <c r="M2953" s="2" t="s">
        <v>560</v>
      </c>
      <c r="N2953" s="3">
        <v>44448</v>
      </c>
      <c r="O2953" s="3">
        <v>44448</v>
      </c>
      <c r="P2953" s="3">
        <v>46934</v>
      </c>
    </row>
    <row r="2954" spans="1:16" x14ac:dyDescent="0.15">
      <c r="A2954" s="2" t="s">
        <v>49</v>
      </c>
      <c r="B2954" s="2" t="s">
        <v>10586</v>
      </c>
      <c r="C2954" s="4" t="s">
        <v>6</v>
      </c>
      <c r="D2954" s="5" t="s">
        <v>2012</v>
      </c>
      <c r="E2954" s="5" t="s">
        <v>10587</v>
      </c>
      <c r="F2954" s="6" t="s">
        <v>10588</v>
      </c>
      <c r="G2954" s="2"/>
      <c r="H2954" s="4"/>
      <c r="I2954" s="5"/>
      <c r="J2954" s="5"/>
      <c r="K2954" s="5"/>
      <c r="L2954" s="6"/>
      <c r="M2954" s="2" t="s">
        <v>10589</v>
      </c>
      <c r="N2954" s="3">
        <v>42871</v>
      </c>
      <c r="O2954" s="3">
        <v>45383</v>
      </c>
      <c r="P2954" s="3">
        <v>47573</v>
      </c>
    </row>
    <row r="2955" spans="1:16" x14ac:dyDescent="0.15">
      <c r="A2955" s="2" t="s">
        <v>49</v>
      </c>
      <c r="B2955" s="2" t="s">
        <v>10591</v>
      </c>
      <c r="C2955" s="4" t="s">
        <v>6</v>
      </c>
      <c r="D2955" s="5" t="s">
        <v>911</v>
      </c>
      <c r="E2955" s="5" t="s">
        <v>10590</v>
      </c>
      <c r="F2955" s="6" t="s">
        <v>5</v>
      </c>
      <c r="G2955" s="2"/>
      <c r="H2955" s="4"/>
      <c r="I2955" s="5"/>
      <c r="J2955" s="5"/>
      <c r="K2955" s="5"/>
      <c r="L2955" s="6"/>
      <c r="M2955" s="2" t="s">
        <v>10592</v>
      </c>
      <c r="N2955" s="3">
        <v>35737</v>
      </c>
      <c r="O2955" s="3">
        <v>45200</v>
      </c>
      <c r="P2955" s="3">
        <v>47026</v>
      </c>
    </row>
    <row r="2956" spans="1:16" x14ac:dyDescent="0.15">
      <c r="A2956" s="2" t="s">
        <v>42</v>
      </c>
      <c r="B2956" s="2" t="s">
        <v>744</v>
      </c>
      <c r="C2956" s="4" t="s">
        <v>6</v>
      </c>
      <c r="D2956" s="5" t="s">
        <v>745</v>
      </c>
      <c r="E2956" s="5" t="s">
        <v>746</v>
      </c>
      <c r="F2956" s="6" t="s">
        <v>5</v>
      </c>
      <c r="G2956" s="2" t="s">
        <v>741</v>
      </c>
      <c r="H2956" s="4" t="s">
        <v>9</v>
      </c>
      <c r="I2956" s="5" t="s">
        <v>6</v>
      </c>
      <c r="J2956" s="5" t="s">
        <v>742</v>
      </c>
      <c r="K2956" s="5" t="s">
        <v>743</v>
      </c>
      <c r="L2956" s="6" t="s">
        <v>5</v>
      </c>
      <c r="M2956" s="2" t="s">
        <v>747</v>
      </c>
      <c r="N2956" s="3">
        <v>44362</v>
      </c>
      <c r="O2956" s="3">
        <v>44362</v>
      </c>
      <c r="P2956" s="3">
        <v>46568</v>
      </c>
    </row>
    <row r="2957" spans="1:16" x14ac:dyDescent="0.15">
      <c r="A2957" s="2" t="s">
        <v>42</v>
      </c>
      <c r="B2957" s="2" t="s">
        <v>879</v>
      </c>
      <c r="C2957" s="4" t="s">
        <v>6</v>
      </c>
      <c r="D2957" s="5" t="s">
        <v>870</v>
      </c>
      <c r="E2957" s="5" t="s">
        <v>871</v>
      </c>
      <c r="F2957" s="6" t="s">
        <v>5</v>
      </c>
      <c r="G2957" s="2" t="s">
        <v>869</v>
      </c>
      <c r="H2957" s="4" t="s">
        <v>9</v>
      </c>
      <c r="I2957" s="5" t="s">
        <v>6</v>
      </c>
      <c r="J2957" s="5" t="s">
        <v>870</v>
      </c>
      <c r="K2957" s="5" t="s">
        <v>871</v>
      </c>
      <c r="L2957" s="6" t="s">
        <v>5</v>
      </c>
      <c r="M2957" s="2" t="s">
        <v>880</v>
      </c>
      <c r="N2957" s="3">
        <v>31870</v>
      </c>
      <c r="O2957" s="3">
        <v>45383</v>
      </c>
      <c r="P2957" s="3">
        <v>47573</v>
      </c>
    </row>
    <row r="2958" spans="1:16" x14ac:dyDescent="0.15">
      <c r="A2958" s="2" t="s">
        <v>42</v>
      </c>
      <c r="B2958" s="2" t="s">
        <v>1060</v>
      </c>
      <c r="C2958" s="4" t="s">
        <v>6</v>
      </c>
      <c r="D2958" s="5" t="s">
        <v>558</v>
      </c>
      <c r="E2958" s="5" t="s">
        <v>1061</v>
      </c>
      <c r="F2958" s="6" t="s">
        <v>5</v>
      </c>
      <c r="G2958" s="2" t="s">
        <v>1057</v>
      </c>
      <c r="H2958" s="4" t="s">
        <v>384</v>
      </c>
      <c r="I2958" s="5" t="s">
        <v>1058</v>
      </c>
      <c r="J2958" s="5" t="s">
        <v>1059</v>
      </c>
      <c r="K2958" s="5" t="s">
        <v>5</v>
      </c>
      <c r="L2958" s="6" t="s">
        <v>5</v>
      </c>
      <c r="M2958" s="2" t="s">
        <v>1063</v>
      </c>
      <c r="N2958" s="3">
        <v>44733</v>
      </c>
      <c r="O2958" s="3">
        <v>44733</v>
      </c>
      <c r="P2958" s="3">
        <v>46934</v>
      </c>
    </row>
    <row r="2959" spans="1:16" x14ac:dyDescent="0.15">
      <c r="A2959" s="2" t="s">
        <v>49</v>
      </c>
      <c r="B2959" s="2" t="s">
        <v>10608</v>
      </c>
      <c r="C2959" s="4" t="s">
        <v>6</v>
      </c>
      <c r="D2959" s="5" t="s">
        <v>834</v>
      </c>
      <c r="E2959" s="5" t="s">
        <v>10607</v>
      </c>
      <c r="F2959" s="6" t="s">
        <v>5</v>
      </c>
      <c r="G2959" s="2"/>
      <c r="H2959" s="4"/>
      <c r="I2959" s="5"/>
      <c r="J2959" s="5"/>
      <c r="K2959" s="5"/>
      <c r="L2959" s="6"/>
      <c r="M2959" s="2" t="s">
        <v>10609</v>
      </c>
      <c r="N2959" s="3">
        <v>41431</v>
      </c>
      <c r="O2959" s="3">
        <v>45383</v>
      </c>
      <c r="P2959" s="3">
        <v>47208</v>
      </c>
    </row>
    <row r="2960" spans="1:16" x14ac:dyDescent="0.15">
      <c r="A2960" s="2" t="s">
        <v>49</v>
      </c>
      <c r="B2960" s="2" t="s">
        <v>10610</v>
      </c>
      <c r="C2960" s="4" t="s">
        <v>6</v>
      </c>
      <c r="D2960" s="5" t="s">
        <v>3259</v>
      </c>
      <c r="E2960" s="5" t="s">
        <v>1723</v>
      </c>
      <c r="F2960" s="6" t="s">
        <v>5</v>
      </c>
      <c r="G2960" s="2"/>
      <c r="H2960" s="4"/>
      <c r="I2960" s="5"/>
      <c r="J2960" s="5"/>
      <c r="K2960" s="5"/>
      <c r="L2960" s="6"/>
      <c r="M2960" s="2" t="s">
        <v>10611</v>
      </c>
      <c r="N2960" s="3">
        <v>37221</v>
      </c>
      <c r="O2960" s="3">
        <v>45413</v>
      </c>
      <c r="P2960" s="3">
        <v>47603</v>
      </c>
    </row>
    <row r="2961" spans="1:16" x14ac:dyDescent="0.15">
      <c r="A2961" s="2" t="s">
        <v>42</v>
      </c>
      <c r="B2961" s="2" t="s">
        <v>1154</v>
      </c>
      <c r="C2961" s="4" t="s">
        <v>6</v>
      </c>
      <c r="D2961" s="5" t="s">
        <v>1152</v>
      </c>
      <c r="E2961" s="5" t="s">
        <v>1153</v>
      </c>
      <c r="F2961" s="6" t="s">
        <v>5</v>
      </c>
      <c r="G2961" s="2" t="s">
        <v>1151</v>
      </c>
      <c r="H2961" s="4" t="s">
        <v>9</v>
      </c>
      <c r="I2961" s="5" t="s">
        <v>6</v>
      </c>
      <c r="J2961" s="5" t="s">
        <v>1152</v>
      </c>
      <c r="K2961" s="5" t="s">
        <v>1153</v>
      </c>
      <c r="L2961" s="6" t="s">
        <v>5</v>
      </c>
      <c r="M2961" s="2" t="s">
        <v>1155</v>
      </c>
      <c r="N2961" s="3">
        <v>44385</v>
      </c>
      <c r="O2961" s="3">
        <v>44385</v>
      </c>
      <c r="P2961" s="3">
        <v>46721</v>
      </c>
    </row>
    <row r="2962" spans="1:16" x14ac:dyDescent="0.15">
      <c r="A2962" s="2" t="s">
        <v>49</v>
      </c>
      <c r="B2962" s="2" t="s">
        <v>10617</v>
      </c>
      <c r="C2962" s="4" t="s">
        <v>6</v>
      </c>
      <c r="D2962" s="5" t="s">
        <v>4334</v>
      </c>
      <c r="E2962" s="5" t="s">
        <v>10616</v>
      </c>
      <c r="F2962" s="6" t="s">
        <v>5</v>
      </c>
      <c r="G2962" s="2"/>
      <c r="H2962" s="4"/>
      <c r="I2962" s="5"/>
      <c r="J2962" s="5"/>
      <c r="K2962" s="5"/>
      <c r="L2962" s="6"/>
      <c r="M2962" s="2" t="s">
        <v>10618</v>
      </c>
      <c r="N2962" s="3">
        <v>30048</v>
      </c>
      <c r="O2962" s="3">
        <v>45383</v>
      </c>
      <c r="P2962" s="3">
        <v>47208</v>
      </c>
    </row>
    <row r="2963" spans="1:16" x14ac:dyDescent="0.15">
      <c r="A2963" s="2" t="s">
        <v>42</v>
      </c>
      <c r="B2963" s="2" t="s">
        <v>1409</v>
      </c>
      <c r="C2963" s="4" t="s">
        <v>6</v>
      </c>
      <c r="D2963" s="5" t="s">
        <v>1410</v>
      </c>
      <c r="E2963" s="5" t="s">
        <v>1411</v>
      </c>
      <c r="F2963" s="6" t="s">
        <v>5</v>
      </c>
      <c r="G2963" s="2" t="s">
        <v>1405</v>
      </c>
      <c r="H2963" s="4" t="s">
        <v>9</v>
      </c>
      <c r="I2963" s="5" t="s">
        <v>6</v>
      </c>
      <c r="J2963" s="5" t="s">
        <v>1406</v>
      </c>
      <c r="K2963" s="5" t="s">
        <v>609</v>
      </c>
      <c r="L2963" s="6" t="s">
        <v>5</v>
      </c>
      <c r="M2963" s="2" t="s">
        <v>1412</v>
      </c>
      <c r="N2963" s="3">
        <v>42956</v>
      </c>
      <c r="O2963" s="3">
        <v>45200</v>
      </c>
      <c r="P2963" s="3">
        <v>47391</v>
      </c>
    </row>
    <row r="2964" spans="1:16" x14ac:dyDescent="0.15">
      <c r="A2964" s="2" t="s">
        <v>49</v>
      </c>
      <c r="B2964" s="2" t="s">
        <v>10624</v>
      </c>
      <c r="C2964" s="4" t="s">
        <v>6</v>
      </c>
      <c r="D2964" s="5" t="s">
        <v>2371</v>
      </c>
      <c r="E2964" s="5" t="s">
        <v>10623</v>
      </c>
      <c r="F2964" s="6" t="s">
        <v>5</v>
      </c>
      <c r="G2964" s="2"/>
      <c r="H2964" s="4"/>
      <c r="I2964" s="5"/>
      <c r="J2964" s="5"/>
      <c r="K2964" s="5"/>
      <c r="L2964" s="6"/>
      <c r="M2964" s="2" t="s">
        <v>10625</v>
      </c>
      <c r="N2964" s="3">
        <v>31617</v>
      </c>
      <c r="O2964" s="3">
        <v>45383</v>
      </c>
      <c r="P2964" s="3">
        <v>47208</v>
      </c>
    </row>
    <row r="2965" spans="1:16" x14ac:dyDescent="0.15">
      <c r="A2965" s="2" t="s">
        <v>39</v>
      </c>
      <c r="B2965" s="2" t="s">
        <v>10627</v>
      </c>
      <c r="C2965" s="4" t="s">
        <v>6</v>
      </c>
      <c r="D2965" s="5" t="s">
        <v>1168</v>
      </c>
      <c r="E2965" s="5" t="s">
        <v>10626</v>
      </c>
      <c r="F2965" s="6" t="s">
        <v>5</v>
      </c>
      <c r="G2965" s="2"/>
      <c r="H2965" s="4"/>
      <c r="I2965" s="5"/>
      <c r="J2965" s="5"/>
      <c r="K2965" s="5"/>
      <c r="L2965" s="6"/>
      <c r="M2965" s="2" t="s">
        <v>10628</v>
      </c>
      <c r="N2965" s="3">
        <v>45422</v>
      </c>
      <c r="O2965" s="3">
        <v>45422</v>
      </c>
      <c r="P2965" s="3">
        <v>47756</v>
      </c>
    </row>
    <row r="2966" spans="1:16" x14ac:dyDescent="0.15">
      <c r="A2966" s="2" t="s">
        <v>42</v>
      </c>
      <c r="B2966" s="2" t="s">
        <v>1932</v>
      </c>
      <c r="C2966" s="4" t="s">
        <v>6</v>
      </c>
      <c r="D2966" s="5" t="s">
        <v>1930</v>
      </c>
      <c r="E2966" s="5" t="s">
        <v>1933</v>
      </c>
      <c r="F2966" s="6" t="s">
        <v>5</v>
      </c>
      <c r="G2966" s="2" t="s">
        <v>1929</v>
      </c>
      <c r="H2966" s="4" t="s">
        <v>9</v>
      </c>
      <c r="I2966" s="5" t="s">
        <v>6</v>
      </c>
      <c r="J2966" s="5" t="s">
        <v>1930</v>
      </c>
      <c r="K2966" s="5" t="s">
        <v>1931</v>
      </c>
      <c r="L2966" s="6" t="s">
        <v>5</v>
      </c>
      <c r="M2966" s="2" t="s">
        <v>1934</v>
      </c>
      <c r="N2966" s="3">
        <v>34275</v>
      </c>
      <c r="O2966" s="3">
        <v>44835</v>
      </c>
      <c r="P2966" s="3">
        <v>46660</v>
      </c>
    </row>
    <row r="2967" spans="1:16" x14ac:dyDescent="0.15">
      <c r="A2967" s="2" t="s">
        <v>49</v>
      </c>
      <c r="B2967" s="2" t="s">
        <v>10633</v>
      </c>
      <c r="C2967" s="4" t="s">
        <v>6</v>
      </c>
      <c r="D2967" s="5" t="s">
        <v>2170</v>
      </c>
      <c r="E2967" s="5" t="s">
        <v>10634</v>
      </c>
      <c r="F2967" s="6" t="s">
        <v>5</v>
      </c>
      <c r="G2967" s="2"/>
      <c r="H2967" s="4"/>
      <c r="I2967" s="5"/>
      <c r="J2967" s="5"/>
      <c r="K2967" s="5"/>
      <c r="L2967" s="6"/>
      <c r="M2967" s="2" t="s">
        <v>10635</v>
      </c>
      <c r="N2967" s="3">
        <v>40886</v>
      </c>
      <c r="O2967" s="3">
        <v>45413</v>
      </c>
      <c r="P2967" s="3">
        <v>47603</v>
      </c>
    </row>
    <row r="2968" spans="1:16" x14ac:dyDescent="0.15">
      <c r="A2968" s="2" t="s">
        <v>49</v>
      </c>
      <c r="B2968" s="2" t="s">
        <v>10636</v>
      </c>
      <c r="C2968" s="4" t="s">
        <v>6</v>
      </c>
      <c r="D2968" s="5" t="s">
        <v>1027</v>
      </c>
      <c r="E2968" s="5" t="s">
        <v>2818</v>
      </c>
      <c r="F2968" s="6" t="s">
        <v>10637</v>
      </c>
      <c r="G2968" s="2"/>
      <c r="H2968" s="4"/>
      <c r="I2968" s="5"/>
      <c r="J2968" s="5"/>
      <c r="K2968" s="5"/>
      <c r="L2968" s="6"/>
      <c r="M2968" s="2" t="s">
        <v>10638</v>
      </c>
      <c r="N2968" s="3">
        <v>45360</v>
      </c>
      <c r="O2968" s="3">
        <v>45360</v>
      </c>
      <c r="P2968" s="3">
        <v>47817</v>
      </c>
    </row>
    <row r="2969" spans="1:16" x14ac:dyDescent="0.15">
      <c r="A2969" s="2" t="s">
        <v>49</v>
      </c>
      <c r="B2969" s="2" t="s">
        <v>10639</v>
      </c>
      <c r="C2969" s="4" t="s">
        <v>6</v>
      </c>
      <c r="D2969" s="5" t="s">
        <v>2356</v>
      </c>
      <c r="E2969" s="5" t="s">
        <v>10640</v>
      </c>
      <c r="F2969" s="6" t="s">
        <v>10641</v>
      </c>
      <c r="G2969" s="2"/>
      <c r="H2969" s="4"/>
      <c r="I2969" s="5"/>
      <c r="J2969" s="5"/>
      <c r="K2969" s="5"/>
      <c r="L2969" s="6"/>
      <c r="M2969" s="2" t="s">
        <v>10642</v>
      </c>
      <c r="N2969" s="3">
        <v>39239</v>
      </c>
      <c r="O2969" s="3">
        <v>45383</v>
      </c>
      <c r="P2969" s="3">
        <v>47208</v>
      </c>
    </row>
    <row r="2970" spans="1:16" x14ac:dyDescent="0.15">
      <c r="A2970" s="2" t="s">
        <v>49</v>
      </c>
      <c r="B2970" s="2" t="s">
        <v>10644</v>
      </c>
      <c r="C2970" s="4" t="s">
        <v>6</v>
      </c>
      <c r="D2970" s="5" t="s">
        <v>2568</v>
      </c>
      <c r="E2970" s="5" t="s">
        <v>10643</v>
      </c>
      <c r="F2970" s="6" t="s">
        <v>5</v>
      </c>
      <c r="G2970" s="2"/>
      <c r="H2970" s="4"/>
      <c r="I2970" s="5"/>
      <c r="J2970" s="5"/>
      <c r="K2970" s="5"/>
      <c r="L2970" s="6"/>
      <c r="M2970" s="2" t="s">
        <v>10645</v>
      </c>
      <c r="N2970" s="3">
        <v>33059</v>
      </c>
      <c r="O2970" s="3">
        <v>45383</v>
      </c>
      <c r="P2970" s="3">
        <v>47208</v>
      </c>
    </row>
    <row r="2971" spans="1:16" x14ac:dyDescent="0.15">
      <c r="A2971" s="2" t="s">
        <v>1231</v>
      </c>
      <c r="B2971" s="2" t="s">
        <v>2886</v>
      </c>
      <c r="C2971" s="4" t="s">
        <v>6</v>
      </c>
      <c r="D2971" s="5" t="s">
        <v>456</v>
      </c>
      <c r="E2971" s="5" t="s">
        <v>2885</v>
      </c>
      <c r="F2971" s="6" t="s">
        <v>5</v>
      </c>
      <c r="G2971" s="2"/>
      <c r="H2971" s="4"/>
      <c r="I2971" s="5"/>
      <c r="J2971" s="5"/>
      <c r="K2971" s="5"/>
      <c r="L2971" s="6"/>
      <c r="M2971" s="2" t="s">
        <v>10646</v>
      </c>
      <c r="N2971" s="3">
        <v>43257</v>
      </c>
      <c r="O2971" s="3">
        <v>45383</v>
      </c>
      <c r="P2971" s="3">
        <v>47208</v>
      </c>
    </row>
    <row r="2972" spans="1:16" x14ac:dyDescent="0.15">
      <c r="A2972" s="2" t="s">
        <v>16</v>
      </c>
      <c r="B2972" s="2" t="s">
        <v>10648</v>
      </c>
      <c r="C2972" s="4" t="s">
        <v>6</v>
      </c>
      <c r="D2972" s="5" t="s">
        <v>207</v>
      </c>
      <c r="E2972" s="5" t="s">
        <v>10647</v>
      </c>
      <c r="F2972" s="6" t="s">
        <v>5</v>
      </c>
      <c r="G2972" s="2"/>
      <c r="H2972" s="4"/>
      <c r="I2972" s="5"/>
      <c r="J2972" s="5"/>
      <c r="K2972" s="5"/>
      <c r="L2972" s="6"/>
      <c r="M2972" s="2" t="s">
        <v>10649</v>
      </c>
      <c r="N2972" s="3">
        <v>30342</v>
      </c>
      <c r="O2972" s="3">
        <v>45413</v>
      </c>
      <c r="P2972" s="3">
        <v>47238</v>
      </c>
    </row>
    <row r="2973" spans="1:16" x14ac:dyDescent="0.15">
      <c r="A2973" s="2" t="s">
        <v>16</v>
      </c>
      <c r="B2973" s="2" t="s">
        <v>10650</v>
      </c>
      <c r="C2973" s="4" t="s">
        <v>6</v>
      </c>
      <c r="D2973" s="5" t="s">
        <v>10524</v>
      </c>
      <c r="E2973" s="5" t="s">
        <v>2367</v>
      </c>
      <c r="F2973" s="6" t="s">
        <v>5</v>
      </c>
      <c r="G2973" s="2"/>
      <c r="H2973" s="4"/>
      <c r="I2973" s="5"/>
      <c r="J2973" s="5"/>
      <c r="K2973" s="5"/>
      <c r="L2973" s="6"/>
      <c r="M2973" s="2" t="s">
        <v>10651</v>
      </c>
      <c r="N2973" s="3">
        <v>41415</v>
      </c>
      <c r="O2973" s="3">
        <v>45383</v>
      </c>
      <c r="P2973" s="3">
        <v>47208</v>
      </c>
    </row>
    <row r="2974" spans="1:16" x14ac:dyDescent="0.15">
      <c r="A2974" s="2" t="s">
        <v>42</v>
      </c>
      <c r="B2974" s="2" t="s">
        <v>10650</v>
      </c>
      <c r="C2974" s="4" t="s">
        <v>6</v>
      </c>
      <c r="D2974" s="5" t="s">
        <v>10524</v>
      </c>
      <c r="E2974" s="5" t="s">
        <v>2367</v>
      </c>
      <c r="F2974" s="6" t="s">
        <v>5</v>
      </c>
      <c r="G2974" s="2"/>
      <c r="H2974" s="4"/>
      <c r="I2974" s="5"/>
      <c r="J2974" s="5"/>
      <c r="K2974" s="5"/>
      <c r="L2974" s="6"/>
      <c r="M2974" s="2" t="s">
        <v>10652</v>
      </c>
      <c r="N2974" s="3">
        <v>41415</v>
      </c>
      <c r="O2974" s="3">
        <v>45383</v>
      </c>
      <c r="P2974" s="3">
        <v>47208</v>
      </c>
    </row>
    <row r="2975" spans="1:16" x14ac:dyDescent="0.15">
      <c r="A2975" s="2" t="s">
        <v>16</v>
      </c>
      <c r="B2975" s="2" t="s">
        <v>10653</v>
      </c>
      <c r="C2975" s="4" t="s">
        <v>6</v>
      </c>
      <c r="D2975" s="5" t="s">
        <v>1762</v>
      </c>
      <c r="E2975" s="5" t="s">
        <v>1597</v>
      </c>
      <c r="F2975" s="6" t="s">
        <v>5</v>
      </c>
      <c r="G2975" s="2"/>
      <c r="H2975" s="4"/>
      <c r="I2975" s="5"/>
      <c r="J2975" s="5"/>
      <c r="K2975" s="5"/>
      <c r="L2975" s="6"/>
      <c r="M2975" s="2" t="s">
        <v>10654</v>
      </c>
      <c r="N2975" s="3">
        <v>45359</v>
      </c>
      <c r="O2975" s="3">
        <v>45359</v>
      </c>
      <c r="P2975" s="3">
        <v>47664</v>
      </c>
    </row>
    <row r="2976" spans="1:16" x14ac:dyDescent="0.15">
      <c r="A2976" s="2" t="s">
        <v>49</v>
      </c>
      <c r="B2976" s="2" t="s">
        <v>10657</v>
      </c>
      <c r="C2976" s="4" t="s">
        <v>6</v>
      </c>
      <c r="D2976" s="5" t="s">
        <v>10655</v>
      </c>
      <c r="E2976" s="5" t="s">
        <v>10656</v>
      </c>
      <c r="F2976" s="6" t="s">
        <v>5</v>
      </c>
      <c r="G2976" s="2"/>
      <c r="H2976" s="4"/>
      <c r="I2976" s="5"/>
      <c r="J2976" s="5"/>
      <c r="K2976" s="5"/>
      <c r="L2976" s="6"/>
      <c r="M2976" s="2" t="s">
        <v>10658</v>
      </c>
      <c r="N2976" s="3">
        <v>31279</v>
      </c>
      <c r="O2976" s="3">
        <v>45413</v>
      </c>
      <c r="P2976" s="3">
        <v>47603</v>
      </c>
    </row>
    <row r="2977" spans="1:16" x14ac:dyDescent="0.15">
      <c r="A2977" s="2" t="s">
        <v>49</v>
      </c>
      <c r="B2977" s="2" t="s">
        <v>10659</v>
      </c>
      <c r="C2977" s="4" t="s">
        <v>6</v>
      </c>
      <c r="D2977" s="5" t="s">
        <v>1814</v>
      </c>
      <c r="E2977" s="5" t="s">
        <v>10660</v>
      </c>
      <c r="F2977" s="6" t="s">
        <v>5</v>
      </c>
      <c r="G2977" s="2"/>
      <c r="H2977" s="4"/>
      <c r="I2977" s="5"/>
      <c r="J2977" s="5"/>
      <c r="K2977" s="5"/>
      <c r="L2977" s="6"/>
      <c r="M2977" s="2" t="s">
        <v>10661</v>
      </c>
      <c r="N2977" s="3">
        <v>45366</v>
      </c>
      <c r="O2977" s="3">
        <v>45366</v>
      </c>
      <c r="P2977" s="3">
        <v>47573</v>
      </c>
    </row>
    <row r="2978" spans="1:16" x14ac:dyDescent="0.15">
      <c r="A2978" s="2" t="s">
        <v>49</v>
      </c>
      <c r="B2978" s="2" t="s">
        <v>10663</v>
      </c>
      <c r="C2978" s="4" t="s">
        <v>6</v>
      </c>
      <c r="D2978" s="5" t="s">
        <v>601</v>
      </c>
      <c r="E2978" s="5" t="s">
        <v>10662</v>
      </c>
      <c r="F2978" s="6" t="s">
        <v>5</v>
      </c>
      <c r="G2978" s="2"/>
      <c r="H2978" s="4"/>
      <c r="I2978" s="5"/>
      <c r="J2978" s="5"/>
      <c r="K2978" s="5"/>
      <c r="L2978" s="6"/>
      <c r="M2978" s="2" t="s">
        <v>10664</v>
      </c>
      <c r="N2978" s="3">
        <v>36564</v>
      </c>
      <c r="O2978" s="3">
        <v>45413</v>
      </c>
      <c r="P2978" s="3">
        <v>47603</v>
      </c>
    </row>
    <row r="2979" spans="1:16" x14ac:dyDescent="0.15">
      <c r="A2979" s="2" t="s">
        <v>42</v>
      </c>
      <c r="B2979" s="2" t="s">
        <v>2282</v>
      </c>
      <c r="C2979" s="4" t="s">
        <v>6</v>
      </c>
      <c r="D2979" s="5" t="s">
        <v>967</v>
      </c>
      <c r="E2979" s="5" t="s">
        <v>70</v>
      </c>
      <c r="F2979" s="6" t="s">
        <v>5</v>
      </c>
      <c r="G2979" s="2" t="s">
        <v>2280</v>
      </c>
      <c r="H2979" s="4" t="s">
        <v>9</v>
      </c>
      <c r="I2979" s="5" t="s">
        <v>6</v>
      </c>
      <c r="J2979" s="5" t="s">
        <v>290</v>
      </c>
      <c r="K2979" s="5" t="s">
        <v>2281</v>
      </c>
      <c r="L2979" s="6" t="s">
        <v>5</v>
      </c>
      <c r="M2979" s="2" t="s">
        <v>2284</v>
      </c>
      <c r="N2979" s="3">
        <v>44237</v>
      </c>
      <c r="O2979" s="3">
        <v>44237</v>
      </c>
      <c r="P2979" s="3">
        <v>46295</v>
      </c>
    </row>
    <row r="2980" spans="1:16" x14ac:dyDescent="0.15">
      <c r="A2980" s="2" t="s">
        <v>49</v>
      </c>
      <c r="B2980" s="2" t="s">
        <v>10668</v>
      </c>
      <c r="C2980" s="4" t="s">
        <v>6</v>
      </c>
      <c r="D2980" s="5" t="s">
        <v>3455</v>
      </c>
      <c r="E2980" s="5" t="s">
        <v>10669</v>
      </c>
      <c r="F2980" s="6" t="s">
        <v>5</v>
      </c>
      <c r="G2980" s="2"/>
      <c r="H2980" s="4"/>
      <c r="I2980" s="5"/>
      <c r="J2980" s="5"/>
      <c r="K2980" s="5"/>
      <c r="L2980" s="6"/>
      <c r="M2980" s="2" t="s">
        <v>10670</v>
      </c>
      <c r="N2980" s="3">
        <v>40353</v>
      </c>
      <c r="O2980" s="3">
        <v>45047</v>
      </c>
      <c r="P2980" s="3">
        <v>47238</v>
      </c>
    </row>
    <row r="2981" spans="1:16" x14ac:dyDescent="0.15">
      <c r="A2981" s="2" t="s">
        <v>49</v>
      </c>
      <c r="B2981" s="2" t="s">
        <v>10673</v>
      </c>
      <c r="C2981" s="4" t="s">
        <v>6</v>
      </c>
      <c r="D2981" s="5" t="s">
        <v>10671</v>
      </c>
      <c r="E2981" s="5" t="s">
        <v>10672</v>
      </c>
      <c r="F2981" s="6" t="s">
        <v>5</v>
      </c>
      <c r="G2981" s="2"/>
      <c r="H2981" s="4"/>
      <c r="I2981" s="5"/>
      <c r="J2981" s="5"/>
      <c r="K2981" s="5"/>
      <c r="L2981" s="6"/>
      <c r="M2981" s="2" t="s">
        <v>10674</v>
      </c>
      <c r="N2981" s="3">
        <v>43188</v>
      </c>
      <c r="O2981" s="3">
        <v>45383</v>
      </c>
      <c r="P2981" s="3">
        <v>47573</v>
      </c>
    </row>
    <row r="2982" spans="1:16" x14ac:dyDescent="0.15">
      <c r="A2982" s="2" t="s">
        <v>36</v>
      </c>
      <c r="B2982" s="2" t="s">
        <v>10673</v>
      </c>
      <c r="C2982" s="4" t="s">
        <v>6</v>
      </c>
      <c r="D2982" s="5" t="s">
        <v>10671</v>
      </c>
      <c r="E2982" s="5" t="s">
        <v>10672</v>
      </c>
      <c r="F2982" s="6" t="s">
        <v>5</v>
      </c>
      <c r="G2982" s="2"/>
      <c r="H2982" s="4"/>
      <c r="I2982" s="5"/>
      <c r="J2982" s="5"/>
      <c r="K2982" s="5"/>
      <c r="L2982" s="6"/>
      <c r="M2982" s="2" t="s">
        <v>10675</v>
      </c>
      <c r="N2982" s="3">
        <v>43188</v>
      </c>
      <c r="O2982" s="3">
        <v>45383</v>
      </c>
      <c r="P2982" s="3">
        <v>47573</v>
      </c>
    </row>
    <row r="2983" spans="1:16" x14ac:dyDescent="0.15">
      <c r="A2983" s="2" t="s">
        <v>16</v>
      </c>
      <c r="B2983" s="2" t="s">
        <v>10676</v>
      </c>
      <c r="C2983" s="4" t="s">
        <v>6</v>
      </c>
      <c r="D2983" s="5" t="s">
        <v>3719</v>
      </c>
      <c r="E2983" s="5" t="s">
        <v>3391</v>
      </c>
      <c r="F2983" s="6" t="s">
        <v>5</v>
      </c>
      <c r="G2983" s="2"/>
      <c r="H2983" s="4"/>
      <c r="I2983" s="5"/>
      <c r="J2983" s="5"/>
      <c r="K2983" s="5"/>
      <c r="L2983" s="6"/>
      <c r="M2983" s="2" t="s">
        <v>10677</v>
      </c>
      <c r="N2983" s="3">
        <v>41606</v>
      </c>
      <c r="O2983" s="3">
        <v>45383</v>
      </c>
      <c r="P2983" s="3">
        <v>47208</v>
      </c>
    </row>
    <row r="2984" spans="1:16" x14ac:dyDescent="0.15">
      <c r="A2984" s="2" t="s">
        <v>49</v>
      </c>
      <c r="B2984" s="2" t="s">
        <v>10678</v>
      </c>
      <c r="C2984" s="4" t="s">
        <v>6</v>
      </c>
      <c r="D2984" s="5" t="s">
        <v>10679</v>
      </c>
      <c r="E2984" s="5" t="s">
        <v>4367</v>
      </c>
      <c r="F2984" s="6" t="s">
        <v>10680</v>
      </c>
      <c r="G2984" s="2"/>
      <c r="H2984" s="4"/>
      <c r="I2984" s="5"/>
      <c r="J2984" s="5"/>
      <c r="K2984" s="5"/>
      <c r="L2984" s="6"/>
      <c r="M2984" s="2" t="s">
        <v>10681</v>
      </c>
      <c r="N2984" s="3">
        <v>35822</v>
      </c>
      <c r="O2984" s="3">
        <v>45413</v>
      </c>
      <c r="P2984" s="3">
        <v>47603</v>
      </c>
    </row>
    <row r="2985" spans="1:16" x14ac:dyDescent="0.15">
      <c r="A2985" s="2" t="s">
        <v>49</v>
      </c>
      <c r="B2985" s="2" t="s">
        <v>10682</v>
      </c>
      <c r="C2985" s="4" t="s">
        <v>6</v>
      </c>
      <c r="D2985" s="5" t="s">
        <v>4262</v>
      </c>
      <c r="E2985" s="5" t="s">
        <v>3053</v>
      </c>
      <c r="F2985" s="6" t="s">
        <v>10683</v>
      </c>
      <c r="G2985" s="2"/>
      <c r="H2985" s="4"/>
      <c r="I2985" s="5"/>
      <c r="J2985" s="5"/>
      <c r="K2985" s="5"/>
      <c r="L2985" s="6"/>
      <c r="M2985" s="2" t="s">
        <v>10684</v>
      </c>
      <c r="N2985" s="3">
        <v>39884</v>
      </c>
      <c r="O2985" s="3">
        <v>45413</v>
      </c>
      <c r="P2985" s="3">
        <v>47238</v>
      </c>
    </row>
    <row r="2986" spans="1:16" x14ac:dyDescent="0.15">
      <c r="A2986" s="2" t="s">
        <v>42</v>
      </c>
      <c r="B2986" s="2" t="s">
        <v>2961</v>
      </c>
      <c r="C2986" s="4" t="s">
        <v>6</v>
      </c>
      <c r="D2986" s="5" t="s">
        <v>2962</v>
      </c>
      <c r="E2986" s="5" t="s">
        <v>2963</v>
      </c>
      <c r="F2986" s="6" t="s">
        <v>5</v>
      </c>
      <c r="G2986" s="2" t="s">
        <v>2959</v>
      </c>
      <c r="H2986" s="4" t="s">
        <v>9</v>
      </c>
      <c r="I2986" s="5" t="s">
        <v>6</v>
      </c>
      <c r="J2986" s="5" t="s">
        <v>2960</v>
      </c>
      <c r="K2986" s="5" t="s">
        <v>5</v>
      </c>
      <c r="L2986" s="6" t="s">
        <v>5</v>
      </c>
      <c r="M2986" s="2" t="s">
        <v>2966</v>
      </c>
      <c r="N2986" s="3">
        <v>33056</v>
      </c>
      <c r="O2986" s="3">
        <v>44682</v>
      </c>
      <c r="P2986" s="3">
        <v>46873</v>
      </c>
    </row>
    <row r="2987" spans="1:16" x14ac:dyDescent="0.15">
      <c r="A2987" s="2" t="s">
        <v>49</v>
      </c>
      <c r="B2987" s="2" t="s">
        <v>10688</v>
      </c>
      <c r="C2987" s="4" t="s">
        <v>6</v>
      </c>
      <c r="D2987" s="5" t="s">
        <v>33</v>
      </c>
      <c r="E2987" s="5" t="s">
        <v>10689</v>
      </c>
      <c r="F2987" s="6" t="s">
        <v>5</v>
      </c>
      <c r="G2987" s="2"/>
      <c r="H2987" s="4"/>
      <c r="I2987" s="5"/>
      <c r="J2987" s="5"/>
      <c r="K2987" s="5"/>
      <c r="L2987" s="6"/>
      <c r="M2987" s="2" t="s">
        <v>10690</v>
      </c>
      <c r="N2987" s="3">
        <v>40787</v>
      </c>
      <c r="O2987" s="3">
        <v>45413</v>
      </c>
      <c r="P2987" s="3">
        <v>47603</v>
      </c>
    </row>
    <row r="2988" spans="1:16" x14ac:dyDescent="0.15">
      <c r="A2988" s="2" t="s">
        <v>42</v>
      </c>
      <c r="B2988" s="2" t="s">
        <v>3125</v>
      </c>
      <c r="C2988" s="4" t="s">
        <v>6</v>
      </c>
      <c r="D2988" s="5" t="s">
        <v>69</v>
      </c>
      <c r="E2988" s="5" t="s">
        <v>3126</v>
      </c>
      <c r="F2988" s="6" t="s">
        <v>5</v>
      </c>
      <c r="G2988" s="2" t="s">
        <v>3123</v>
      </c>
      <c r="H2988" s="4" t="s">
        <v>9</v>
      </c>
      <c r="I2988" s="5" t="s">
        <v>6</v>
      </c>
      <c r="J2988" s="5" t="s">
        <v>3124</v>
      </c>
      <c r="K2988" s="5" t="s">
        <v>5</v>
      </c>
      <c r="L2988" s="6" t="s">
        <v>5</v>
      </c>
      <c r="M2988" s="2" t="s">
        <v>3127</v>
      </c>
      <c r="N2988" s="3">
        <v>44889</v>
      </c>
      <c r="O2988" s="3">
        <v>44889</v>
      </c>
      <c r="P2988" s="3">
        <v>47269</v>
      </c>
    </row>
    <row r="2989" spans="1:16" x14ac:dyDescent="0.15">
      <c r="A2989" s="2" t="s">
        <v>49</v>
      </c>
      <c r="B2989" s="2" t="s">
        <v>10695</v>
      </c>
      <c r="C2989" s="4" t="s">
        <v>6</v>
      </c>
      <c r="D2989" s="5" t="s">
        <v>500</v>
      </c>
      <c r="E2989" s="5" t="s">
        <v>10696</v>
      </c>
      <c r="F2989" s="6" t="s">
        <v>10697</v>
      </c>
      <c r="G2989" s="2"/>
      <c r="H2989" s="4"/>
      <c r="I2989" s="5"/>
      <c r="J2989" s="5"/>
      <c r="K2989" s="5"/>
      <c r="L2989" s="6"/>
      <c r="M2989" s="2" t="s">
        <v>10698</v>
      </c>
      <c r="N2989" s="3">
        <v>45359</v>
      </c>
      <c r="O2989" s="3">
        <v>45359</v>
      </c>
      <c r="P2989" s="3">
        <v>47634</v>
      </c>
    </row>
    <row r="2990" spans="1:16" x14ac:dyDescent="0.15">
      <c r="A2990" s="2" t="s">
        <v>49</v>
      </c>
      <c r="B2990" s="2" t="s">
        <v>10700</v>
      </c>
      <c r="C2990" s="4" t="s">
        <v>6</v>
      </c>
      <c r="D2990" s="5" t="s">
        <v>207</v>
      </c>
      <c r="E2990" s="5" t="s">
        <v>10699</v>
      </c>
      <c r="F2990" s="6" t="s">
        <v>5</v>
      </c>
      <c r="G2990" s="2"/>
      <c r="H2990" s="4"/>
      <c r="I2990" s="5"/>
      <c r="J2990" s="5"/>
      <c r="K2990" s="5"/>
      <c r="L2990" s="6"/>
      <c r="M2990" s="2" t="s">
        <v>10701</v>
      </c>
      <c r="N2990" s="3">
        <v>38035</v>
      </c>
      <c r="O2990" s="3">
        <v>45413</v>
      </c>
      <c r="P2990" s="3">
        <v>47238</v>
      </c>
    </row>
    <row r="2991" spans="1:16" x14ac:dyDescent="0.15">
      <c r="A2991" s="2" t="s">
        <v>42</v>
      </c>
      <c r="B2991" s="2" t="s">
        <v>3146</v>
      </c>
      <c r="C2991" s="4" t="s">
        <v>6</v>
      </c>
      <c r="D2991" s="5" t="s">
        <v>2167</v>
      </c>
      <c r="E2991" s="5" t="s">
        <v>3147</v>
      </c>
      <c r="F2991" s="6" t="s">
        <v>5</v>
      </c>
      <c r="G2991" s="2" t="s">
        <v>3140</v>
      </c>
      <c r="H2991" s="4" t="s">
        <v>9</v>
      </c>
      <c r="I2991" s="5" t="s">
        <v>6</v>
      </c>
      <c r="J2991" s="5" t="s">
        <v>3141</v>
      </c>
      <c r="K2991" s="5" t="s">
        <v>5</v>
      </c>
      <c r="L2991" s="6" t="s">
        <v>5</v>
      </c>
      <c r="M2991" s="2" t="s">
        <v>3148</v>
      </c>
      <c r="N2991" s="3">
        <v>44986</v>
      </c>
      <c r="O2991" s="3">
        <v>44986</v>
      </c>
      <c r="P2991" s="3">
        <v>47208</v>
      </c>
    </row>
    <row r="2992" spans="1:16" x14ac:dyDescent="0.15">
      <c r="A2992" s="2" t="s">
        <v>16</v>
      </c>
      <c r="B2992" s="2" t="s">
        <v>10705</v>
      </c>
      <c r="C2992" s="4" t="s">
        <v>6</v>
      </c>
      <c r="D2992" s="5" t="s">
        <v>200</v>
      </c>
      <c r="E2992" s="5" t="s">
        <v>10706</v>
      </c>
      <c r="F2992" s="6" t="s">
        <v>5</v>
      </c>
      <c r="G2992" s="2"/>
      <c r="H2992" s="4"/>
      <c r="I2992" s="5"/>
      <c r="J2992" s="5"/>
      <c r="K2992" s="5"/>
      <c r="L2992" s="6"/>
      <c r="M2992" s="2" t="s">
        <v>10707</v>
      </c>
      <c r="N2992" s="3">
        <v>45444</v>
      </c>
      <c r="O2992" s="3">
        <v>45444</v>
      </c>
      <c r="P2992" s="3">
        <v>47938</v>
      </c>
    </row>
    <row r="2993" spans="1:16" x14ac:dyDescent="0.15">
      <c r="A2993" s="2" t="s">
        <v>42</v>
      </c>
      <c r="B2993" s="2" t="s">
        <v>3275</v>
      </c>
      <c r="C2993" s="4" t="s">
        <v>6</v>
      </c>
      <c r="D2993" s="5" t="s">
        <v>152</v>
      </c>
      <c r="E2993" s="5" t="s">
        <v>3276</v>
      </c>
      <c r="F2993" s="6" t="s">
        <v>5</v>
      </c>
      <c r="G2993" s="2" t="s">
        <v>3273</v>
      </c>
      <c r="H2993" s="4" t="s">
        <v>9</v>
      </c>
      <c r="I2993" s="5" t="s">
        <v>6</v>
      </c>
      <c r="J2993" s="5" t="s">
        <v>3274</v>
      </c>
      <c r="K2993" s="5" t="s">
        <v>5</v>
      </c>
      <c r="L2993" s="6" t="s">
        <v>5</v>
      </c>
      <c r="M2993" s="2" t="s">
        <v>3277</v>
      </c>
      <c r="N2993" s="3">
        <v>44720</v>
      </c>
      <c r="O2993" s="3">
        <v>44720</v>
      </c>
      <c r="P2993" s="3">
        <v>47026</v>
      </c>
    </row>
    <row r="2994" spans="1:16" x14ac:dyDescent="0.15">
      <c r="A2994" s="2" t="s">
        <v>42</v>
      </c>
      <c r="B2994" s="2" t="s">
        <v>3285</v>
      </c>
      <c r="C2994" s="4" t="s">
        <v>6</v>
      </c>
      <c r="D2994" s="5" t="s">
        <v>500</v>
      </c>
      <c r="E2994" s="5" t="s">
        <v>3284</v>
      </c>
      <c r="F2994" s="6" t="s">
        <v>5</v>
      </c>
      <c r="G2994" s="2" t="s">
        <v>3283</v>
      </c>
      <c r="H2994" s="4" t="s">
        <v>9</v>
      </c>
      <c r="I2994" s="5" t="s">
        <v>6</v>
      </c>
      <c r="J2994" s="5" t="s">
        <v>500</v>
      </c>
      <c r="K2994" s="5" t="s">
        <v>3284</v>
      </c>
      <c r="L2994" s="6" t="s">
        <v>5</v>
      </c>
      <c r="M2994" s="2" t="s">
        <v>3287</v>
      </c>
      <c r="N2994" s="3">
        <v>44516</v>
      </c>
      <c r="O2994" s="3">
        <v>44516</v>
      </c>
      <c r="P2994" s="3">
        <v>46904</v>
      </c>
    </row>
    <row r="2995" spans="1:16" x14ac:dyDescent="0.15">
      <c r="A2995" s="2" t="s">
        <v>42</v>
      </c>
      <c r="B2995" s="2" t="s">
        <v>3331</v>
      </c>
      <c r="C2995" s="4" t="s">
        <v>6</v>
      </c>
      <c r="D2995" s="5" t="s">
        <v>3332</v>
      </c>
      <c r="E2995" s="5" t="s">
        <v>3333</v>
      </c>
      <c r="F2995" s="6" t="s">
        <v>5</v>
      </c>
      <c r="G2995" s="2" t="s">
        <v>3329</v>
      </c>
      <c r="H2995" s="4" t="s">
        <v>9</v>
      </c>
      <c r="I2995" s="5" t="s">
        <v>6</v>
      </c>
      <c r="J2995" s="5" t="s">
        <v>3330</v>
      </c>
      <c r="K2995" s="5" t="s">
        <v>5</v>
      </c>
      <c r="L2995" s="6" t="s">
        <v>5</v>
      </c>
      <c r="M2995" s="2" t="s">
        <v>3337</v>
      </c>
      <c r="N2995" s="3">
        <v>43896</v>
      </c>
      <c r="O2995" s="3">
        <v>43896</v>
      </c>
      <c r="P2995" s="3">
        <v>46295</v>
      </c>
    </row>
    <row r="2996" spans="1:16" x14ac:dyDescent="0.15">
      <c r="A2996" s="2" t="s">
        <v>42</v>
      </c>
      <c r="B2996" s="2" t="s">
        <v>3793</v>
      </c>
      <c r="C2996" s="4" t="s">
        <v>6</v>
      </c>
      <c r="D2996" s="5" t="s">
        <v>174</v>
      </c>
      <c r="E2996" s="5" t="s">
        <v>579</v>
      </c>
      <c r="F2996" s="6" t="s">
        <v>3794</v>
      </c>
      <c r="G2996" s="2" t="s">
        <v>3791</v>
      </c>
      <c r="H2996" s="4" t="s">
        <v>9</v>
      </c>
      <c r="I2996" s="5" t="s">
        <v>718</v>
      </c>
      <c r="J2996" s="5" t="s">
        <v>3792</v>
      </c>
      <c r="K2996" s="5" t="s">
        <v>5</v>
      </c>
      <c r="L2996" s="6" t="s">
        <v>5</v>
      </c>
      <c r="M2996" s="2" t="s">
        <v>3795</v>
      </c>
      <c r="N2996" s="3">
        <v>44630</v>
      </c>
      <c r="O2996" s="3">
        <v>44630</v>
      </c>
      <c r="P2996" s="3">
        <v>47026</v>
      </c>
    </row>
    <row r="2997" spans="1:16" x14ac:dyDescent="0.15">
      <c r="A2997" s="2" t="s">
        <v>42</v>
      </c>
      <c r="B2997" s="2" t="s">
        <v>4154</v>
      </c>
      <c r="C2997" s="4" t="s">
        <v>6</v>
      </c>
      <c r="D2997" s="5" t="s">
        <v>2570</v>
      </c>
      <c r="E2997" s="5" t="s">
        <v>4155</v>
      </c>
      <c r="F2997" s="6" t="s">
        <v>5</v>
      </c>
      <c r="G2997" s="2" t="s">
        <v>4144</v>
      </c>
      <c r="H2997" s="4" t="s">
        <v>9</v>
      </c>
      <c r="I2997" s="5" t="s">
        <v>6</v>
      </c>
      <c r="J2997" s="5" t="s">
        <v>4145</v>
      </c>
      <c r="K2997" s="5" t="s">
        <v>4146</v>
      </c>
      <c r="L2997" s="6" t="s">
        <v>5</v>
      </c>
      <c r="M2997" s="2" t="s">
        <v>4157</v>
      </c>
      <c r="N2997" s="3">
        <v>45062</v>
      </c>
      <c r="O2997" s="3">
        <v>45062</v>
      </c>
      <c r="P2997" s="3">
        <v>47573</v>
      </c>
    </row>
    <row r="2998" spans="1:16" x14ac:dyDescent="0.15">
      <c r="A2998" s="2" t="s">
        <v>66</v>
      </c>
      <c r="B2998" s="2" t="s">
        <v>10727</v>
      </c>
      <c r="C2998" s="4" t="s">
        <v>6</v>
      </c>
      <c r="D2998" s="5" t="s">
        <v>2170</v>
      </c>
      <c r="E2998" s="5" t="s">
        <v>10726</v>
      </c>
      <c r="F2998" s="6" t="s">
        <v>5</v>
      </c>
      <c r="G2998" s="2"/>
      <c r="H2998" s="4"/>
      <c r="I2998" s="5"/>
      <c r="J2998" s="5"/>
      <c r="K2998" s="5"/>
      <c r="L2998" s="6"/>
      <c r="M2998" s="2" t="s">
        <v>10728</v>
      </c>
      <c r="N2998" s="3">
        <v>37876</v>
      </c>
      <c r="O2998" s="3">
        <v>45413</v>
      </c>
      <c r="P2998" s="3">
        <v>47238</v>
      </c>
    </row>
    <row r="2999" spans="1:16" x14ac:dyDescent="0.15">
      <c r="A2999" s="2" t="s">
        <v>49</v>
      </c>
      <c r="B2999" s="2" t="s">
        <v>10729</v>
      </c>
      <c r="C2999" s="4" t="s">
        <v>6</v>
      </c>
      <c r="D2999" s="5" t="s">
        <v>1027</v>
      </c>
      <c r="E2999" s="5" t="s">
        <v>2818</v>
      </c>
      <c r="F2999" s="6" t="s">
        <v>10730</v>
      </c>
      <c r="G2999" s="2"/>
      <c r="H2999" s="4"/>
      <c r="I2999" s="5"/>
      <c r="J2999" s="5"/>
      <c r="K2999" s="5"/>
      <c r="L2999" s="6"/>
      <c r="M2999" s="2" t="s">
        <v>10731</v>
      </c>
      <c r="N2999" s="3">
        <v>45366</v>
      </c>
      <c r="O2999" s="3">
        <v>45366</v>
      </c>
      <c r="P2999" s="3">
        <v>47817</v>
      </c>
    </row>
    <row r="3000" spans="1:16" x14ac:dyDescent="0.15">
      <c r="A3000" s="2" t="s">
        <v>42</v>
      </c>
      <c r="B3000" s="2" t="s">
        <v>4250</v>
      </c>
      <c r="C3000" s="4" t="s">
        <v>6</v>
      </c>
      <c r="D3000" s="5" t="s">
        <v>4251</v>
      </c>
      <c r="E3000" s="5" t="s">
        <v>5</v>
      </c>
      <c r="F3000" s="6" t="s">
        <v>5</v>
      </c>
      <c r="G3000" s="2" t="s">
        <v>4250</v>
      </c>
      <c r="H3000" s="4" t="s">
        <v>9</v>
      </c>
      <c r="I3000" s="5" t="s">
        <v>6</v>
      </c>
      <c r="J3000" s="5" t="s">
        <v>4251</v>
      </c>
      <c r="K3000" s="5" t="s">
        <v>5</v>
      </c>
      <c r="L3000" s="6" t="s">
        <v>5</v>
      </c>
      <c r="M3000" s="2" t="s">
        <v>4252</v>
      </c>
      <c r="N3000" s="3">
        <v>31751</v>
      </c>
      <c r="O3000" s="3">
        <v>44652</v>
      </c>
      <c r="P3000" s="3">
        <v>46843</v>
      </c>
    </row>
    <row r="3001" spans="1:16" x14ac:dyDescent="0.15">
      <c r="A3001" s="2" t="s">
        <v>49</v>
      </c>
      <c r="B3001" s="2" t="s">
        <v>10738</v>
      </c>
      <c r="C3001" s="4" t="s">
        <v>6</v>
      </c>
      <c r="D3001" s="5" t="s">
        <v>9071</v>
      </c>
      <c r="E3001" s="5" t="s">
        <v>10693</v>
      </c>
      <c r="F3001" s="6" t="s">
        <v>5</v>
      </c>
      <c r="G3001" s="2"/>
      <c r="H3001" s="4"/>
      <c r="I3001" s="5"/>
      <c r="J3001" s="5"/>
      <c r="K3001" s="5"/>
      <c r="L3001" s="6"/>
      <c r="M3001" s="2" t="s">
        <v>10739</v>
      </c>
      <c r="N3001" s="3">
        <v>31760</v>
      </c>
      <c r="O3001" s="3">
        <v>45383</v>
      </c>
      <c r="P3001" s="3">
        <v>47208</v>
      </c>
    </row>
    <row r="3002" spans="1:16" x14ac:dyDescent="0.15">
      <c r="A3002" s="2" t="s">
        <v>42</v>
      </c>
      <c r="B3002" s="2" t="s">
        <v>4254</v>
      </c>
      <c r="C3002" s="4" t="s">
        <v>6</v>
      </c>
      <c r="D3002" s="5" t="s">
        <v>1148</v>
      </c>
      <c r="E3002" s="5" t="s">
        <v>3383</v>
      </c>
      <c r="F3002" s="6" t="s">
        <v>5</v>
      </c>
      <c r="G3002" s="2" t="s">
        <v>4253</v>
      </c>
      <c r="H3002" s="4" t="s">
        <v>9</v>
      </c>
      <c r="I3002" s="5" t="s">
        <v>6</v>
      </c>
      <c r="J3002" s="5" t="s">
        <v>1148</v>
      </c>
      <c r="K3002" s="5" t="s">
        <v>3383</v>
      </c>
      <c r="L3002" s="6" t="s">
        <v>5</v>
      </c>
      <c r="M3002" s="2" t="s">
        <v>4255</v>
      </c>
      <c r="N3002" s="3">
        <v>39170</v>
      </c>
      <c r="O3002" s="3">
        <v>44652</v>
      </c>
      <c r="P3002" s="3">
        <v>46477</v>
      </c>
    </row>
    <row r="3003" spans="1:16" x14ac:dyDescent="0.15">
      <c r="A3003" s="2" t="s">
        <v>49</v>
      </c>
      <c r="B3003" s="2" t="s">
        <v>10745</v>
      </c>
      <c r="C3003" s="4" t="s">
        <v>6</v>
      </c>
      <c r="D3003" s="5" t="s">
        <v>3544</v>
      </c>
      <c r="E3003" s="5" t="s">
        <v>10744</v>
      </c>
      <c r="F3003" s="6" t="s">
        <v>5</v>
      </c>
      <c r="G3003" s="2"/>
      <c r="H3003" s="4"/>
      <c r="I3003" s="5"/>
      <c r="J3003" s="5"/>
      <c r="K3003" s="5"/>
      <c r="L3003" s="6"/>
      <c r="M3003" s="2" t="s">
        <v>10746</v>
      </c>
      <c r="N3003" s="3">
        <v>36125</v>
      </c>
      <c r="O3003" s="3">
        <v>45383</v>
      </c>
      <c r="P3003" s="3">
        <v>47208</v>
      </c>
    </row>
    <row r="3004" spans="1:16" x14ac:dyDescent="0.15">
      <c r="A3004" s="2" t="s">
        <v>49</v>
      </c>
      <c r="B3004" s="2" t="s">
        <v>10747</v>
      </c>
      <c r="C3004" s="4" t="s">
        <v>6</v>
      </c>
      <c r="D3004" s="5" t="s">
        <v>936</v>
      </c>
      <c r="E3004" s="5" t="s">
        <v>10748</v>
      </c>
      <c r="F3004" s="6" t="s">
        <v>5</v>
      </c>
      <c r="G3004" s="2"/>
      <c r="H3004" s="4"/>
      <c r="I3004" s="5"/>
      <c r="J3004" s="5"/>
      <c r="K3004" s="5"/>
      <c r="L3004" s="6"/>
      <c r="M3004" s="2" t="s">
        <v>10749</v>
      </c>
      <c r="N3004" s="3">
        <v>34169</v>
      </c>
      <c r="O3004" s="3">
        <v>45383</v>
      </c>
      <c r="P3004" s="3">
        <v>47573</v>
      </c>
    </row>
    <row r="3005" spans="1:16" x14ac:dyDescent="0.15">
      <c r="A3005" s="2" t="s">
        <v>49</v>
      </c>
      <c r="B3005" s="2" t="s">
        <v>10750</v>
      </c>
      <c r="C3005" s="4" t="s">
        <v>6</v>
      </c>
      <c r="D3005" s="5" t="s">
        <v>997</v>
      </c>
      <c r="E3005" s="5" t="s">
        <v>10751</v>
      </c>
      <c r="F3005" s="6" t="s">
        <v>5</v>
      </c>
      <c r="G3005" s="2"/>
      <c r="H3005" s="4"/>
      <c r="I3005" s="5"/>
      <c r="J3005" s="5"/>
      <c r="K3005" s="5"/>
      <c r="L3005" s="6"/>
      <c r="M3005" s="2" t="s">
        <v>10752</v>
      </c>
      <c r="N3005" s="3">
        <v>43202</v>
      </c>
      <c r="O3005" s="3">
        <v>45383</v>
      </c>
      <c r="P3005" s="3">
        <v>47208</v>
      </c>
    </row>
    <row r="3006" spans="1:16" x14ac:dyDescent="0.15">
      <c r="A3006" s="2" t="s">
        <v>16</v>
      </c>
      <c r="B3006" s="2" t="s">
        <v>10753</v>
      </c>
      <c r="C3006" s="4" t="s">
        <v>6</v>
      </c>
      <c r="D3006" s="5" t="s">
        <v>10754</v>
      </c>
      <c r="E3006" s="5" t="s">
        <v>10755</v>
      </c>
      <c r="F3006" s="6" t="s">
        <v>5</v>
      </c>
      <c r="G3006" s="2"/>
      <c r="H3006" s="4"/>
      <c r="I3006" s="5"/>
      <c r="J3006" s="5"/>
      <c r="K3006" s="5"/>
      <c r="L3006" s="6"/>
      <c r="M3006" s="2" t="s">
        <v>10756</v>
      </c>
      <c r="N3006" s="3">
        <v>42948</v>
      </c>
      <c r="O3006" s="3">
        <v>45383</v>
      </c>
      <c r="P3006" s="3">
        <v>47573</v>
      </c>
    </row>
    <row r="3007" spans="1:16" x14ac:dyDescent="0.15">
      <c r="A3007" s="2" t="s">
        <v>42</v>
      </c>
      <c r="B3007" s="2" t="s">
        <v>4257</v>
      </c>
      <c r="C3007" s="4" t="s">
        <v>6</v>
      </c>
      <c r="D3007" s="5" t="s">
        <v>1148</v>
      </c>
      <c r="E3007" s="5" t="s">
        <v>3383</v>
      </c>
      <c r="F3007" s="6" t="s">
        <v>5</v>
      </c>
      <c r="G3007" s="2" t="s">
        <v>4253</v>
      </c>
      <c r="H3007" s="4" t="s">
        <v>9</v>
      </c>
      <c r="I3007" s="5" t="s">
        <v>6</v>
      </c>
      <c r="J3007" s="5" t="s">
        <v>1148</v>
      </c>
      <c r="K3007" s="5" t="s">
        <v>3383</v>
      </c>
      <c r="L3007" s="6" t="s">
        <v>5</v>
      </c>
      <c r="M3007" s="2" t="s">
        <v>4258</v>
      </c>
      <c r="N3007" s="3">
        <v>39170</v>
      </c>
      <c r="O3007" s="3">
        <v>44652</v>
      </c>
      <c r="P3007" s="3">
        <v>46477</v>
      </c>
    </row>
    <row r="3008" spans="1:16" x14ac:dyDescent="0.15">
      <c r="A3008" s="2" t="s">
        <v>42</v>
      </c>
      <c r="B3008" s="2" t="s">
        <v>4386</v>
      </c>
      <c r="C3008" s="4" t="s">
        <v>6</v>
      </c>
      <c r="D3008" s="5" t="s">
        <v>1148</v>
      </c>
      <c r="E3008" s="5" t="s">
        <v>4393</v>
      </c>
      <c r="F3008" s="6" t="s">
        <v>5</v>
      </c>
      <c r="G3008" s="2" t="s">
        <v>4386</v>
      </c>
      <c r="H3008" s="4" t="s">
        <v>9</v>
      </c>
      <c r="I3008" s="5" t="s">
        <v>6</v>
      </c>
      <c r="J3008" s="5" t="s">
        <v>4387</v>
      </c>
      <c r="K3008" s="5" t="s">
        <v>5</v>
      </c>
      <c r="L3008" s="6" t="s">
        <v>5</v>
      </c>
      <c r="M3008" s="2" t="s">
        <v>4394</v>
      </c>
      <c r="N3008" s="3">
        <v>35706</v>
      </c>
      <c r="O3008" s="3">
        <v>45383</v>
      </c>
      <c r="P3008" s="3">
        <v>47573</v>
      </c>
    </row>
    <row r="3009" spans="1:16" x14ac:dyDescent="0.15">
      <c r="A3009" s="2" t="s">
        <v>42</v>
      </c>
      <c r="B3009" s="2" t="s">
        <v>4447</v>
      </c>
      <c r="C3009" s="4" t="s">
        <v>6</v>
      </c>
      <c r="D3009" s="5" t="s">
        <v>4448</v>
      </c>
      <c r="E3009" s="5" t="s">
        <v>4449</v>
      </c>
      <c r="F3009" s="6" t="s">
        <v>5</v>
      </c>
      <c r="G3009" s="2" t="s">
        <v>4434</v>
      </c>
      <c r="H3009" s="4" t="s">
        <v>9</v>
      </c>
      <c r="I3009" s="5" t="s">
        <v>6</v>
      </c>
      <c r="J3009" s="5" t="s">
        <v>4435</v>
      </c>
      <c r="K3009" s="5" t="s">
        <v>4436</v>
      </c>
      <c r="L3009" s="6" t="s">
        <v>5</v>
      </c>
      <c r="M3009" s="2" t="s">
        <v>4450</v>
      </c>
      <c r="N3009" s="3">
        <v>40427</v>
      </c>
      <c r="O3009" s="3">
        <v>45108</v>
      </c>
      <c r="P3009" s="3">
        <v>47299</v>
      </c>
    </row>
    <row r="3010" spans="1:16" x14ac:dyDescent="0.15">
      <c r="A3010" s="2" t="s">
        <v>49</v>
      </c>
      <c r="B3010" s="2" t="s">
        <v>10763</v>
      </c>
      <c r="C3010" s="4" t="s">
        <v>6</v>
      </c>
      <c r="D3010" s="5" t="s">
        <v>10620</v>
      </c>
      <c r="E3010" s="5" t="s">
        <v>8322</v>
      </c>
      <c r="F3010" s="6" t="s">
        <v>5</v>
      </c>
      <c r="G3010" s="2"/>
      <c r="H3010" s="4"/>
      <c r="I3010" s="5"/>
      <c r="J3010" s="5"/>
      <c r="K3010" s="5"/>
      <c r="L3010" s="6"/>
      <c r="M3010" s="2" t="s">
        <v>10764</v>
      </c>
      <c r="N3010" s="3">
        <v>31535</v>
      </c>
      <c r="O3010" s="3">
        <v>45413</v>
      </c>
      <c r="P3010" s="3">
        <v>47238</v>
      </c>
    </row>
    <row r="3011" spans="1:16" x14ac:dyDescent="0.15">
      <c r="A3011" s="2" t="s">
        <v>42</v>
      </c>
      <c r="B3011" s="2" t="s">
        <v>4695</v>
      </c>
      <c r="C3011" s="4" t="s">
        <v>6</v>
      </c>
      <c r="D3011" s="5" t="s">
        <v>4693</v>
      </c>
      <c r="E3011" s="5" t="s">
        <v>3557</v>
      </c>
      <c r="F3011" s="6" t="s">
        <v>5</v>
      </c>
      <c r="G3011" s="2" t="s">
        <v>4691</v>
      </c>
      <c r="H3011" s="4" t="s">
        <v>9</v>
      </c>
      <c r="I3011" s="5" t="s">
        <v>6</v>
      </c>
      <c r="J3011" s="5" t="s">
        <v>2356</v>
      </c>
      <c r="K3011" s="5" t="s">
        <v>4692</v>
      </c>
      <c r="L3011" s="6" t="s">
        <v>5</v>
      </c>
      <c r="M3011" s="2" t="s">
        <v>4696</v>
      </c>
      <c r="N3011" s="3">
        <v>45351</v>
      </c>
      <c r="O3011" s="3">
        <v>45351</v>
      </c>
      <c r="P3011" s="3">
        <v>47573</v>
      </c>
    </row>
    <row r="3012" spans="1:16" x14ac:dyDescent="0.15">
      <c r="A3012" s="2" t="s">
        <v>49</v>
      </c>
      <c r="B3012" s="2" t="s">
        <v>10768</v>
      </c>
      <c r="C3012" s="4" t="s">
        <v>6</v>
      </c>
      <c r="D3012" s="5" t="s">
        <v>10769</v>
      </c>
      <c r="E3012" s="5" t="s">
        <v>5</v>
      </c>
      <c r="F3012" s="6" t="s">
        <v>5</v>
      </c>
      <c r="G3012" s="2"/>
      <c r="H3012" s="4"/>
      <c r="I3012" s="5"/>
      <c r="J3012" s="5"/>
      <c r="K3012" s="5"/>
      <c r="L3012" s="6"/>
      <c r="M3012" s="2" t="s">
        <v>10770</v>
      </c>
      <c r="N3012" s="3">
        <v>45366</v>
      </c>
      <c r="O3012" s="3">
        <v>45366</v>
      </c>
      <c r="P3012" s="3">
        <v>47573</v>
      </c>
    </row>
    <row r="3013" spans="1:16" x14ac:dyDescent="0.15">
      <c r="A3013" s="2" t="s">
        <v>49</v>
      </c>
      <c r="B3013" s="2" t="s">
        <v>10771</v>
      </c>
      <c r="C3013" s="4" t="s">
        <v>6</v>
      </c>
      <c r="D3013" s="5" t="s">
        <v>1027</v>
      </c>
      <c r="E3013" s="5" t="s">
        <v>2818</v>
      </c>
      <c r="F3013" s="6" t="s">
        <v>10772</v>
      </c>
      <c r="G3013" s="2"/>
      <c r="H3013" s="4"/>
      <c r="I3013" s="5"/>
      <c r="J3013" s="5"/>
      <c r="K3013" s="5"/>
      <c r="L3013" s="6"/>
      <c r="M3013" s="2" t="s">
        <v>10773</v>
      </c>
      <c r="N3013" s="3">
        <v>45366</v>
      </c>
      <c r="O3013" s="3">
        <v>45366</v>
      </c>
      <c r="P3013" s="3">
        <v>47452</v>
      </c>
    </row>
    <row r="3014" spans="1:16" x14ac:dyDescent="0.15">
      <c r="A3014" s="2" t="s">
        <v>49</v>
      </c>
      <c r="B3014" s="2" t="s">
        <v>10775</v>
      </c>
      <c r="C3014" s="4" t="s">
        <v>6</v>
      </c>
      <c r="D3014" s="5" t="s">
        <v>4648</v>
      </c>
      <c r="E3014" s="5" t="s">
        <v>10774</v>
      </c>
      <c r="F3014" s="6" t="s">
        <v>5</v>
      </c>
      <c r="G3014" s="2"/>
      <c r="H3014" s="4"/>
      <c r="I3014" s="5"/>
      <c r="J3014" s="5"/>
      <c r="K3014" s="5"/>
      <c r="L3014" s="6"/>
      <c r="M3014" s="2" t="s">
        <v>10776</v>
      </c>
      <c r="N3014" s="3">
        <v>29859</v>
      </c>
      <c r="O3014" s="3">
        <v>45413</v>
      </c>
      <c r="P3014" s="3">
        <v>47603</v>
      </c>
    </row>
    <row r="3015" spans="1:16" x14ac:dyDescent="0.15">
      <c r="A3015" s="2" t="s">
        <v>49</v>
      </c>
      <c r="B3015" s="2" t="s">
        <v>10777</v>
      </c>
      <c r="C3015" s="4" t="s">
        <v>6</v>
      </c>
      <c r="D3015" s="5" t="s">
        <v>45</v>
      </c>
      <c r="E3015" s="5" t="s">
        <v>10778</v>
      </c>
      <c r="F3015" s="6" t="s">
        <v>10779</v>
      </c>
      <c r="G3015" s="2"/>
      <c r="H3015" s="4"/>
      <c r="I3015" s="5"/>
      <c r="J3015" s="5"/>
      <c r="K3015" s="5"/>
      <c r="L3015" s="6"/>
      <c r="M3015" s="2" t="s">
        <v>10780</v>
      </c>
      <c r="N3015" s="3">
        <v>45383</v>
      </c>
      <c r="O3015" s="3">
        <v>45383</v>
      </c>
      <c r="P3015" s="3">
        <v>47817</v>
      </c>
    </row>
    <row r="3016" spans="1:16" x14ac:dyDescent="0.15">
      <c r="A3016" s="2" t="s">
        <v>42</v>
      </c>
      <c r="B3016" s="2" t="s">
        <v>4819</v>
      </c>
      <c r="C3016" s="4" t="s">
        <v>6</v>
      </c>
      <c r="D3016" s="5" t="s">
        <v>1081</v>
      </c>
      <c r="E3016" s="5" t="s">
        <v>4821</v>
      </c>
      <c r="F3016" s="6" t="s">
        <v>5</v>
      </c>
      <c r="G3016" s="2" t="s">
        <v>4819</v>
      </c>
      <c r="H3016" s="4" t="s">
        <v>9</v>
      </c>
      <c r="I3016" s="5" t="s">
        <v>6</v>
      </c>
      <c r="J3016" s="5" t="s">
        <v>2243</v>
      </c>
      <c r="K3016" s="5" t="s">
        <v>4820</v>
      </c>
      <c r="L3016" s="6" t="s">
        <v>5</v>
      </c>
      <c r="M3016" s="2" t="s">
        <v>4822</v>
      </c>
      <c r="N3016" s="3">
        <v>40740</v>
      </c>
      <c r="O3016" s="3">
        <v>44682</v>
      </c>
      <c r="P3016" s="3">
        <v>46507</v>
      </c>
    </row>
    <row r="3017" spans="1:16" x14ac:dyDescent="0.15">
      <c r="A3017" s="2" t="s">
        <v>49</v>
      </c>
      <c r="B3017" s="2" t="s">
        <v>10786</v>
      </c>
      <c r="C3017" s="4" t="s">
        <v>6</v>
      </c>
      <c r="D3017" s="5" t="s">
        <v>207</v>
      </c>
      <c r="E3017" s="5" t="s">
        <v>8497</v>
      </c>
      <c r="F3017" s="6" t="s">
        <v>5</v>
      </c>
      <c r="G3017" s="2"/>
      <c r="H3017" s="4"/>
      <c r="I3017" s="5"/>
      <c r="J3017" s="5"/>
      <c r="K3017" s="5"/>
      <c r="L3017" s="6"/>
      <c r="M3017" s="2" t="s">
        <v>10787</v>
      </c>
      <c r="N3017" s="3">
        <v>39665</v>
      </c>
      <c r="O3017" s="3">
        <v>45413</v>
      </c>
      <c r="P3017" s="3">
        <v>47238</v>
      </c>
    </row>
    <row r="3018" spans="1:16" x14ac:dyDescent="0.15">
      <c r="A3018" s="2" t="s">
        <v>49</v>
      </c>
      <c r="B3018" s="2" t="s">
        <v>10788</v>
      </c>
      <c r="C3018" s="4" t="s">
        <v>6</v>
      </c>
      <c r="D3018" s="5" t="s">
        <v>601</v>
      </c>
      <c r="E3018" s="5" t="s">
        <v>10789</v>
      </c>
      <c r="F3018" s="6" t="s">
        <v>10790</v>
      </c>
      <c r="G3018" s="2"/>
      <c r="H3018" s="4"/>
      <c r="I3018" s="5"/>
      <c r="J3018" s="5"/>
      <c r="K3018" s="5"/>
      <c r="L3018" s="6"/>
      <c r="M3018" s="2" t="s">
        <v>10791</v>
      </c>
      <c r="N3018" s="3">
        <v>33192</v>
      </c>
      <c r="O3018" s="3">
        <v>45413</v>
      </c>
      <c r="P3018" s="3">
        <v>47238</v>
      </c>
    </row>
    <row r="3019" spans="1:16" x14ac:dyDescent="0.15">
      <c r="A3019" s="2" t="s">
        <v>1572</v>
      </c>
      <c r="B3019" s="2" t="s">
        <v>10794</v>
      </c>
      <c r="C3019" s="4" t="s">
        <v>6</v>
      </c>
      <c r="D3019" s="5" t="s">
        <v>10792</v>
      </c>
      <c r="E3019" s="5" t="s">
        <v>10793</v>
      </c>
      <c r="F3019" s="6" t="s">
        <v>5</v>
      </c>
      <c r="G3019" s="2"/>
      <c r="H3019" s="4"/>
      <c r="I3019" s="5"/>
      <c r="J3019" s="5"/>
      <c r="K3019" s="5"/>
      <c r="L3019" s="6"/>
      <c r="M3019" s="2" t="s">
        <v>10795</v>
      </c>
      <c r="N3019" s="3">
        <v>34500</v>
      </c>
      <c r="O3019" s="3">
        <v>45413</v>
      </c>
      <c r="P3019" s="3">
        <v>47238</v>
      </c>
    </row>
    <row r="3020" spans="1:16" x14ac:dyDescent="0.15">
      <c r="A3020" s="2" t="s">
        <v>49</v>
      </c>
      <c r="B3020" s="2" t="s">
        <v>10797</v>
      </c>
      <c r="C3020" s="4" t="s">
        <v>6</v>
      </c>
      <c r="D3020" s="5" t="s">
        <v>3544</v>
      </c>
      <c r="E3020" s="5" t="s">
        <v>10796</v>
      </c>
      <c r="F3020" s="6" t="s">
        <v>5</v>
      </c>
      <c r="G3020" s="2"/>
      <c r="H3020" s="4"/>
      <c r="I3020" s="5"/>
      <c r="J3020" s="5"/>
      <c r="K3020" s="5"/>
      <c r="L3020" s="6"/>
      <c r="M3020" s="2" t="s">
        <v>10798</v>
      </c>
      <c r="N3020" s="3">
        <v>45383</v>
      </c>
      <c r="O3020" s="3">
        <v>45383</v>
      </c>
      <c r="P3020" s="3">
        <v>47208</v>
      </c>
    </row>
    <row r="3021" spans="1:16" x14ac:dyDescent="0.15">
      <c r="A3021" s="2" t="s">
        <v>49</v>
      </c>
      <c r="B3021" s="2" t="s">
        <v>10799</v>
      </c>
      <c r="C3021" s="4" t="s">
        <v>6</v>
      </c>
      <c r="D3021" s="5" t="s">
        <v>456</v>
      </c>
      <c r="E3021" s="5" t="s">
        <v>520</v>
      </c>
      <c r="F3021" s="6" t="s">
        <v>5</v>
      </c>
      <c r="G3021" s="2"/>
      <c r="H3021" s="4"/>
      <c r="I3021" s="5"/>
      <c r="J3021" s="5"/>
      <c r="K3021" s="5"/>
      <c r="L3021" s="6"/>
      <c r="M3021" s="2" t="s">
        <v>10800</v>
      </c>
      <c r="N3021" s="3">
        <v>45365</v>
      </c>
      <c r="O3021" s="3">
        <v>45365</v>
      </c>
      <c r="P3021" s="3">
        <v>47269</v>
      </c>
    </row>
    <row r="3022" spans="1:16" x14ac:dyDescent="0.15">
      <c r="A3022" s="2" t="s">
        <v>42</v>
      </c>
      <c r="B3022" s="2" t="s">
        <v>4893</v>
      </c>
      <c r="C3022" s="4" t="s">
        <v>6</v>
      </c>
      <c r="D3022" s="5" t="s">
        <v>464</v>
      </c>
      <c r="E3022" s="5" t="s">
        <v>4306</v>
      </c>
      <c r="F3022" s="6" t="s">
        <v>4894</v>
      </c>
      <c r="G3022" s="2" t="s">
        <v>4891</v>
      </c>
      <c r="H3022" s="4" t="s">
        <v>9</v>
      </c>
      <c r="I3022" s="5" t="s">
        <v>6</v>
      </c>
      <c r="J3022" s="5" t="s">
        <v>2350</v>
      </c>
      <c r="K3022" s="5" t="s">
        <v>4892</v>
      </c>
      <c r="L3022" s="6" t="s">
        <v>5</v>
      </c>
      <c r="M3022" s="2" t="s">
        <v>4895</v>
      </c>
      <c r="N3022" s="3">
        <v>44659</v>
      </c>
      <c r="O3022" s="3">
        <v>44659</v>
      </c>
      <c r="P3022" s="3">
        <v>46904</v>
      </c>
    </row>
    <row r="3023" spans="1:16" x14ac:dyDescent="0.15">
      <c r="A3023" s="2" t="s">
        <v>42</v>
      </c>
      <c r="B3023" s="2" t="s">
        <v>4900</v>
      </c>
      <c r="C3023" s="4" t="s">
        <v>6</v>
      </c>
      <c r="D3023" s="5" t="s">
        <v>1773</v>
      </c>
      <c r="E3023" s="5" t="s">
        <v>3021</v>
      </c>
      <c r="F3023" s="6" t="s">
        <v>4901</v>
      </c>
      <c r="G3023" s="2" t="s">
        <v>4898</v>
      </c>
      <c r="H3023" s="4" t="s">
        <v>9</v>
      </c>
      <c r="I3023" s="5" t="s">
        <v>6</v>
      </c>
      <c r="J3023" s="5" t="s">
        <v>2742</v>
      </c>
      <c r="K3023" s="5" t="s">
        <v>4899</v>
      </c>
      <c r="L3023" s="6" t="s">
        <v>5</v>
      </c>
      <c r="M3023" s="2" t="s">
        <v>4902</v>
      </c>
      <c r="N3023" s="3">
        <v>44659</v>
      </c>
      <c r="O3023" s="3">
        <v>44659</v>
      </c>
      <c r="P3023" s="3">
        <v>46904</v>
      </c>
    </row>
    <row r="3024" spans="1:16" x14ac:dyDescent="0.15">
      <c r="A3024" s="2" t="s">
        <v>42</v>
      </c>
      <c r="B3024" s="2" t="s">
        <v>4906</v>
      </c>
      <c r="C3024" s="4" t="s">
        <v>6</v>
      </c>
      <c r="D3024" s="5" t="s">
        <v>4907</v>
      </c>
      <c r="E3024" s="5" t="s">
        <v>4908</v>
      </c>
      <c r="F3024" s="6" t="s">
        <v>5</v>
      </c>
      <c r="G3024" s="2" t="s">
        <v>4906</v>
      </c>
      <c r="H3024" s="4" t="s">
        <v>9</v>
      </c>
      <c r="I3024" s="5" t="s">
        <v>6</v>
      </c>
      <c r="J3024" s="5" t="s">
        <v>4907</v>
      </c>
      <c r="K3024" s="5" t="s">
        <v>4908</v>
      </c>
      <c r="L3024" s="6" t="s">
        <v>5</v>
      </c>
      <c r="M3024" s="2" t="s">
        <v>4910</v>
      </c>
      <c r="N3024" s="3">
        <v>40261</v>
      </c>
      <c r="O3024" s="3">
        <v>44682</v>
      </c>
      <c r="P3024" s="3">
        <v>46873</v>
      </c>
    </row>
    <row r="3025" spans="1:16" x14ac:dyDescent="0.15">
      <c r="A3025" s="2" t="s">
        <v>42</v>
      </c>
      <c r="B3025" s="2" t="s">
        <v>5170</v>
      </c>
      <c r="C3025" s="4" t="s">
        <v>6</v>
      </c>
      <c r="D3025" s="5" t="s">
        <v>4502</v>
      </c>
      <c r="E3025" s="5" t="s">
        <v>5169</v>
      </c>
      <c r="F3025" s="6" t="s">
        <v>5</v>
      </c>
      <c r="G3025" s="2" t="s">
        <v>5168</v>
      </c>
      <c r="H3025" s="4" t="s">
        <v>9</v>
      </c>
      <c r="I3025" s="5" t="s">
        <v>6</v>
      </c>
      <c r="J3025" s="5" t="s">
        <v>4502</v>
      </c>
      <c r="K3025" s="5" t="s">
        <v>5169</v>
      </c>
      <c r="L3025" s="6" t="s">
        <v>5</v>
      </c>
      <c r="M3025" s="2" t="s">
        <v>5171</v>
      </c>
      <c r="N3025" s="3">
        <v>31716</v>
      </c>
      <c r="O3025" s="3">
        <v>44682</v>
      </c>
      <c r="P3025" s="3">
        <v>46873</v>
      </c>
    </row>
    <row r="3026" spans="1:16" x14ac:dyDescent="0.15">
      <c r="A3026" s="2" t="s">
        <v>49</v>
      </c>
      <c r="B3026" s="2" t="s">
        <v>10828</v>
      </c>
      <c r="C3026" s="4" t="s">
        <v>6</v>
      </c>
      <c r="D3026" s="5" t="s">
        <v>842</v>
      </c>
      <c r="E3026" s="5" t="s">
        <v>10827</v>
      </c>
      <c r="F3026" s="6" t="s">
        <v>5</v>
      </c>
      <c r="G3026" s="2"/>
      <c r="H3026" s="4"/>
      <c r="I3026" s="5"/>
      <c r="J3026" s="5"/>
      <c r="K3026" s="5"/>
      <c r="L3026" s="6"/>
      <c r="M3026" s="2" t="s">
        <v>10829</v>
      </c>
      <c r="N3026" s="3">
        <v>40862</v>
      </c>
      <c r="O3026" s="3">
        <v>45383</v>
      </c>
      <c r="P3026" s="3">
        <v>47573</v>
      </c>
    </row>
    <row r="3027" spans="1:16" x14ac:dyDescent="0.15">
      <c r="A3027" s="2" t="s">
        <v>16</v>
      </c>
      <c r="B3027" s="2" t="s">
        <v>10832</v>
      </c>
      <c r="C3027" s="4" t="s">
        <v>6</v>
      </c>
      <c r="D3027" s="5" t="s">
        <v>10830</v>
      </c>
      <c r="E3027" s="5" t="s">
        <v>10831</v>
      </c>
      <c r="F3027" s="6" t="s">
        <v>5</v>
      </c>
      <c r="G3027" s="2"/>
      <c r="H3027" s="4"/>
      <c r="I3027" s="5"/>
      <c r="J3027" s="5"/>
      <c r="K3027" s="5"/>
      <c r="L3027" s="6"/>
      <c r="M3027" s="2" t="s">
        <v>10833</v>
      </c>
      <c r="N3027" s="3">
        <v>45379</v>
      </c>
      <c r="O3027" s="3">
        <v>45379</v>
      </c>
      <c r="P3027" s="3">
        <v>47208</v>
      </c>
    </row>
    <row r="3028" spans="1:16" x14ac:dyDescent="0.15">
      <c r="A3028" s="2" t="s">
        <v>49</v>
      </c>
      <c r="B3028" s="2" t="s">
        <v>10835</v>
      </c>
      <c r="C3028" s="4" t="s">
        <v>6</v>
      </c>
      <c r="D3028" s="5" t="s">
        <v>570</v>
      </c>
      <c r="E3028" s="5" t="s">
        <v>10834</v>
      </c>
      <c r="F3028" s="6" t="s">
        <v>5</v>
      </c>
      <c r="G3028" s="2"/>
      <c r="H3028" s="4"/>
      <c r="I3028" s="5"/>
      <c r="J3028" s="5"/>
      <c r="K3028" s="5"/>
      <c r="L3028" s="6"/>
      <c r="M3028" s="2" t="s">
        <v>10836</v>
      </c>
      <c r="N3028" s="3">
        <v>36502</v>
      </c>
      <c r="O3028" s="3">
        <v>45413</v>
      </c>
      <c r="P3028" s="3">
        <v>47603</v>
      </c>
    </row>
    <row r="3029" spans="1:16" x14ac:dyDescent="0.15">
      <c r="A3029" s="2" t="s">
        <v>49</v>
      </c>
      <c r="B3029" s="2" t="s">
        <v>10837</v>
      </c>
      <c r="C3029" s="4" t="s">
        <v>6</v>
      </c>
      <c r="D3029" s="5" t="s">
        <v>1498</v>
      </c>
      <c r="E3029" s="5" t="s">
        <v>10838</v>
      </c>
      <c r="F3029" s="6" t="s">
        <v>5</v>
      </c>
      <c r="G3029" s="2"/>
      <c r="H3029" s="4"/>
      <c r="I3029" s="5"/>
      <c r="J3029" s="5"/>
      <c r="K3029" s="5"/>
      <c r="L3029" s="6"/>
      <c r="M3029" s="2" t="s">
        <v>10839</v>
      </c>
      <c r="N3029" s="3">
        <v>43159</v>
      </c>
      <c r="O3029" s="3">
        <v>45413</v>
      </c>
      <c r="P3029" s="3">
        <v>47603</v>
      </c>
    </row>
    <row r="3030" spans="1:16" x14ac:dyDescent="0.15">
      <c r="A3030" s="2" t="s">
        <v>42</v>
      </c>
      <c r="B3030" s="2" t="s">
        <v>5204</v>
      </c>
      <c r="C3030" s="4" t="s">
        <v>6</v>
      </c>
      <c r="D3030" s="5" t="s">
        <v>2134</v>
      </c>
      <c r="E3030" s="5" t="s">
        <v>5205</v>
      </c>
      <c r="F3030" s="6" t="s">
        <v>5</v>
      </c>
      <c r="G3030" s="2" t="s">
        <v>5202</v>
      </c>
      <c r="H3030" s="4" t="s">
        <v>9</v>
      </c>
      <c r="I3030" s="5" t="s">
        <v>6</v>
      </c>
      <c r="J3030" s="5" t="s">
        <v>5203</v>
      </c>
      <c r="K3030" s="5" t="s">
        <v>5</v>
      </c>
      <c r="L3030" s="6" t="s">
        <v>5</v>
      </c>
      <c r="M3030" s="2" t="s">
        <v>5207</v>
      </c>
      <c r="N3030" s="3">
        <v>44699</v>
      </c>
      <c r="O3030" s="3">
        <v>44699</v>
      </c>
      <c r="P3030" s="3">
        <v>46934</v>
      </c>
    </row>
    <row r="3031" spans="1:16" x14ac:dyDescent="0.15">
      <c r="A3031" s="2" t="s">
        <v>16</v>
      </c>
      <c r="B3031" s="2" t="s">
        <v>10844</v>
      </c>
      <c r="C3031" s="4" t="s">
        <v>6</v>
      </c>
      <c r="D3031" s="5" t="s">
        <v>7703</v>
      </c>
      <c r="E3031" s="5" t="s">
        <v>10845</v>
      </c>
      <c r="F3031" s="6" t="s">
        <v>5</v>
      </c>
      <c r="G3031" s="2"/>
      <c r="H3031" s="4"/>
      <c r="I3031" s="5"/>
      <c r="J3031" s="5"/>
      <c r="K3031" s="5"/>
      <c r="L3031" s="6"/>
      <c r="M3031" s="2" t="s">
        <v>10846</v>
      </c>
      <c r="N3031" s="3">
        <v>43160</v>
      </c>
      <c r="O3031" s="3">
        <v>45383</v>
      </c>
      <c r="P3031" s="3">
        <v>47573</v>
      </c>
    </row>
    <row r="3032" spans="1:16" x14ac:dyDescent="0.15">
      <c r="A3032" s="2" t="s">
        <v>49</v>
      </c>
      <c r="B3032" s="2" t="s">
        <v>10847</v>
      </c>
      <c r="C3032" s="4" t="s">
        <v>6</v>
      </c>
      <c r="D3032" s="5" t="s">
        <v>5049</v>
      </c>
      <c r="E3032" s="5" t="s">
        <v>10848</v>
      </c>
      <c r="F3032" s="6" t="s">
        <v>5</v>
      </c>
      <c r="G3032" s="2"/>
      <c r="H3032" s="4"/>
      <c r="I3032" s="5"/>
      <c r="J3032" s="5"/>
      <c r="K3032" s="5"/>
      <c r="L3032" s="6"/>
      <c r="M3032" s="2" t="s">
        <v>10849</v>
      </c>
      <c r="N3032" s="3">
        <v>45444</v>
      </c>
      <c r="O3032" s="3">
        <v>45444</v>
      </c>
      <c r="P3032" s="3">
        <v>47299</v>
      </c>
    </row>
    <row r="3033" spans="1:16" x14ac:dyDescent="0.15">
      <c r="A3033" s="2" t="s">
        <v>16</v>
      </c>
      <c r="B3033" s="2" t="s">
        <v>10847</v>
      </c>
      <c r="C3033" s="4" t="s">
        <v>6</v>
      </c>
      <c r="D3033" s="5" t="s">
        <v>5049</v>
      </c>
      <c r="E3033" s="5" t="s">
        <v>10850</v>
      </c>
      <c r="F3033" s="6" t="s">
        <v>5</v>
      </c>
      <c r="G3033" s="2"/>
      <c r="H3033" s="4"/>
      <c r="I3033" s="5"/>
      <c r="J3033" s="5"/>
      <c r="K3033" s="5"/>
      <c r="L3033" s="6"/>
      <c r="M3033" s="2" t="s">
        <v>10851</v>
      </c>
      <c r="N3033" s="3">
        <v>28843</v>
      </c>
      <c r="O3033" s="3">
        <v>45474</v>
      </c>
      <c r="P3033" s="3">
        <v>47299</v>
      </c>
    </row>
    <row r="3034" spans="1:16" x14ac:dyDescent="0.15">
      <c r="A3034" s="2" t="s">
        <v>49</v>
      </c>
      <c r="B3034" s="2" t="s">
        <v>10852</v>
      </c>
      <c r="C3034" s="4" t="s">
        <v>6</v>
      </c>
      <c r="D3034" s="5" t="s">
        <v>456</v>
      </c>
      <c r="E3034" s="5" t="s">
        <v>520</v>
      </c>
      <c r="F3034" s="6" t="s">
        <v>5</v>
      </c>
      <c r="G3034" s="2"/>
      <c r="H3034" s="4"/>
      <c r="I3034" s="5"/>
      <c r="J3034" s="5"/>
      <c r="K3034" s="5"/>
      <c r="L3034" s="6"/>
      <c r="M3034" s="2" t="s">
        <v>10853</v>
      </c>
      <c r="N3034" s="3">
        <v>45377</v>
      </c>
      <c r="O3034" s="3">
        <v>45377</v>
      </c>
      <c r="P3034" s="3">
        <v>47269</v>
      </c>
    </row>
    <row r="3035" spans="1:16" x14ac:dyDescent="0.15">
      <c r="A3035" s="2" t="s">
        <v>42</v>
      </c>
      <c r="B3035" s="2" t="s">
        <v>5231</v>
      </c>
      <c r="C3035" s="4" t="s">
        <v>6</v>
      </c>
      <c r="D3035" s="5" t="s">
        <v>200</v>
      </c>
      <c r="E3035" s="5" t="s">
        <v>5232</v>
      </c>
      <c r="F3035" s="6" t="s">
        <v>5</v>
      </c>
      <c r="G3035" s="2" t="s">
        <v>5228</v>
      </c>
      <c r="H3035" s="4" t="s">
        <v>195</v>
      </c>
      <c r="I3035" s="5" t="s">
        <v>715</v>
      </c>
      <c r="J3035" s="5" t="s">
        <v>5229</v>
      </c>
      <c r="K3035" s="5" t="s">
        <v>5230</v>
      </c>
      <c r="L3035" s="6" t="s">
        <v>5</v>
      </c>
      <c r="M3035" s="2" t="s">
        <v>5235</v>
      </c>
      <c r="N3035" s="3">
        <v>45132</v>
      </c>
      <c r="O3035" s="3">
        <v>45132</v>
      </c>
      <c r="P3035" s="3">
        <v>47938</v>
      </c>
    </row>
    <row r="3036" spans="1:16" x14ac:dyDescent="0.15">
      <c r="A3036" s="2" t="s">
        <v>42</v>
      </c>
      <c r="B3036" s="2" t="s">
        <v>10862</v>
      </c>
      <c r="C3036" s="4" t="s">
        <v>6</v>
      </c>
      <c r="D3036" s="5" t="s">
        <v>408</v>
      </c>
      <c r="E3036" s="5" t="s">
        <v>10861</v>
      </c>
      <c r="F3036" s="6" t="s">
        <v>5</v>
      </c>
      <c r="G3036" s="2" t="s">
        <v>10860</v>
      </c>
      <c r="H3036" s="4" t="s">
        <v>9</v>
      </c>
      <c r="I3036" s="5" t="s">
        <v>6</v>
      </c>
      <c r="J3036" s="5" t="s">
        <v>408</v>
      </c>
      <c r="K3036" s="5" t="s">
        <v>10861</v>
      </c>
      <c r="L3036" s="6" t="s">
        <v>5</v>
      </c>
      <c r="M3036" s="2" t="s">
        <v>10863</v>
      </c>
      <c r="N3036" s="3">
        <v>45378</v>
      </c>
      <c r="O3036" s="3">
        <v>45378</v>
      </c>
      <c r="P3036" s="3">
        <v>47756</v>
      </c>
    </row>
    <row r="3037" spans="1:16" x14ac:dyDescent="0.15">
      <c r="A3037" s="2" t="s">
        <v>49</v>
      </c>
      <c r="B3037" s="2" t="s">
        <v>10864</v>
      </c>
      <c r="C3037" s="4" t="s">
        <v>6</v>
      </c>
      <c r="D3037" s="5" t="s">
        <v>1027</v>
      </c>
      <c r="E3037" s="5" t="s">
        <v>1536</v>
      </c>
      <c r="F3037" s="6" t="s">
        <v>10865</v>
      </c>
      <c r="G3037" s="2"/>
      <c r="H3037" s="4"/>
      <c r="I3037" s="5"/>
      <c r="J3037" s="5"/>
      <c r="K3037" s="5"/>
      <c r="L3037" s="6"/>
      <c r="M3037" s="2" t="s">
        <v>10866</v>
      </c>
      <c r="N3037" s="3">
        <v>45383</v>
      </c>
      <c r="O3037" s="3">
        <v>45383</v>
      </c>
      <c r="P3037" s="3">
        <v>47452</v>
      </c>
    </row>
    <row r="3038" spans="1:16" x14ac:dyDescent="0.15">
      <c r="A3038" s="2" t="s">
        <v>49</v>
      </c>
      <c r="B3038" s="2" t="s">
        <v>10867</v>
      </c>
      <c r="C3038" s="4" t="s">
        <v>6</v>
      </c>
      <c r="D3038" s="5" t="s">
        <v>5666</v>
      </c>
      <c r="E3038" s="5" t="s">
        <v>10868</v>
      </c>
      <c r="F3038" s="6" t="s">
        <v>5</v>
      </c>
      <c r="G3038" s="2"/>
      <c r="H3038" s="4"/>
      <c r="I3038" s="5"/>
      <c r="J3038" s="5"/>
      <c r="K3038" s="5"/>
      <c r="L3038" s="6"/>
      <c r="M3038" s="2" t="s">
        <v>10869</v>
      </c>
      <c r="N3038" s="3">
        <v>45378</v>
      </c>
      <c r="O3038" s="3">
        <v>45378</v>
      </c>
      <c r="P3038" s="3">
        <v>47422</v>
      </c>
    </row>
    <row r="3039" spans="1:16" x14ac:dyDescent="0.15">
      <c r="A3039" s="2" t="s">
        <v>42</v>
      </c>
      <c r="B3039" s="2" t="s">
        <v>5240</v>
      </c>
      <c r="C3039" s="4" t="s">
        <v>6</v>
      </c>
      <c r="D3039" s="5" t="s">
        <v>253</v>
      </c>
      <c r="E3039" s="5" t="s">
        <v>5241</v>
      </c>
      <c r="F3039" s="6" t="s">
        <v>5</v>
      </c>
      <c r="G3039" s="2" t="s">
        <v>5240</v>
      </c>
      <c r="H3039" s="4" t="s">
        <v>9</v>
      </c>
      <c r="I3039" s="5" t="s">
        <v>6</v>
      </c>
      <c r="J3039" s="5" t="s">
        <v>253</v>
      </c>
      <c r="K3039" s="5" t="s">
        <v>5241</v>
      </c>
      <c r="L3039" s="6" t="s">
        <v>5</v>
      </c>
      <c r="M3039" s="2" t="s">
        <v>5242</v>
      </c>
      <c r="N3039" s="3">
        <v>35013</v>
      </c>
      <c r="O3039" s="3">
        <v>44713</v>
      </c>
      <c r="P3039" s="3">
        <v>46904</v>
      </c>
    </row>
    <row r="3040" spans="1:16" x14ac:dyDescent="0.15">
      <c r="A3040" s="2" t="s">
        <v>49</v>
      </c>
      <c r="B3040" s="2" t="s">
        <v>10875</v>
      </c>
      <c r="C3040" s="4" t="s">
        <v>6</v>
      </c>
      <c r="D3040" s="5" t="s">
        <v>5512</v>
      </c>
      <c r="E3040" s="5" t="s">
        <v>10874</v>
      </c>
      <c r="F3040" s="6" t="s">
        <v>5</v>
      </c>
      <c r="G3040" s="2"/>
      <c r="H3040" s="4"/>
      <c r="I3040" s="5"/>
      <c r="J3040" s="5"/>
      <c r="K3040" s="5"/>
      <c r="L3040" s="6"/>
      <c r="M3040" s="2" t="s">
        <v>10876</v>
      </c>
      <c r="N3040" s="3">
        <v>45393</v>
      </c>
      <c r="O3040" s="3">
        <v>45393</v>
      </c>
      <c r="P3040" s="3">
        <v>47391</v>
      </c>
    </row>
    <row r="3041" spans="1:16" x14ac:dyDescent="0.15">
      <c r="A3041" s="2" t="s">
        <v>49</v>
      </c>
      <c r="B3041" s="2" t="s">
        <v>10877</v>
      </c>
      <c r="C3041" s="4" t="s">
        <v>6</v>
      </c>
      <c r="D3041" s="5" t="s">
        <v>207</v>
      </c>
      <c r="E3041" s="5" t="s">
        <v>10878</v>
      </c>
      <c r="F3041" s="6" t="s">
        <v>5</v>
      </c>
      <c r="G3041" s="2"/>
      <c r="H3041" s="4"/>
      <c r="I3041" s="5"/>
      <c r="J3041" s="5"/>
      <c r="K3041" s="5"/>
      <c r="L3041" s="6"/>
      <c r="M3041" s="2" t="s">
        <v>10879</v>
      </c>
      <c r="N3041" s="3">
        <v>41431</v>
      </c>
      <c r="O3041" s="3">
        <v>45413</v>
      </c>
      <c r="P3041" s="3">
        <v>47238</v>
      </c>
    </row>
    <row r="3042" spans="1:16" x14ac:dyDescent="0.15">
      <c r="A3042" s="2" t="s">
        <v>1572</v>
      </c>
      <c r="B3042" s="2" t="s">
        <v>7671</v>
      </c>
      <c r="C3042" s="4" t="s">
        <v>6</v>
      </c>
      <c r="D3042" s="5" t="s">
        <v>7670</v>
      </c>
      <c r="E3042" s="5" t="s">
        <v>7672</v>
      </c>
      <c r="F3042" s="6" t="s">
        <v>5</v>
      </c>
      <c r="G3042" s="2"/>
      <c r="H3042" s="4"/>
      <c r="I3042" s="5"/>
      <c r="J3042" s="5"/>
      <c r="K3042" s="5"/>
      <c r="L3042" s="6"/>
      <c r="M3042" s="2" t="s">
        <v>10880</v>
      </c>
      <c r="N3042" s="3">
        <v>40263</v>
      </c>
      <c r="O3042" s="3">
        <v>44136</v>
      </c>
      <c r="P3042" s="3">
        <v>45961</v>
      </c>
    </row>
    <row r="3043" spans="1:16" x14ac:dyDescent="0.15">
      <c r="A3043" s="2" t="s">
        <v>42</v>
      </c>
      <c r="B3043" s="2" t="s">
        <v>7671</v>
      </c>
      <c r="C3043" s="4" t="s">
        <v>6</v>
      </c>
      <c r="D3043" s="5" t="s">
        <v>7670</v>
      </c>
      <c r="E3043" s="5" t="s">
        <v>7672</v>
      </c>
      <c r="F3043" s="6" t="s">
        <v>5</v>
      </c>
      <c r="G3043" s="2"/>
      <c r="H3043" s="4"/>
      <c r="I3043" s="5"/>
      <c r="J3043" s="5"/>
      <c r="K3043" s="5"/>
      <c r="L3043" s="6"/>
      <c r="M3043" s="2" t="s">
        <v>10881</v>
      </c>
      <c r="N3043" s="3">
        <v>45379</v>
      </c>
      <c r="O3043" s="3">
        <v>45379</v>
      </c>
      <c r="P3043" s="3">
        <v>47422</v>
      </c>
    </row>
    <row r="3044" spans="1:16" x14ac:dyDescent="0.15">
      <c r="A3044" s="2" t="s">
        <v>49</v>
      </c>
      <c r="B3044" s="2" t="s">
        <v>10883</v>
      </c>
      <c r="C3044" s="4" t="s">
        <v>6</v>
      </c>
      <c r="D3044" s="5" t="s">
        <v>9060</v>
      </c>
      <c r="E3044" s="5" t="s">
        <v>10882</v>
      </c>
      <c r="F3044" s="6" t="s">
        <v>5</v>
      </c>
      <c r="G3044" s="2"/>
      <c r="H3044" s="4"/>
      <c r="I3044" s="5"/>
      <c r="J3044" s="5"/>
      <c r="K3044" s="5"/>
      <c r="L3044" s="6"/>
      <c r="M3044" s="2" t="s">
        <v>10884</v>
      </c>
      <c r="N3044" s="3">
        <v>42920</v>
      </c>
      <c r="O3044" s="3">
        <v>45413</v>
      </c>
      <c r="P3044" s="3">
        <v>47603</v>
      </c>
    </row>
    <row r="3045" spans="1:16" x14ac:dyDescent="0.15">
      <c r="A3045" s="2" t="s">
        <v>42</v>
      </c>
      <c r="B3045" s="2" t="s">
        <v>5503</v>
      </c>
      <c r="C3045" s="4" t="s">
        <v>6</v>
      </c>
      <c r="D3045" s="5" t="s">
        <v>5246</v>
      </c>
      <c r="E3045" s="5" t="s">
        <v>5247</v>
      </c>
      <c r="F3045" s="6" t="s">
        <v>5504</v>
      </c>
      <c r="G3045" s="2" t="s">
        <v>5500</v>
      </c>
      <c r="H3045" s="4" t="s">
        <v>9</v>
      </c>
      <c r="I3045" s="5" t="s">
        <v>6</v>
      </c>
      <c r="J3045" s="5" t="s">
        <v>5501</v>
      </c>
      <c r="K3045" s="5" t="s">
        <v>5502</v>
      </c>
      <c r="L3045" s="6" t="s">
        <v>5</v>
      </c>
      <c r="M3045" s="2" t="s">
        <v>5506</v>
      </c>
      <c r="N3045" s="3">
        <v>45370</v>
      </c>
      <c r="O3045" s="3">
        <v>45370</v>
      </c>
      <c r="P3045" s="3">
        <v>47664</v>
      </c>
    </row>
    <row r="3046" spans="1:16" x14ac:dyDescent="0.15">
      <c r="A3046" s="2" t="s">
        <v>49</v>
      </c>
      <c r="B3046" s="2" t="s">
        <v>10889</v>
      </c>
      <c r="C3046" s="4" t="s">
        <v>6</v>
      </c>
      <c r="D3046" s="5" t="s">
        <v>500</v>
      </c>
      <c r="E3046" s="5" t="s">
        <v>5268</v>
      </c>
      <c r="F3046" s="6" t="s">
        <v>10890</v>
      </c>
      <c r="G3046" s="2"/>
      <c r="H3046" s="4"/>
      <c r="I3046" s="5"/>
      <c r="J3046" s="5"/>
      <c r="K3046" s="5"/>
      <c r="L3046" s="6"/>
      <c r="M3046" s="2" t="s">
        <v>10891</v>
      </c>
      <c r="N3046" s="3">
        <v>41460</v>
      </c>
      <c r="O3046" s="3">
        <v>45444</v>
      </c>
      <c r="P3046" s="3">
        <v>47269</v>
      </c>
    </row>
    <row r="3047" spans="1:16" x14ac:dyDescent="0.15">
      <c r="A3047" s="2" t="s">
        <v>49</v>
      </c>
      <c r="B3047" s="2" t="s">
        <v>10892</v>
      </c>
      <c r="C3047" s="4" t="s">
        <v>6</v>
      </c>
      <c r="D3047" s="5" t="s">
        <v>2012</v>
      </c>
      <c r="E3047" s="5" t="s">
        <v>10893</v>
      </c>
      <c r="F3047" s="6" t="s">
        <v>5</v>
      </c>
      <c r="G3047" s="2"/>
      <c r="H3047" s="4"/>
      <c r="I3047" s="5"/>
      <c r="J3047" s="5"/>
      <c r="K3047" s="5"/>
      <c r="L3047" s="6"/>
      <c r="M3047" s="2" t="s">
        <v>10894</v>
      </c>
      <c r="N3047" s="3">
        <v>38937</v>
      </c>
      <c r="O3047" s="3">
        <v>45383</v>
      </c>
      <c r="P3047" s="3">
        <v>47573</v>
      </c>
    </row>
    <row r="3048" spans="1:16" x14ac:dyDescent="0.15">
      <c r="A3048" s="2" t="s">
        <v>49</v>
      </c>
      <c r="B3048" s="2" t="s">
        <v>10895</v>
      </c>
      <c r="C3048" s="4" t="s">
        <v>6</v>
      </c>
      <c r="D3048" s="5" t="s">
        <v>10896</v>
      </c>
      <c r="E3048" s="5" t="s">
        <v>1742</v>
      </c>
      <c r="F3048" s="6" t="s">
        <v>5</v>
      </c>
      <c r="G3048" s="2"/>
      <c r="H3048" s="4"/>
      <c r="I3048" s="5"/>
      <c r="J3048" s="5"/>
      <c r="K3048" s="5"/>
      <c r="L3048" s="6"/>
      <c r="M3048" s="2" t="s">
        <v>10897</v>
      </c>
      <c r="N3048" s="3">
        <v>43291</v>
      </c>
      <c r="O3048" s="3">
        <v>45413</v>
      </c>
      <c r="P3048" s="3">
        <v>47238</v>
      </c>
    </row>
    <row r="3049" spans="1:16" x14ac:dyDescent="0.15">
      <c r="A3049" s="2" t="s">
        <v>49</v>
      </c>
      <c r="B3049" s="2" t="s">
        <v>10898</v>
      </c>
      <c r="C3049" s="4" t="s">
        <v>6</v>
      </c>
      <c r="D3049" s="5" t="s">
        <v>500</v>
      </c>
      <c r="E3049" s="5" t="s">
        <v>10899</v>
      </c>
      <c r="F3049" s="6" t="s">
        <v>10900</v>
      </c>
      <c r="G3049" s="2"/>
      <c r="H3049" s="4"/>
      <c r="I3049" s="5"/>
      <c r="J3049" s="5"/>
      <c r="K3049" s="5"/>
      <c r="L3049" s="6"/>
      <c r="M3049" s="2" t="s">
        <v>10901</v>
      </c>
      <c r="N3049" s="3">
        <v>30393</v>
      </c>
      <c r="O3049" s="3">
        <v>45444</v>
      </c>
      <c r="P3049" s="3">
        <v>47269</v>
      </c>
    </row>
    <row r="3050" spans="1:16" x14ac:dyDescent="0.15">
      <c r="A3050" s="2" t="s">
        <v>49</v>
      </c>
      <c r="B3050" s="2" t="s">
        <v>10902</v>
      </c>
      <c r="C3050" s="4" t="s">
        <v>6</v>
      </c>
      <c r="D3050" s="5" t="s">
        <v>500</v>
      </c>
      <c r="E3050" s="5" t="s">
        <v>10903</v>
      </c>
      <c r="F3050" s="6" t="s">
        <v>5</v>
      </c>
      <c r="G3050" s="2"/>
      <c r="H3050" s="4"/>
      <c r="I3050" s="5"/>
      <c r="J3050" s="5"/>
      <c r="K3050" s="5"/>
      <c r="L3050" s="6"/>
      <c r="M3050" s="2" t="s">
        <v>10904</v>
      </c>
      <c r="N3050" s="3">
        <v>38013</v>
      </c>
      <c r="O3050" s="3">
        <v>45444</v>
      </c>
      <c r="P3050" s="3">
        <v>47269</v>
      </c>
    </row>
    <row r="3051" spans="1:16" x14ac:dyDescent="0.15">
      <c r="A3051" s="2" t="s">
        <v>49</v>
      </c>
      <c r="B3051" s="2" t="s">
        <v>10905</v>
      </c>
      <c r="C3051" s="4" t="s">
        <v>6</v>
      </c>
      <c r="D3051" s="5" t="s">
        <v>489</v>
      </c>
      <c r="E3051" s="5" t="s">
        <v>10906</v>
      </c>
      <c r="F3051" s="6" t="s">
        <v>10907</v>
      </c>
      <c r="G3051" s="2"/>
      <c r="H3051" s="4"/>
      <c r="I3051" s="5"/>
      <c r="J3051" s="5"/>
      <c r="K3051" s="5"/>
      <c r="L3051" s="6"/>
      <c r="M3051" s="2" t="s">
        <v>10908</v>
      </c>
      <c r="N3051" s="3">
        <v>43308</v>
      </c>
      <c r="O3051" s="3">
        <v>45383</v>
      </c>
      <c r="P3051" s="3">
        <v>47208</v>
      </c>
    </row>
    <row r="3052" spans="1:16" x14ac:dyDescent="0.15">
      <c r="A3052" s="2" t="s">
        <v>16</v>
      </c>
      <c r="B3052" s="2" t="s">
        <v>10905</v>
      </c>
      <c r="C3052" s="4" t="s">
        <v>6</v>
      </c>
      <c r="D3052" s="5" t="s">
        <v>489</v>
      </c>
      <c r="E3052" s="5" t="s">
        <v>10906</v>
      </c>
      <c r="F3052" s="6" t="s">
        <v>10907</v>
      </c>
      <c r="G3052" s="2"/>
      <c r="H3052" s="4"/>
      <c r="I3052" s="5"/>
      <c r="J3052" s="5"/>
      <c r="K3052" s="5"/>
      <c r="L3052" s="6"/>
      <c r="M3052" s="2" t="s">
        <v>10909</v>
      </c>
      <c r="N3052" s="3">
        <v>43308</v>
      </c>
      <c r="O3052" s="3">
        <v>45383</v>
      </c>
      <c r="P3052" s="3">
        <v>47208</v>
      </c>
    </row>
    <row r="3053" spans="1:16" x14ac:dyDescent="0.15">
      <c r="A3053" s="2" t="s">
        <v>49</v>
      </c>
      <c r="B3053" s="2" t="s">
        <v>10910</v>
      </c>
      <c r="C3053" s="4" t="s">
        <v>6</v>
      </c>
      <c r="D3053" s="5" t="s">
        <v>5625</v>
      </c>
      <c r="E3053" s="5" t="s">
        <v>10778</v>
      </c>
      <c r="F3053" s="6" t="s">
        <v>5</v>
      </c>
      <c r="G3053" s="2"/>
      <c r="H3053" s="4"/>
      <c r="I3053" s="5"/>
      <c r="J3053" s="5"/>
      <c r="K3053" s="5"/>
      <c r="L3053" s="6"/>
      <c r="M3053" s="2" t="s">
        <v>10911</v>
      </c>
      <c r="N3053" s="3">
        <v>45380</v>
      </c>
      <c r="O3053" s="3">
        <v>45380</v>
      </c>
      <c r="P3053" s="3">
        <v>47391</v>
      </c>
    </row>
    <row r="3054" spans="1:16" x14ac:dyDescent="0.15">
      <c r="A3054" s="2" t="s">
        <v>49</v>
      </c>
      <c r="B3054" s="2" t="s">
        <v>10912</v>
      </c>
      <c r="C3054" s="4" t="s">
        <v>6</v>
      </c>
      <c r="D3054" s="5" t="s">
        <v>378</v>
      </c>
      <c r="E3054" s="5" t="s">
        <v>10913</v>
      </c>
      <c r="F3054" s="6" t="s">
        <v>5</v>
      </c>
      <c r="G3054" s="2"/>
      <c r="H3054" s="4"/>
      <c r="I3054" s="5"/>
      <c r="J3054" s="5"/>
      <c r="K3054" s="5"/>
      <c r="L3054" s="6"/>
      <c r="M3054" s="2" t="s">
        <v>10914</v>
      </c>
      <c r="N3054" s="3">
        <v>39853</v>
      </c>
      <c r="O3054" s="3">
        <v>45444</v>
      </c>
      <c r="P3054" s="3">
        <v>47269</v>
      </c>
    </row>
    <row r="3055" spans="1:16" x14ac:dyDescent="0.15">
      <c r="A3055" s="2" t="s">
        <v>49</v>
      </c>
      <c r="B3055" s="2" t="s">
        <v>10916</v>
      </c>
      <c r="C3055" s="4" t="s">
        <v>6</v>
      </c>
      <c r="D3055" s="5" t="s">
        <v>4502</v>
      </c>
      <c r="E3055" s="5" t="s">
        <v>10915</v>
      </c>
      <c r="F3055" s="6" t="s">
        <v>5</v>
      </c>
      <c r="G3055" s="2"/>
      <c r="H3055" s="4"/>
      <c r="I3055" s="5"/>
      <c r="J3055" s="5"/>
      <c r="K3055" s="5"/>
      <c r="L3055" s="6"/>
      <c r="M3055" s="2" t="s">
        <v>10917</v>
      </c>
      <c r="N3055" s="3">
        <v>30097</v>
      </c>
      <c r="O3055" s="3">
        <v>45413</v>
      </c>
      <c r="P3055" s="3">
        <v>47238</v>
      </c>
    </row>
    <row r="3056" spans="1:16" x14ac:dyDescent="0.15">
      <c r="A3056" s="2" t="s">
        <v>42</v>
      </c>
      <c r="B3056" s="2" t="s">
        <v>5735</v>
      </c>
      <c r="C3056" s="4" t="s">
        <v>6</v>
      </c>
      <c r="D3056" s="5" t="s">
        <v>3744</v>
      </c>
      <c r="E3056" s="5" t="s">
        <v>5736</v>
      </c>
      <c r="F3056" s="6" t="s">
        <v>5</v>
      </c>
      <c r="G3056" s="2" t="s">
        <v>5733</v>
      </c>
      <c r="H3056" s="4" t="s">
        <v>9</v>
      </c>
      <c r="I3056" s="5" t="s">
        <v>6</v>
      </c>
      <c r="J3056" s="5" t="s">
        <v>911</v>
      </c>
      <c r="K3056" s="5" t="s">
        <v>5734</v>
      </c>
      <c r="L3056" s="6" t="s">
        <v>5</v>
      </c>
      <c r="M3056" s="2" t="s">
        <v>5738</v>
      </c>
      <c r="N3056" s="3">
        <v>44963</v>
      </c>
      <c r="O3056" s="3">
        <v>44963</v>
      </c>
      <c r="P3056" s="3">
        <v>47299</v>
      </c>
    </row>
    <row r="3057" spans="1:16" x14ac:dyDescent="0.15">
      <c r="A3057" s="2" t="s">
        <v>49</v>
      </c>
      <c r="B3057" s="2" t="s">
        <v>10921</v>
      </c>
      <c r="C3057" s="4" t="s">
        <v>6</v>
      </c>
      <c r="D3057" s="5" t="s">
        <v>838</v>
      </c>
      <c r="E3057" s="5" t="s">
        <v>10920</v>
      </c>
      <c r="F3057" s="6" t="s">
        <v>5</v>
      </c>
      <c r="G3057" s="2"/>
      <c r="H3057" s="4"/>
      <c r="I3057" s="5"/>
      <c r="J3057" s="5"/>
      <c r="K3057" s="5"/>
      <c r="L3057" s="6"/>
      <c r="M3057" s="2" t="s">
        <v>10922</v>
      </c>
      <c r="N3057" s="3">
        <v>35690</v>
      </c>
      <c r="O3057" s="3">
        <v>45413</v>
      </c>
      <c r="P3057" s="3">
        <v>47603</v>
      </c>
    </row>
    <row r="3058" spans="1:16" x14ac:dyDescent="0.15">
      <c r="A3058" s="2" t="s">
        <v>49</v>
      </c>
      <c r="B3058" s="2" t="s">
        <v>10924</v>
      </c>
      <c r="C3058" s="4" t="s">
        <v>6</v>
      </c>
      <c r="D3058" s="5" t="s">
        <v>7642</v>
      </c>
      <c r="E3058" s="5" t="s">
        <v>10923</v>
      </c>
      <c r="F3058" s="6" t="s">
        <v>5</v>
      </c>
      <c r="G3058" s="2"/>
      <c r="H3058" s="4"/>
      <c r="I3058" s="5"/>
      <c r="J3058" s="5"/>
      <c r="K3058" s="5"/>
      <c r="L3058" s="6"/>
      <c r="M3058" s="2" t="s">
        <v>10925</v>
      </c>
      <c r="N3058" s="3">
        <v>34731</v>
      </c>
      <c r="O3058" s="3">
        <v>45413</v>
      </c>
      <c r="P3058" s="3">
        <v>47238</v>
      </c>
    </row>
    <row r="3059" spans="1:16" x14ac:dyDescent="0.15">
      <c r="A3059" s="2" t="s">
        <v>486</v>
      </c>
      <c r="B3059" s="2" t="s">
        <v>10927</v>
      </c>
      <c r="C3059" s="4" t="s">
        <v>6</v>
      </c>
      <c r="D3059" s="5" t="s">
        <v>1035</v>
      </c>
      <c r="E3059" s="5" t="s">
        <v>10926</v>
      </c>
      <c r="F3059" s="6" t="s">
        <v>5</v>
      </c>
      <c r="G3059" s="2"/>
      <c r="H3059" s="4"/>
      <c r="I3059" s="5"/>
      <c r="J3059" s="5"/>
      <c r="K3059" s="5"/>
      <c r="L3059" s="6"/>
      <c r="M3059" s="2" t="s">
        <v>10928</v>
      </c>
      <c r="N3059" s="3">
        <v>45393</v>
      </c>
      <c r="O3059" s="3">
        <v>45393</v>
      </c>
      <c r="P3059" s="3">
        <v>47787</v>
      </c>
    </row>
    <row r="3060" spans="1:16" x14ac:dyDescent="0.15">
      <c r="A3060" s="2" t="s">
        <v>42</v>
      </c>
      <c r="B3060" s="2" t="s">
        <v>5831</v>
      </c>
      <c r="C3060" s="4" t="s">
        <v>6</v>
      </c>
      <c r="D3060" s="5" t="s">
        <v>4435</v>
      </c>
      <c r="E3060" s="5" t="s">
        <v>5830</v>
      </c>
      <c r="F3060" s="6" t="s">
        <v>5</v>
      </c>
      <c r="G3060" s="2" t="s">
        <v>5829</v>
      </c>
      <c r="H3060" s="4" t="s">
        <v>9</v>
      </c>
      <c r="I3060" s="5" t="s">
        <v>6</v>
      </c>
      <c r="J3060" s="5" t="s">
        <v>4435</v>
      </c>
      <c r="K3060" s="5" t="s">
        <v>5830</v>
      </c>
      <c r="L3060" s="6" t="s">
        <v>5</v>
      </c>
      <c r="M3060" s="2" t="s">
        <v>5833</v>
      </c>
      <c r="N3060" s="3">
        <v>45023</v>
      </c>
      <c r="O3060" s="3">
        <v>45023</v>
      </c>
      <c r="P3060" s="3">
        <v>47299</v>
      </c>
    </row>
    <row r="3061" spans="1:16" x14ac:dyDescent="0.15">
      <c r="A3061" s="2" t="s">
        <v>42</v>
      </c>
      <c r="B3061" s="2" t="s">
        <v>6299</v>
      </c>
      <c r="C3061" s="4" t="s">
        <v>6</v>
      </c>
      <c r="D3061" s="5" t="s">
        <v>4664</v>
      </c>
      <c r="E3061" s="5" t="s">
        <v>6300</v>
      </c>
      <c r="F3061" s="6" t="s">
        <v>5</v>
      </c>
      <c r="G3061" s="2" t="s">
        <v>6294</v>
      </c>
      <c r="H3061" s="4" t="s">
        <v>9</v>
      </c>
      <c r="I3061" s="5" t="s">
        <v>6</v>
      </c>
      <c r="J3061" s="5" t="s">
        <v>6295</v>
      </c>
      <c r="K3061" s="5" t="s">
        <v>5</v>
      </c>
      <c r="L3061" s="6" t="s">
        <v>5</v>
      </c>
      <c r="M3061" s="2" t="s">
        <v>6301</v>
      </c>
      <c r="N3061" s="3">
        <v>35045</v>
      </c>
      <c r="O3061" s="3">
        <v>45047</v>
      </c>
      <c r="P3061" s="3">
        <v>47238</v>
      </c>
    </row>
    <row r="3062" spans="1:16" x14ac:dyDescent="0.15">
      <c r="A3062" s="2" t="s">
        <v>49</v>
      </c>
      <c r="B3062" s="2" t="s">
        <v>10935</v>
      </c>
      <c r="C3062" s="4" t="s">
        <v>6</v>
      </c>
      <c r="D3062" s="5" t="s">
        <v>2188</v>
      </c>
      <c r="E3062" s="5" t="s">
        <v>10934</v>
      </c>
      <c r="F3062" s="6" t="s">
        <v>5</v>
      </c>
      <c r="G3062" s="2"/>
      <c r="H3062" s="4"/>
      <c r="I3062" s="5"/>
      <c r="J3062" s="5"/>
      <c r="K3062" s="5"/>
      <c r="L3062" s="6"/>
      <c r="M3062" s="2" t="s">
        <v>10936</v>
      </c>
      <c r="N3062" s="3">
        <v>34619</v>
      </c>
      <c r="O3062" s="3">
        <v>45413</v>
      </c>
      <c r="P3062" s="3">
        <v>47238</v>
      </c>
    </row>
    <row r="3063" spans="1:16" x14ac:dyDescent="0.15">
      <c r="A3063" s="2" t="s">
        <v>49</v>
      </c>
      <c r="B3063" s="2" t="s">
        <v>10937</v>
      </c>
      <c r="C3063" s="4" t="s">
        <v>6</v>
      </c>
      <c r="D3063" s="5" t="s">
        <v>2978</v>
      </c>
      <c r="E3063" s="5" t="s">
        <v>10938</v>
      </c>
      <c r="F3063" s="6" t="s">
        <v>5</v>
      </c>
      <c r="G3063" s="2"/>
      <c r="H3063" s="4"/>
      <c r="I3063" s="5"/>
      <c r="J3063" s="5"/>
      <c r="K3063" s="5"/>
      <c r="L3063" s="6"/>
      <c r="M3063" s="2" t="s">
        <v>10939</v>
      </c>
      <c r="N3063" s="3">
        <v>45387</v>
      </c>
      <c r="O3063" s="3">
        <v>45387</v>
      </c>
      <c r="P3063" s="3">
        <v>47938</v>
      </c>
    </row>
    <row r="3064" spans="1:16" x14ac:dyDescent="0.15">
      <c r="A3064" s="2" t="s">
        <v>16</v>
      </c>
      <c r="B3064" s="2" t="s">
        <v>10941</v>
      </c>
      <c r="C3064" s="4" t="s">
        <v>6</v>
      </c>
      <c r="D3064" s="5" t="s">
        <v>570</v>
      </c>
      <c r="E3064" s="5" t="s">
        <v>10940</v>
      </c>
      <c r="F3064" s="6" t="s">
        <v>5</v>
      </c>
      <c r="G3064" s="2"/>
      <c r="H3064" s="4"/>
      <c r="I3064" s="5"/>
      <c r="J3064" s="5"/>
      <c r="K3064" s="5"/>
      <c r="L3064" s="6"/>
      <c r="M3064" s="2" t="s">
        <v>10942</v>
      </c>
      <c r="N3064" s="3">
        <v>43028</v>
      </c>
      <c r="O3064" s="3">
        <v>45413</v>
      </c>
      <c r="P3064" s="3">
        <v>47603</v>
      </c>
    </row>
    <row r="3065" spans="1:16" x14ac:dyDescent="0.15">
      <c r="A3065" s="2" t="s">
        <v>16</v>
      </c>
      <c r="B3065" s="2" t="s">
        <v>10944</v>
      </c>
      <c r="C3065" s="4" t="s">
        <v>6</v>
      </c>
      <c r="D3065" s="5" t="s">
        <v>3361</v>
      </c>
      <c r="E3065" s="5" t="s">
        <v>10943</v>
      </c>
      <c r="F3065" s="6" t="s">
        <v>5</v>
      </c>
      <c r="G3065" s="2"/>
      <c r="H3065" s="4"/>
      <c r="I3065" s="5"/>
      <c r="J3065" s="5"/>
      <c r="K3065" s="5"/>
      <c r="L3065" s="6"/>
      <c r="M3065" s="2" t="s">
        <v>10945</v>
      </c>
      <c r="N3065" s="3">
        <v>43161</v>
      </c>
      <c r="O3065" s="3">
        <v>45413</v>
      </c>
      <c r="P3065" s="3">
        <v>47603</v>
      </c>
    </row>
    <row r="3066" spans="1:16" x14ac:dyDescent="0.15">
      <c r="A3066" s="2" t="s">
        <v>49</v>
      </c>
      <c r="B3066" s="2" t="s">
        <v>10946</v>
      </c>
      <c r="C3066" s="4" t="s">
        <v>6</v>
      </c>
      <c r="D3066" s="5" t="s">
        <v>500</v>
      </c>
      <c r="E3066" s="5" t="s">
        <v>10947</v>
      </c>
      <c r="F3066" s="6" t="s">
        <v>5</v>
      </c>
      <c r="G3066" s="2"/>
      <c r="H3066" s="4"/>
      <c r="I3066" s="5"/>
      <c r="J3066" s="5"/>
      <c r="K3066" s="5"/>
      <c r="L3066" s="6"/>
      <c r="M3066" s="2" t="s">
        <v>10948</v>
      </c>
      <c r="N3066" s="3">
        <v>37803</v>
      </c>
      <c r="O3066" s="3">
        <v>45444</v>
      </c>
      <c r="P3066" s="3">
        <v>47269</v>
      </c>
    </row>
    <row r="3067" spans="1:16" x14ac:dyDescent="0.15">
      <c r="A3067" s="2" t="s">
        <v>49</v>
      </c>
      <c r="B3067" s="2" t="s">
        <v>10949</v>
      </c>
      <c r="C3067" s="4" t="s">
        <v>6</v>
      </c>
      <c r="D3067" s="5" t="s">
        <v>1027</v>
      </c>
      <c r="E3067" s="5" t="s">
        <v>3391</v>
      </c>
      <c r="F3067" s="6" t="s">
        <v>10950</v>
      </c>
      <c r="G3067" s="2"/>
      <c r="H3067" s="4"/>
      <c r="I3067" s="5"/>
      <c r="J3067" s="5"/>
      <c r="K3067" s="5"/>
      <c r="L3067" s="6"/>
      <c r="M3067" s="2" t="s">
        <v>10951</v>
      </c>
      <c r="N3067" s="3">
        <v>45392</v>
      </c>
      <c r="O3067" s="3">
        <v>45392</v>
      </c>
      <c r="P3067" s="3">
        <v>47452</v>
      </c>
    </row>
    <row r="3068" spans="1:16" x14ac:dyDescent="0.15">
      <c r="A3068" s="2" t="s">
        <v>42</v>
      </c>
      <c r="B3068" s="2" t="s">
        <v>6377</v>
      </c>
      <c r="C3068" s="4" t="s">
        <v>6</v>
      </c>
      <c r="D3068" s="5" t="s">
        <v>5887</v>
      </c>
      <c r="E3068" s="5" t="s">
        <v>3352</v>
      </c>
      <c r="F3068" s="6" t="s">
        <v>5</v>
      </c>
      <c r="G3068" s="2" t="s">
        <v>6376</v>
      </c>
      <c r="H3068" s="4" t="s">
        <v>9</v>
      </c>
      <c r="I3068" s="5" t="s">
        <v>6</v>
      </c>
      <c r="J3068" s="5" t="s">
        <v>5887</v>
      </c>
      <c r="K3068" s="5" t="s">
        <v>3352</v>
      </c>
      <c r="L3068" s="6" t="s">
        <v>5</v>
      </c>
      <c r="M3068" s="2" t="s">
        <v>6379</v>
      </c>
      <c r="N3068" s="3">
        <v>42643</v>
      </c>
      <c r="O3068" s="3">
        <v>44835</v>
      </c>
      <c r="P3068" s="3">
        <v>47026</v>
      </c>
    </row>
    <row r="3069" spans="1:16" x14ac:dyDescent="0.15">
      <c r="A3069" s="2" t="s">
        <v>42</v>
      </c>
      <c r="B3069" s="2" t="s">
        <v>7019</v>
      </c>
      <c r="C3069" s="4" t="s">
        <v>6</v>
      </c>
      <c r="D3069" s="5" t="s">
        <v>2012</v>
      </c>
      <c r="E3069" s="5" t="s">
        <v>7018</v>
      </c>
      <c r="F3069" s="6" t="s">
        <v>5</v>
      </c>
      <c r="G3069" s="2" t="s">
        <v>7017</v>
      </c>
      <c r="H3069" s="4" t="s">
        <v>9</v>
      </c>
      <c r="I3069" s="5" t="s">
        <v>6</v>
      </c>
      <c r="J3069" s="5" t="s">
        <v>2012</v>
      </c>
      <c r="K3069" s="5" t="s">
        <v>7018</v>
      </c>
      <c r="L3069" s="6" t="s">
        <v>5</v>
      </c>
      <c r="M3069" s="2" t="s">
        <v>7021</v>
      </c>
      <c r="N3069" s="3">
        <v>44900</v>
      </c>
      <c r="O3069" s="3">
        <v>44900</v>
      </c>
      <c r="P3069" s="3">
        <v>47208</v>
      </c>
    </row>
    <row r="3070" spans="1:16" x14ac:dyDescent="0.15">
      <c r="A3070" s="2" t="s">
        <v>49</v>
      </c>
      <c r="B3070" s="2" t="s">
        <v>10961</v>
      </c>
      <c r="C3070" s="4" t="s">
        <v>6</v>
      </c>
      <c r="D3070" s="5" t="s">
        <v>1832</v>
      </c>
      <c r="E3070" s="5" t="s">
        <v>10962</v>
      </c>
      <c r="F3070" s="6" t="s">
        <v>5</v>
      </c>
      <c r="G3070" s="2"/>
      <c r="H3070" s="4"/>
      <c r="I3070" s="5"/>
      <c r="J3070" s="5"/>
      <c r="K3070" s="5"/>
      <c r="L3070" s="6"/>
      <c r="M3070" s="2" t="s">
        <v>10963</v>
      </c>
      <c r="N3070" s="3">
        <v>40886</v>
      </c>
      <c r="O3070" s="3">
        <v>45413</v>
      </c>
      <c r="P3070" s="3">
        <v>47603</v>
      </c>
    </row>
    <row r="3071" spans="1:16" x14ac:dyDescent="0.15">
      <c r="A3071" s="2" t="s">
        <v>42</v>
      </c>
      <c r="B3071" s="2" t="s">
        <v>7461</v>
      </c>
      <c r="C3071" s="4" t="s">
        <v>6</v>
      </c>
      <c r="D3071" s="5" t="s">
        <v>6178</v>
      </c>
      <c r="E3071" s="5" t="s">
        <v>7462</v>
      </c>
      <c r="F3071" s="6" t="s">
        <v>5</v>
      </c>
      <c r="G3071" s="2" t="s">
        <v>7459</v>
      </c>
      <c r="H3071" s="4" t="s">
        <v>9</v>
      </c>
      <c r="I3071" s="5" t="s">
        <v>58</v>
      </c>
      <c r="J3071" s="5" t="s">
        <v>7460</v>
      </c>
      <c r="K3071" s="5" t="s">
        <v>5</v>
      </c>
      <c r="L3071" s="6" t="s">
        <v>5</v>
      </c>
      <c r="M3071" s="2" t="s">
        <v>7464</v>
      </c>
      <c r="N3071" s="3">
        <v>43025</v>
      </c>
      <c r="O3071" s="3">
        <v>45474</v>
      </c>
      <c r="P3071" s="3">
        <v>47664</v>
      </c>
    </row>
    <row r="3072" spans="1:16" x14ac:dyDescent="0.15">
      <c r="A3072" s="2" t="s">
        <v>42</v>
      </c>
      <c r="B3072" s="2" t="s">
        <v>7731</v>
      </c>
      <c r="C3072" s="4" t="s">
        <v>6</v>
      </c>
      <c r="D3072" s="5" t="s">
        <v>1148</v>
      </c>
      <c r="E3072" s="5" t="s">
        <v>7732</v>
      </c>
      <c r="F3072" s="6" t="s">
        <v>5</v>
      </c>
      <c r="G3072" s="2" t="s">
        <v>7731</v>
      </c>
      <c r="H3072" s="4" t="s">
        <v>9</v>
      </c>
      <c r="I3072" s="5" t="s">
        <v>6</v>
      </c>
      <c r="J3072" s="5" t="s">
        <v>1148</v>
      </c>
      <c r="K3072" s="5" t="s">
        <v>3383</v>
      </c>
      <c r="L3072" s="6" t="s">
        <v>5</v>
      </c>
      <c r="M3072" s="2" t="s">
        <v>7733</v>
      </c>
      <c r="N3072" s="3">
        <v>45012</v>
      </c>
      <c r="O3072" s="3">
        <v>45012</v>
      </c>
      <c r="P3072" s="3">
        <v>47208</v>
      </c>
    </row>
    <row r="3073" spans="1:16" x14ac:dyDescent="0.15">
      <c r="A3073" s="2" t="s">
        <v>49</v>
      </c>
      <c r="B3073" s="2" t="s">
        <v>10971</v>
      </c>
      <c r="C3073" s="4" t="s">
        <v>6</v>
      </c>
      <c r="D3073" s="5" t="s">
        <v>9060</v>
      </c>
      <c r="E3073" s="5" t="s">
        <v>10972</v>
      </c>
      <c r="F3073" s="6" t="s">
        <v>5</v>
      </c>
      <c r="G3073" s="2"/>
      <c r="H3073" s="4"/>
      <c r="I3073" s="5"/>
      <c r="J3073" s="5"/>
      <c r="K3073" s="5"/>
      <c r="L3073" s="6"/>
      <c r="M3073" s="2" t="s">
        <v>10973</v>
      </c>
      <c r="N3073" s="3">
        <v>43209</v>
      </c>
      <c r="O3073" s="3">
        <v>45413</v>
      </c>
      <c r="P3073" s="3">
        <v>47603</v>
      </c>
    </row>
    <row r="3074" spans="1:16" x14ac:dyDescent="0.15">
      <c r="A3074" s="2" t="s">
        <v>16</v>
      </c>
      <c r="B3074" s="2" t="s">
        <v>10974</v>
      </c>
      <c r="C3074" s="4" t="s">
        <v>6</v>
      </c>
      <c r="D3074" s="5" t="s">
        <v>290</v>
      </c>
      <c r="E3074" s="5" t="s">
        <v>3930</v>
      </c>
      <c r="F3074" s="6" t="s">
        <v>5</v>
      </c>
      <c r="G3074" s="2"/>
      <c r="H3074" s="4"/>
      <c r="I3074" s="5"/>
      <c r="J3074" s="5"/>
      <c r="K3074" s="5"/>
      <c r="L3074" s="6"/>
      <c r="M3074" s="2" t="s">
        <v>10975</v>
      </c>
      <c r="N3074" s="3">
        <v>45394</v>
      </c>
      <c r="O3074" s="3">
        <v>45394</v>
      </c>
      <c r="P3074" s="3">
        <v>47573</v>
      </c>
    </row>
    <row r="3075" spans="1:16" x14ac:dyDescent="0.15">
      <c r="A3075" s="2" t="s">
        <v>42</v>
      </c>
      <c r="B3075" s="2" t="s">
        <v>7781</v>
      </c>
      <c r="C3075" s="4" t="s">
        <v>6</v>
      </c>
      <c r="D3075" s="5" t="s">
        <v>290</v>
      </c>
      <c r="E3075" s="5" t="s">
        <v>7782</v>
      </c>
      <c r="F3075" s="6" t="s">
        <v>5</v>
      </c>
      <c r="G3075" s="2" t="s">
        <v>7779</v>
      </c>
      <c r="H3075" s="4" t="s">
        <v>9</v>
      </c>
      <c r="I3075" s="5" t="s">
        <v>6</v>
      </c>
      <c r="J3075" s="5" t="s">
        <v>3201</v>
      </c>
      <c r="K3075" s="5" t="s">
        <v>7780</v>
      </c>
      <c r="L3075" s="6" t="s">
        <v>5</v>
      </c>
      <c r="M3075" s="2" t="s">
        <v>7784</v>
      </c>
      <c r="N3075" s="3">
        <v>40802</v>
      </c>
      <c r="O3075" s="3">
        <v>45383</v>
      </c>
      <c r="P3075" s="3">
        <v>47573</v>
      </c>
    </row>
    <row r="3076" spans="1:16" x14ac:dyDescent="0.15">
      <c r="A3076" s="2" t="s">
        <v>49</v>
      </c>
      <c r="B3076" s="2" t="s">
        <v>10981</v>
      </c>
      <c r="C3076" s="4" t="s">
        <v>6</v>
      </c>
      <c r="D3076" s="5" t="s">
        <v>3259</v>
      </c>
      <c r="E3076" s="5" t="s">
        <v>10980</v>
      </c>
      <c r="F3076" s="6" t="s">
        <v>5</v>
      </c>
      <c r="G3076" s="2"/>
      <c r="H3076" s="4"/>
      <c r="I3076" s="5"/>
      <c r="J3076" s="5"/>
      <c r="K3076" s="5"/>
      <c r="L3076" s="6"/>
      <c r="M3076" s="2" t="s">
        <v>10982</v>
      </c>
      <c r="N3076" s="3">
        <v>39181</v>
      </c>
      <c r="O3076" s="3">
        <v>45413</v>
      </c>
      <c r="P3076" s="3">
        <v>47603</v>
      </c>
    </row>
    <row r="3077" spans="1:16" x14ac:dyDescent="0.15">
      <c r="A3077" s="2" t="s">
        <v>49</v>
      </c>
      <c r="B3077" s="2" t="s">
        <v>10983</v>
      </c>
      <c r="C3077" s="4" t="s">
        <v>6</v>
      </c>
      <c r="D3077" s="5" t="s">
        <v>500</v>
      </c>
      <c r="E3077" s="5" t="s">
        <v>10984</v>
      </c>
      <c r="F3077" s="6" t="s">
        <v>10985</v>
      </c>
      <c r="G3077" s="2"/>
      <c r="H3077" s="4"/>
      <c r="I3077" s="5"/>
      <c r="J3077" s="5"/>
      <c r="K3077" s="5"/>
      <c r="L3077" s="6"/>
      <c r="M3077" s="2" t="s">
        <v>10986</v>
      </c>
      <c r="N3077" s="3">
        <v>45413</v>
      </c>
      <c r="O3077" s="3">
        <v>45413</v>
      </c>
      <c r="P3077" s="3">
        <v>47269</v>
      </c>
    </row>
    <row r="3078" spans="1:16" x14ac:dyDescent="0.15">
      <c r="A3078" s="2" t="s">
        <v>49</v>
      </c>
      <c r="B3078" s="2" t="s">
        <v>10987</v>
      </c>
      <c r="C3078" s="4" t="s">
        <v>6</v>
      </c>
      <c r="D3078" s="5" t="s">
        <v>140</v>
      </c>
      <c r="E3078" s="5" t="s">
        <v>10988</v>
      </c>
      <c r="F3078" s="6" t="s">
        <v>5</v>
      </c>
      <c r="G3078" s="2"/>
      <c r="H3078" s="4"/>
      <c r="I3078" s="5"/>
      <c r="J3078" s="5"/>
      <c r="K3078" s="5"/>
      <c r="L3078" s="6"/>
      <c r="M3078" s="2" t="s">
        <v>10989</v>
      </c>
      <c r="N3078" s="3">
        <v>42311</v>
      </c>
      <c r="O3078" s="3">
        <v>44835</v>
      </c>
      <c r="P3078" s="3">
        <v>47026</v>
      </c>
    </row>
    <row r="3079" spans="1:16" x14ac:dyDescent="0.15">
      <c r="A3079" s="2" t="s">
        <v>42</v>
      </c>
      <c r="B3079" s="2" t="s">
        <v>7906</v>
      </c>
      <c r="C3079" s="4" t="s">
        <v>6</v>
      </c>
      <c r="D3079" s="5" t="s">
        <v>7904</v>
      </c>
      <c r="E3079" s="5" t="s">
        <v>7907</v>
      </c>
      <c r="F3079" s="6" t="s">
        <v>5</v>
      </c>
      <c r="G3079" s="2" t="s">
        <v>7903</v>
      </c>
      <c r="H3079" s="4" t="s">
        <v>9</v>
      </c>
      <c r="I3079" s="5" t="s">
        <v>6</v>
      </c>
      <c r="J3079" s="5" t="s">
        <v>7904</v>
      </c>
      <c r="K3079" s="5" t="s">
        <v>7905</v>
      </c>
      <c r="L3079" s="6" t="s">
        <v>5</v>
      </c>
      <c r="M3079" s="2" t="s">
        <v>7911</v>
      </c>
      <c r="N3079" s="3">
        <v>44089</v>
      </c>
      <c r="O3079" s="3">
        <v>44089</v>
      </c>
      <c r="P3079" s="3">
        <v>46477</v>
      </c>
    </row>
    <row r="3080" spans="1:16" x14ac:dyDescent="0.15">
      <c r="A3080" s="2" t="s">
        <v>42</v>
      </c>
      <c r="B3080" s="2" t="s">
        <v>8400</v>
      </c>
      <c r="C3080" s="4" t="s">
        <v>6</v>
      </c>
      <c r="D3080" s="5" t="s">
        <v>8398</v>
      </c>
      <c r="E3080" s="5" t="s">
        <v>843</v>
      </c>
      <c r="F3080" s="6" t="s">
        <v>5</v>
      </c>
      <c r="G3080" s="2" t="s">
        <v>8397</v>
      </c>
      <c r="H3080" s="4" t="s">
        <v>9</v>
      </c>
      <c r="I3080" s="5" t="s">
        <v>6</v>
      </c>
      <c r="J3080" s="5" t="s">
        <v>8398</v>
      </c>
      <c r="K3080" s="5" t="s">
        <v>8399</v>
      </c>
      <c r="L3080" s="6" t="s">
        <v>5</v>
      </c>
      <c r="M3080" s="2" t="s">
        <v>8401</v>
      </c>
      <c r="N3080" s="3">
        <v>36427</v>
      </c>
      <c r="O3080" s="3">
        <v>45047</v>
      </c>
      <c r="P3080" s="3">
        <v>47238</v>
      </c>
    </row>
    <row r="3081" spans="1:16" x14ac:dyDescent="0.15">
      <c r="A3081" s="2" t="s">
        <v>42</v>
      </c>
      <c r="B3081" s="2" t="s">
        <v>8473</v>
      </c>
      <c r="C3081" s="4" t="s">
        <v>6</v>
      </c>
      <c r="D3081" s="5" t="s">
        <v>7722</v>
      </c>
      <c r="E3081" s="5" t="s">
        <v>8474</v>
      </c>
      <c r="F3081" s="6" t="s">
        <v>8475</v>
      </c>
      <c r="G3081" s="2" t="s">
        <v>8471</v>
      </c>
      <c r="H3081" s="4" t="s">
        <v>9</v>
      </c>
      <c r="I3081" s="5" t="s">
        <v>6</v>
      </c>
      <c r="J3081" s="5" t="s">
        <v>7722</v>
      </c>
      <c r="K3081" s="5" t="s">
        <v>8472</v>
      </c>
      <c r="L3081" s="6" t="s">
        <v>5</v>
      </c>
      <c r="M3081" s="2" t="s">
        <v>8476</v>
      </c>
      <c r="N3081" s="3">
        <v>45066</v>
      </c>
      <c r="O3081" s="3">
        <v>45066</v>
      </c>
      <c r="P3081" s="3">
        <v>47603</v>
      </c>
    </row>
    <row r="3082" spans="1:16" x14ac:dyDescent="0.15">
      <c r="A3082" s="2" t="s">
        <v>49</v>
      </c>
      <c r="B3082" s="2" t="s">
        <v>10996</v>
      </c>
      <c r="C3082" s="4" t="s">
        <v>6</v>
      </c>
      <c r="D3082" s="5" t="s">
        <v>500</v>
      </c>
      <c r="E3082" s="5" t="s">
        <v>5128</v>
      </c>
      <c r="F3082" s="6" t="s">
        <v>10997</v>
      </c>
      <c r="G3082" s="2"/>
      <c r="H3082" s="4"/>
      <c r="I3082" s="5"/>
      <c r="J3082" s="5"/>
      <c r="K3082" s="5"/>
      <c r="L3082" s="6"/>
      <c r="M3082" s="2" t="s">
        <v>10998</v>
      </c>
      <c r="N3082" s="3">
        <v>41578</v>
      </c>
      <c r="O3082" s="3">
        <v>45444</v>
      </c>
      <c r="P3082" s="3">
        <v>47269</v>
      </c>
    </row>
    <row r="3083" spans="1:16" x14ac:dyDescent="0.15">
      <c r="A3083" s="2" t="s">
        <v>49</v>
      </c>
      <c r="B3083" s="2" t="s">
        <v>10999</v>
      </c>
      <c r="C3083" s="4" t="s">
        <v>6</v>
      </c>
      <c r="D3083" s="5" t="s">
        <v>3534</v>
      </c>
      <c r="E3083" s="5" t="s">
        <v>11000</v>
      </c>
      <c r="F3083" s="6" t="s">
        <v>5</v>
      </c>
      <c r="G3083" s="2"/>
      <c r="H3083" s="4"/>
      <c r="I3083" s="5"/>
      <c r="J3083" s="5"/>
      <c r="K3083" s="5"/>
      <c r="L3083" s="6"/>
      <c r="M3083" s="2" t="s">
        <v>11001</v>
      </c>
      <c r="N3083" s="3">
        <v>36276</v>
      </c>
      <c r="O3083" s="3">
        <v>45413</v>
      </c>
      <c r="P3083" s="3">
        <v>47603</v>
      </c>
    </row>
    <row r="3084" spans="1:16" x14ac:dyDescent="0.15">
      <c r="A3084" s="2" t="s">
        <v>42</v>
      </c>
      <c r="B3084" s="2" t="s">
        <v>8811</v>
      </c>
      <c r="C3084" s="4" t="s">
        <v>6</v>
      </c>
      <c r="D3084" s="5" t="s">
        <v>8812</v>
      </c>
      <c r="E3084" s="5" t="s">
        <v>8813</v>
      </c>
      <c r="F3084" s="6" t="s">
        <v>5</v>
      </c>
      <c r="G3084" s="2" t="s">
        <v>8810</v>
      </c>
      <c r="H3084" s="4" t="s">
        <v>9</v>
      </c>
      <c r="I3084" s="5" t="s">
        <v>6</v>
      </c>
      <c r="J3084" s="5" t="s">
        <v>5930</v>
      </c>
      <c r="K3084" s="5" t="s">
        <v>1723</v>
      </c>
      <c r="L3084" s="6" t="s">
        <v>5</v>
      </c>
      <c r="M3084" s="2" t="s">
        <v>8817</v>
      </c>
      <c r="N3084" s="3">
        <v>45109</v>
      </c>
      <c r="O3084" s="3">
        <v>45109</v>
      </c>
      <c r="P3084" s="3">
        <v>47391</v>
      </c>
    </row>
    <row r="3085" spans="1:16" x14ac:dyDescent="0.15">
      <c r="A3085" s="2" t="s">
        <v>42</v>
      </c>
      <c r="B3085" s="2" t="s">
        <v>8983</v>
      </c>
      <c r="C3085" s="4" t="s">
        <v>6</v>
      </c>
      <c r="D3085" s="5" t="s">
        <v>5049</v>
      </c>
      <c r="E3085" s="5" t="s">
        <v>8984</v>
      </c>
      <c r="F3085" s="6" t="s">
        <v>8985</v>
      </c>
      <c r="G3085" s="2" t="s">
        <v>8979</v>
      </c>
      <c r="H3085" s="4" t="s">
        <v>29</v>
      </c>
      <c r="I3085" s="5" t="s">
        <v>8980</v>
      </c>
      <c r="J3085" s="5" t="s">
        <v>8981</v>
      </c>
      <c r="K3085" s="5" t="s">
        <v>8982</v>
      </c>
      <c r="L3085" s="6" t="s">
        <v>5</v>
      </c>
      <c r="M3085" s="2" t="s">
        <v>8987</v>
      </c>
      <c r="N3085" s="3">
        <v>45240</v>
      </c>
      <c r="O3085" s="3">
        <v>45240</v>
      </c>
      <c r="P3085" s="3">
        <v>47299</v>
      </c>
    </row>
    <row r="3086" spans="1:16" x14ac:dyDescent="0.15">
      <c r="A3086" s="2" t="s">
        <v>49</v>
      </c>
      <c r="B3086" s="2" t="s">
        <v>11012</v>
      </c>
      <c r="C3086" s="4" t="s">
        <v>6</v>
      </c>
      <c r="D3086" s="5" t="s">
        <v>1027</v>
      </c>
      <c r="E3086" s="5" t="s">
        <v>11013</v>
      </c>
      <c r="F3086" s="6" t="s">
        <v>11014</v>
      </c>
      <c r="G3086" s="2"/>
      <c r="H3086" s="4"/>
      <c r="I3086" s="5"/>
      <c r="J3086" s="5"/>
      <c r="K3086" s="5"/>
      <c r="L3086" s="6"/>
      <c r="M3086" s="2" t="s">
        <v>11015</v>
      </c>
      <c r="N3086" s="3">
        <v>45401</v>
      </c>
      <c r="O3086" s="3">
        <v>45401</v>
      </c>
      <c r="P3086" s="3">
        <v>47817</v>
      </c>
    </row>
    <row r="3087" spans="1:16" x14ac:dyDescent="0.15">
      <c r="A3087" s="2" t="s">
        <v>49</v>
      </c>
      <c r="B3087" s="2" t="s">
        <v>11016</v>
      </c>
      <c r="C3087" s="4" t="s">
        <v>6</v>
      </c>
      <c r="D3087" s="5" t="s">
        <v>500</v>
      </c>
      <c r="E3087" s="5" t="s">
        <v>11017</v>
      </c>
      <c r="F3087" s="6" t="s">
        <v>11018</v>
      </c>
      <c r="G3087" s="2"/>
      <c r="H3087" s="4"/>
      <c r="I3087" s="5"/>
      <c r="J3087" s="5"/>
      <c r="K3087" s="5"/>
      <c r="L3087" s="6"/>
      <c r="M3087" s="2" t="s">
        <v>11019</v>
      </c>
      <c r="N3087" s="3">
        <v>37880</v>
      </c>
      <c r="O3087" s="3">
        <v>45444</v>
      </c>
      <c r="P3087" s="3">
        <v>47269</v>
      </c>
    </row>
    <row r="3088" spans="1:16" x14ac:dyDescent="0.15">
      <c r="A3088" s="2" t="s">
        <v>49</v>
      </c>
      <c r="B3088" s="2" t="s">
        <v>11020</v>
      </c>
      <c r="C3088" s="4" t="s">
        <v>6</v>
      </c>
      <c r="D3088" s="5" t="s">
        <v>2366</v>
      </c>
      <c r="E3088" s="5" t="s">
        <v>2367</v>
      </c>
      <c r="F3088" s="6" t="s">
        <v>11021</v>
      </c>
      <c r="G3088" s="2"/>
      <c r="H3088" s="4"/>
      <c r="I3088" s="5"/>
      <c r="J3088" s="5"/>
      <c r="K3088" s="5"/>
      <c r="L3088" s="6"/>
      <c r="M3088" s="2" t="s">
        <v>11022</v>
      </c>
      <c r="N3088" s="3">
        <v>31917</v>
      </c>
      <c r="O3088" s="3">
        <v>45413</v>
      </c>
      <c r="P3088" s="3">
        <v>47238</v>
      </c>
    </row>
    <row r="3089" spans="1:16" x14ac:dyDescent="0.15">
      <c r="A3089" s="2" t="s">
        <v>49</v>
      </c>
      <c r="B3089" s="2" t="s">
        <v>11023</v>
      </c>
      <c r="C3089" s="4" t="s">
        <v>6</v>
      </c>
      <c r="D3089" s="5" t="s">
        <v>500</v>
      </c>
      <c r="E3089" s="5" t="s">
        <v>11024</v>
      </c>
      <c r="F3089" s="6" t="s">
        <v>11025</v>
      </c>
      <c r="G3089" s="2"/>
      <c r="H3089" s="4"/>
      <c r="I3089" s="5"/>
      <c r="J3089" s="5"/>
      <c r="K3089" s="5"/>
      <c r="L3089" s="6"/>
      <c r="M3089" s="2" t="s">
        <v>11026</v>
      </c>
      <c r="N3089" s="3">
        <v>43403</v>
      </c>
      <c r="O3089" s="3">
        <v>45444</v>
      </c>
      <c r="P3089" s="3">
        <v>47269</v>
      </c>
    </row>
    <row r="3090" spans="1:16" x14ac:dyDescent="0.15">
      <c r="A3090" s="2" t="s">
        <v>49</v>
      </c>
      <c r="B3090" s="2" t="s">
        <v>11027</v>
      </c>
      <c r="C3090" s="4" t="s">
        <v>6</v>
      </c>
      <c r="D3090" s="5" t="s">
        <v>5376</v>
      </c>
      <c r="E3090" s="5" t="s">
        <v>11028</v>
      </c>
      <c r="F3090" s="6" t="s">
        <v>5</v>
      </c>
      <c r="G3090" s="2"/>
      <c r="H3090" s="4"/>
      <c r="I3090" s="5"/>
      <c r="J3090" s="5"/>
      <c r="K3090" s="5"/>
      <c r="L3090" s="6"/>
      <c r="M3090" s="2" t="s">
        <v>11029</v>
      </c>
      <c r="N3090" s="3">
        <v>39295</v>
      </c>
      <c r="O3090" s="3">
        <v>45413</v>
      </c>
      <c r="P3090" s="3">
        <v>47238</v>
      </c>
    </row>
    <row r="3091" spans="1:16" x14ac:dyDescent="0.15">
      <c r="A3091" s="2" t="s">
        <v>49</v>
      </c>
      <c r="B3091" s="2" t="s">
        <v>11030</v>
      </c>
      <c r="C3091" s="4" t="s">
        <v>6</v>
      </c>
      <c r="D3091" s="5" t="s">
        <v>4933</v>
      </c>
      <c r="E3091" s="5" t="s">
        <v>11031</v>
      </c>
      <c r="F3091" s="6" t="s">
        <v>5</v>
      </c>
      <c r="G3091" s="2"/>
      <c r="H3091" s="4"/>
      <c r="I3091" s="5"/>
      <c r="J3091" s="5"/>
      <c r="K3091" s="5"/>
      <c r="L3091" s="6"/>
      <c r="M3091" s="2" t="s">
        <v>11032</v>
      </c>
      <c r="N3091" s="3">
        <v>33263</v>
      </c>
      <c r="O3091" s="3">
        <v>45413</v>
      </c>
      <c r="P3091" s="3">
        <v>47238</v>
      </c>
    </row>
    <row r="3092" spans="1:16" x14ac:dyDescent="0.15">
      <c r="A3092" s="2" t="s">
        <v>42</v>
      </c>
      <c r="B3092" s="2" t="s">
        <v>9149</v>
      </c>
      <c r="C3092" s="4" t="s">
        <v>6</v>
      </c>
      <c r="D3092" s="5" t="s">
        <v>2381</v>
      </c>
      <c r="E3092" s="5" t="s">
        <v>9151</v>
      </c>
      <c r="F3092" s="6" t="s">
        <v>5</v>
      </c>
      <c r="G3092" s="2" t="s">
        <v>9149</v>
      </c>
      <c r="H3092" s="4" t="s">
        <v>9</v>
      </c>
      <c r="I3092" s="5" t="s">
        <v>6</v>
      </c>
      <c r="J3092" s="5" t="s">
        <v>2381</v>
      </c>
      <c r="K3092" s="5" t="s">
        <v>9150</v>
      </c>
      <c r="L3092" s="6" t="s">
        <v>5</v>
      </c>
      <c r="M3092" s="2" t="s">
        <v>9152</v>
      </c>
      <c r="N3092" s="3">
        <v>40568</v>
      </c>
      <c r="O3092" s="3">
        <v>45200</v>
      </c>
      <c r="P3092" s="3">
        <v>47391</v>
      </c>
    </row>
    <row r="3093" spans="1:16" x14ac:dyDescent="0.15">
      <c r="A3093" s="2" t="s">
        <v>49</v>
      </c>
      <c r="B3093" s="2" t="s">
        <v>11039</v>
      </c>
      <c r="C3093" s="4" t="s">
        <v>6</v>
      </c>
      <c r="D3093" s="5" t="s">
        <v>3647</v>
      </c>
      <c r="E3093" s="5" t="s">
        <v>3443</v>
      </c>
      <c r="F3093" s="6" t="s">
        <v>5</v>
      </c>
      <c r="G3093" s="2"/>
      <c r="H3093" s="4"/>
      <c r="I3093" s="5"/>
      <c r="J3093" s="5"/>
      <c r="K3093" s="5"/>
      <c r="L3093" s="6"/>
      <c r="M3093" s="2" t="s">
        <v>11040</v>
      </c>
      <c r="N3093" s="3">
        <v>41009</v>
      </c>
      <c r="O3093" s="3">
        <v>45413</v>
      </c>
      <c r="P3093" s="3">
        <v>47603</v>
      </c>
    </row>
    <row r="3094" spans="1:16" x14ac:dyDescent="0.15">
      <c r="A3094" s="2" t="s">
        <v>49</v>
      </c>
      <c r="B3094" s="2" t="s">
        <v>11041</v>
      </c>
      <c r="C3094" s="4" t="s">
        <v>6</v>
      </c>
      <c r="D3094" s="5" t="s">
        <v>9060</v>
      </c>
      <c r="E3094" s="5" t="s">
        <v>11042</v>
      </c>
      <c r="F3094" s="6" t="s">
        <v>5</v>
      </c>
      <c r="G3094" s="2"/>
      <c r="H3094" s="4"/>
      <c r="I3094" s="5"/>
      <c r="J3094" s="5"/>
      <c r="K3094" s="5"/>
      <c r="L3094" s="6"/>
      <c r="M3094" s="2" t="s">
        <v>11043</v>
      </c>
      <c r="N3094" s="3">
        <v>43538</v>
      </c>
      <c r="O3094" s="3">
        <v>45413</v>
      </c>
      <c r="P3094" s="3">
        <v>47238</v>
      </c>
    </row>
    <row r="3095" spans="1:16" x14ac:dyDescent="0.15">
      <c r="A3095" s="2" t="s">
        <v>42</v>
      </c>
      <c r="B3095" s="2" t="s">
        <v>9443</v>
      </c>
      <c r="C3095" s="4" t="s">
        <v>6</v>
      </c>
      <c r="D3095" s="5" t="s">
        <v>2617</v>
      </c>
      <c r="E3095" s="5" t="s">
        <v>9444</v>
      </c>
      <c r="F3095" s="6" t="s">
        <v>5</v>
      </c>
      <c r="G3095" s="2" t="s">
        <v>9443</v>
      </c>
      <c r="H3095" s="4" t="s">
        <v>9</v>
      </c>
      <c r="I3095" s="5" t="s">
        <v>6</v>
      </c>
      <c r="J3095" s="5" t="s">
        <v>2617</v>
      </c>
      <c r="K3095" s="5" t="s">
        <v>9444</v>
      </c>
      <c r="L3095" s="6" t="s">
        <v>5</v>
      </c>
      <c r="M3095" s="2" t="s">
        <v>9445</v>
      </c>
      <c r="N3095" s="3">
        <v>40227</v>
      </c>
      <c r="O3095" s="3">
        <v>45231</v>
      </c>
      <c r="P3095" s="3">
        <v>47787</v>
      </c>
    </row>
    <row r="3096" spans="1:16" x14ac:dyDescent="0.15">
      <c r="A3096" s="2" t="s">
        <v>49</v>
      </c>
      <c r="B3096" s="2" t="s">
        <v>11048</v>
      </c>
      <c r="C3096" s="4" t="s">
        <v>6</v>
      </c>
      <c r="D3096" s="5" t="s">
        <v>456</v>
      </c>
      <c r="E3096" s="5" t="s">
        <v>520</v>
      </c>
      <c r="F3096" s="6" t="s">
        <v>5</v>
      </c>
      <c r="G3096" s="2"/>
      <c r="H3096" s="4"/>
      <c r="I3096" s="5"/>
      <c r="J3096" s="5"/>
      <c r="K3096" s="5"/>
      <c r="L3096" s="6"/>
      <c r="M3096" s="2" t="s">
        <v>11049</v>
      </c>
      <c r="N3096" s="3">
        <v>45397</v>
      </c>
      <c r="O3096" s="3">
        <v>45397</v>
      </c>
      <c r="P3096" s="3">
        <v>47269</v>
      </c>
    </row>
    <row r="3097" spans="1:16" x14ac:dyDescent="0.15">
      <c r="A3097" s="2" t="s">
        <v>42</v>
      </c>
      <c r="B3097" s="2" t="s">
        <v>9480</v>
      </c>
      <c r="C3097" s="4" t="s">
        <v>6</v>
      </c>
      <c r="D3097" s="5" t="s">
        <v>967</v>
      </c>
      <c r="E3097" s="5" t="s">
        <v>7290</v>
      </c>
      <c r="F3097" s="6" t="s">
        <v>9481</v>
      </c>
      <c r="G3097" s="2" t="s">
        <v>9478</v>
      </c>
      <c r="H3097" s="4" t="s">
        <v>9</v>
      </c>
      <c r="I3097" s="5" t="s">
        <v>6</v>
      </c>
      <c r="J3097" s="5" t="s">
        <v>91</v>
      </c>
      <c r="K3097" s="5" t="s">
        <v>9479</v>
      </c>
      <c r="L3097" s="6" t="s">
        <v>5</v>
      </c>
      <c r="M3097" s="2" t="s">
        <v>9483</v>
      </c>
      <c r="N3097" s="3">
        <v>45343</v>
      </c>
      <c r="O3097" s="3">
        <v>45343</v>
      </c>
      <c r="P3097" s="3">
        <v>47756</v>
      </c>
    </row>
    <row r="3098" spans="1:16" x14ac:dyDescent="0.15">
      <c r="A3098" s="2" t="s">
        <v>42</v>
      </c>
      <c r="B3098" s="2" t="s">
        <v>9522</v>
      </c>
      <c r="C3098" s="4" t="s">
        <v>6</v>
      </c>
      <c r="D3098" s="5" t="s">
        <v>2350</v>
      </c>
      <c r="E3098" s="5" t="s">
        <v>6306</v>
      </c>
      <c r="F3098" s="6" t="s">
        <v>5</v>
      </c>
      <c r="G3098" s="2" t="s">
        <v>9521</v>
      </c>
      <c r="H3098" s="4" t="s">
        <v>9</v>
      </c>
      <c r="I3098" s="5" t="s">
        <v>6</v>
      </c>
      <c r="J3098" s="5" t="s">
        <v>2350</v>
      </c>
      <c r="K3098" s="5" t="s">
        <v>6306</v>
      </c>
      <c r="L3098" s="6" t="s">
        <v>5</v>
      </c>
      <c r="M3098" s="2" t="s">
        <v>9523</v>
      </c>
      <c r="N3098" s="3">
        <v>45274</v>
      </c>
      <c r="O3098" s="3">
        <v>45274</v>
      </c>
      <c r="P3098" s="3">
        <v>47787</v>
      </c>
    </row>
    <row r="3099" spans="1:16" x14ac:dyDescent="0.15">
      <c r="A3099" s="2" t="s">
        <v>49</v>
      </c>
      <c r="B3099" s="2" t="s">
        <v>11056</v>
      </c>
      <c r="C3099" s="4" t="s">
        <v>6</v>
      </c>
      <c r="D3099" s="5" t="s">
        <v>45</v>
      </c>
      <c r="E3099" s="5" t="s">
        <v>10656</v>
      </c>
      <c r="F3099" s="6" t="s">
        <v>11057</v>
      </c>
      <c r="G3099" s="2"/>
      <c r="H3099" s="4"/>
      <c r="I3099" s="5"/>
      <c r="J3099" s="5"/>
      <c r="K3099" s="5"/>
      <c r="L3099" s="6"/>
      <c r="M3099" s="2" t="s">
        <v>11058</v>
      </c>
      <c r="N3099" s="3">
        <v>45397</v>
      </c>
      <c r="O3099" s="3">
        <v>45397</v>
      </c>
      <c r="P3099" s="3">
        <v>47817</v>
      </c>
    </row>
    <row r="3100" spans="1:16" x14ac:dyDescent="0.15">
      <c r="A3100" s="2" t="s">
        <v>49</v>
      </c>
      <c r="B3100" s="2" t="s">
        <v>11059</v>
      </c>
      <c r="C3100" s="4" t="s">
        <v>6</v>
      </c>
      <c r="D3100" s="5" t="s">
        <v>500</v>
      </c>
      <c r="E3100" s="5" t="s">
        <v>11060</v>
      </c>
      <c r="F3100" s="6" t="s">
        <v>11061</v>
      </c>
      <c r="G3100" s="2"/>
      <c r="H3100" s="4"/>
      <c r="I3100" s="5"/>
      <c r="J3100" s="5"/>
      <c r="K3100" s="5"/>
      <c r="L3100" s="6"/>
      <c r="M3100" s="2" t="s">
        <v>11062</v>
      </c>
      <c r="N3100" s="3">
        <v>45404</v>
      </c>
      <c r="O3100" s="3">
        <v>45404</v>
      </c>
      <c r="P3100" s="3">
        <v>47634</v>
      </c>
    </row>
    <row r="3101" spans="1:16" x14ac:dyDescent="0.15">
      <c r="A3101" s="2" t="s">
        <v>42</v>
      </c>
      <c r="B3101" s="2" t="s">
        <v>9535</v>
      </c>
      <c r="C3101" s="4" t="s">
        <v>6</v>
      </c>
      <c r="D3101" s="5" t="s">
        <v>6327</v>
      </c>
      <c r="E3101" s="5" t="s">
        <v>1959</v>
      </c>
      <c r="F3101" s="6" t="s">
        <v>5</v>
      </c>
      <c r="G3101" s="2" t="s">
        <v>9535</v>
      </c>
      <c r="H3101" s="4" t="s">
        <v>9</v>
      </c>
      <c r="I3101" s="5" t="s">
        <v>6</v>
      </c>
      <c r="J3101" s="5" t="s">
        <v>6327</v>
      </c>
      <c r="K3101" s="5" t="s">
        <v>1959</v>
      </c>
      <c r="L3101" s="6" t="s">
        <v>5</v>
      </c>
      <c r="M3101" s="2" t="s">
        <v>9536</v>
      </c>
      <c r="N3101" s="3">
        <v>40655</v>
      </c>
      <c r="O3101" s="3">
        <v>45200</v>
      </c>
      <c r="P3101" s="3">
        <v>47391</v>
      </c>
    </row>
    <row r="3102" spans="1:16" x14ac:dyDescent="0.15">
      <c r="A3102" s="2" t="s">
        <v>49</v>
      </c>
      <c r="B3102" s="2" t="s">
        <v>11067</v>
      </c>
      <c r="C3102" s="4" t="s">
        <v>6</v>
      </c>
      <c r="D3102" s="5" t="s">
        <v>11068</v>
      </c>
      <c r="E3102" s="5" t="s">
        <v>11069</v>
      </c>
      <c r="F3102" s="6" t="s">
        <v>5</v>
      </c>
      <c r="G3102" s="2"/>
      <c r="H3102" s="4"/>
      <c r="I3102" s="5"/>
      <c r="J3102" s="5"/>
      <c r="K3102" s="5"/>
      <c r="L3102" s="6"/>
      <c r="M3102" s="2" t="s">
        <v>11070</v>
      </c>
      <c r="N3102" s="3">
        <v>40967</v>
      </c>
      <c r="O3102" s="3">
        <v>45413</v>
      </c>
      <c r="P3102" s="3">
        <v>47603</v>
      </c>
    </row>
    <row r="3103" spans="1:16" x14ac:dyDescent="0.15">
      <c r="A3103" s="2" t="s">
        <v>49</v>
      </c>
      <c r="B3103" s="2" t="s">
        <v>11071</v>
      </c>
      <c r="C3103" s="4" t="s">
        <v>6</v>
      </c>
      <c r="D3103" s="5" t="s">
        <v>11072</v>
      </c>
      <c r="E3103" s="5" t="s">
        <v>5</v>
      </c>
      <c r="F3103" s="6" t="s">
        <v>5</v>
      </c>
      <c r="G3103" s="2"/>
      <c r="H3103" s="4"/>
      <c r="I3103" s="5"/>
      <c r="J3103" s="5"/>
      <c r="K3103" s="5"/>
      <c r="L3103" s="6"/>
      <c r="M3103" s="2" t="s">
        <v>11073</v>
      </c>
      <c r="N3103" s="3">
        <v>31770</v>
      </c>
      <c r="O3103" s="3">
        <v>45444</v>
      </c>
      <c r="P3103" s="3">
        <v>47269</v>
      </c>
    </row>
    <row r="3104" spans="1:16" x14ac:dyDescent="0.15">
      <c r="A3104" s="2" t="s">
        <v>49</v>
      </c>
      <c r="B3104" s="2" t="s">
        <v>11074</v>
      </c>
      <c r="C3104" s="4" t="s">
        <v>6</v>
      </c>
      <c r="D3104" s="5" t="s">
        <v>6888</v>
      </c>
      <c r="E3104" s="5" t="s">
        <v>11075</v>
      </c>
      <c r="F3104" s="6" t="s">
        <v>11076</v>
      </c>
      <c r="G3104" s="2"/>
      <c r="H3104" s="4"/>
      <c r="I3104" s="5"/>
      <c r="J3104" s="5"/>
      <c r="K3104" s="5"/>
      <c r="L3104" s="6"/>
      <c r="M3104" s="2" t="s">
        <v>11077</v>
      </c>
      <c r="N3104" s="3">
        <v>45402</v>
      </c>
      <c r="O3104" s="3">
        <v>45402</v>
      </c>
      <c r="P3104" s="3">
        <v>47756</v>
      </c>
    </row>
    <row r="3105" spans="1:16" x14ac:dyDescent="0.15">
      <c r="A3105" s="2" t="s">
        <v>49</v>
      </c>
      <c r="B3105" s="2" t="s">
        <v>11078</v>
      </c>
      <c r="C3105" s="4" t="s">
        <v>6</v>
      </c>
      <c r="D3105" s="5" t="s">
        <v>247</v>
      </c>
      <c r="E3105" s="5" t="s">
        <v>11079</v>
      </c>
      <c r="F3105" s="6" t="s">
        <v>5</v>
      </c>
      <c r="G3105" s="2"/>
      <c r="H3105" s="4"/>
      <c r="I3105" s="5"/>
      <c r="J3105" s="5"/>
      <c r="K3105" s="5"/>
      <c r="L3105" s="6"/>
      <c r="M3105" s="2" t="s">
        <v>11080</v>
      </c>
      <c r="N3105" s="3">
        <v>43040</v>
      </c>
      <c r="O3105" s="3">
        <v>45444</v>
      </c>
      <c r="P3105" s="3">
        <v>47634</v>
      </c>
    </row>
    <row r="3106" spans="1:16" x14ac:dyDescent="0.15">
      <c r="A3106" s="2" t="s">
        <v>49</v>
      </c>
      <c r="B3106" s="2" t="s">
        <v>11081</v>
      </c>
      <c r="C3106" s="4" t="s">
        <v>6</v>
      </c>
      <c r="D3106" s="5" t="s">
        <v>848</v>
      </c>
      <c r="E3106" s="5" t="s">
        <v>6049</v>
      </c>
      <c r="F3106" s="6" t="s">
        <v>11082</v>
      </c>
      <c r="G3106" s="2"/>
      <c r="H3106" s="4"/>
      <c r="I3106" s="5"/>
      <c r="J3106" s="5"/>
      <c r="K3106" s="5"/>
      <c r="L3106" s="6"/>
      <c r="M3106" s="2" t="s">
        <v>11083</v>
      </c>
      <c r="N3106" s="3">
        <v>42893</v>
      </c>
      <c r="O3106" s="3">
        <v>45444</v>
      </c>
      <c r="P3106" s="3">
        <v>47634</v>
      </c>
    </row>
    <row r="3107" spans="1:16" x14ac:dyDescent="0.15">
      <c r="A3107" s="2" t="s">
        <v>42</v>
      </c>
      <c r="B3107" s="2" t="s">
        <v>9567</v>
      </c>
      <c r="C3107" s="4" t="s">
        <v>6</v>
      </c>
      <c r="D3107" s="5" t="s">
        <v>174</v>
      </c>
      <c r="E3107" s="5" t="s">
        <v>1208</v>
      </c>
      <c r="F3107" s="6" t="s">
        <v>9568</v>
      </c>
      <c r="G3107" s="2" t="s">
        <v>9564</v>
      </c>
      <c r="H3107" s="4" t="s">
        <v>9</v>
      </c>
      <c r="I3107" s="5" t="s">
        <v>3859</v>
      </c>
      <c r="J3107" s="5" t="s">
        <v>9565</v>
      </c>
      <c r="K3107" s="5" t="s">
        <v>9566</v>
      </c>
      <c r="L3107" s="6" t="s">
        <v>5</v>
      </c>
      <c r="M3107" s="2" t="s">
        <v>9569</v>
      </c>
      <c r="N3107" s="3">
        <v>45196</v>
      </c>
      <c r="O3107" s="3">
        <v>45196</v>
      </c>
      <c r="P3107" s="3">
        <v>47391</v>
      </c>
    </row>
    <row r="3108" spans="1:16" x14ac:dyDescent="0.15">
      <c r="A3108" s="2" t="s">
        <v>42</v>
      </c>
      <c r="B3108" s="2" t="s">
        <v>9831</v>
      </c>
      <c r="C3108" s="4" t="s">
        <v>6</v>
      </c>
      <c r="D3108" s="5" t="s">
        <v>45</v>
      </c>
      <c r="E3108" s="5" t="s">
        <v>9830</v>
      </c>
      <c r="F3108" s="6" t="s">
        <v>5</v>
      </c>
      <c r="G3108" s="2" t="s">
        <v>9829</v>
      </c>
      <c r="H3108" s="4" t="s">
        <v>9</v>
      </c>
      <c r="I3108" s="5" t="s">
        <v>6</v>
      </c>
      <c r="J3108" s="5" t="s">
        <v>45</v>
      </c>
      <c r="K3108" s="5" t="s">
        <v>9830</v>
      </c>
      <c r="L3108" s="6" t="s">
        <v>5</v>
      </c>
      <c r="M3108" s="2" t="s">
        <v>9833</v>
      </c>
      <c r="N3108" s="3">
        <v>44013</v>
      </c>
      <c r="O3108" s="3">
        <v>45261</v>
      </c>
      <c r="P3108" s="3">
        <v>47452</v>
      </c>
    </row>
    <row r="3109" spans="1:16" x14ac:dyDescent="0.15">
      <c r="A3109" s="2" t="s">
        <v>49</v>
      </c>
      <c r="B3109" s="2" t="s">
        <v>11098</v>
      </c>
      <c r="C3109" s="4" t="s">
        <v>6</v>
      </c>
      <c r="D3109" s="5" t="s">
        <v>1027</v>
      </c>
      <c r="E3109" s="5" t="s">
        <v>2818</v>
      </c>
      <c r="F3109" s="6" t="s">
        <v>11099</v>
      </c>
      <c r="G3109" s="2"/>
      <c r="H3109" s="4"/>
      <c r="I3109" s="5"/>
      <c r="J3109" s="5"/>
      <c r="K3109" s="5"/>
      <c r="L3109" s="6"/>
      <c r="M3109" s="2" t="s">
        <v>11100</v>
      </c>
      <c r="N3109" s="3">
        <v>45404</v>
      </c>
      <c r="O3109" s="3">
        <v>45404</v>
      </c>
      <c r="P3109" s="3">
        <v>47452</v>
      </c>
    </row>
    <row r="3110" spans="1:16" x14ac:dyDescent="0.15">
      <c r="A3110" s="2" t="s">
        <v>49</v>
      </c>
      <c r="B3110" s="2" t="s">
        <v>11101</v>
      </c>
      <c r="C3110" s="4" t="s">
        <v>6</v>
      </c>
      <c r="D3110" s="5" t="s">
        <v>11102</v>
      </c>
      <c r="E3110" s="5" t="s">
        <v>6966</v>
      </c>
      <c r="F3110" s="6" t="s">
        <v>11103</v>
      </c>
      <c r="G3110" s="2"/>
      <c r="H3110" s="4"/>
      <c r="I3110" s="5"/>
      <c r="J3110" s="5"/>
      <c r="K3110" s="5"/>
      <c r="L3110" s="6"/>
      <c r="M3110" s="2" t="s">
        <v>11104</v>
      </c>
      <c r="N3110" s="3">
        <v>42899</v>
      </c>
      <c r="O3110" s="3">
        <v>45444</v>
      </c>
      <c r="P3110" s="3">
        <v>47634</v>
      </c>
    </row>
    <row r="3111" spans="1:16" x14ac:dyDescent="0.15">
      <c r="A3111" s="2" t="s">
        <v>49</v>
      </c>
      <c r="B3111" s="2" t="s">
        <v>11105</v>
      </c>
      <c r="C3111" s="4" t="s">
        <v>6</v>
      </c>
      <c r="D3111" s="5" t="s">
        <v>11102</v>
      </c>
      <c r="E3111" s="5" t="s">
        <v>3751</v>
      </c>
      <c r="F3111" s="6" t="s">
        <v>11106</v>
      </c>
      <c r="G3111" s="2"/>
      <c r="H3111" s="4"/>
      <c r="I3111" s="5"/>
      <c r="J3111" s="5"/>
      <c r="K3111" s="5"/>
      <c r="L3111" s="6"/>
      <c r="M3111" s="2" t="s">
        <v>11107</v>
      </c>
      <c r="N3111" s="3">
        <v>43042</v>
      </c>
      <c r="O3111" s="3">
        <v>45444</v>
      </c>
      <c r="P3111" s="3">
        <v>47634</v>
      </c>
    </row>
    <row r="3112" spans="1:16" x14ac:dyDescent="0.15">
      <c r="A3112" s="2" t="s">
        <v>49</v>
      </c>
      <c r="B3112" s="2" t="s">
        <v>11108</v>
      </c>
      <c r="C3112" s="4" t="s">
        <v>6</v>
      </c>
      <c r="D3112" s="5" t="s">
        <v>2366</v>
      </c>
      <c r="E3112" s="5" t="s">
        <v>2367</v>
      </c>
      <c r="F3112" s="6" t="s">
        <v>11021</v>
      </c>
      <c r="G3112" s="2"/>
      <c r="H3112" s="4"/>
      <c r="I3112" s="5"/>
      <c r="J3112" s="5"/>
      <c r="K3112" s="5"/>
      <c r="L3112" s="6"/>
      <c r="M3112" s="2" t="s">
        <v>11109</v>
      </c>
      <c r="N3112" s="3">
        <v>41444</v>
      </c>
      <c r="O3112" s="3">
        <v>45413</v>
      </c>
      <c r="P3112" s="3">
        <v>47238</v>
      </c>
    </row>
    <row r="3113" spans="1:16" x14ac:dyDescent="0.15">
      <c r="A3113" s="2" t="s">
        <v>49</v>
      </c>
      <c r="B3113" s="2" t="s">
        <v>11110</v>
      </c>
      <c r="C3113" s="4" t="s">
        <v>6</v>
      </c>
      <c r="D3113" s="5" t="s">
        <v>500</v>
      </c>
      <c r="E3113" s="5" t="s">
        <v>11111</v>
      </c>
      <c r="F3113" s="6" t="s">
        <v>5</v>
      </c>
      <c r="G3113" s="2"/>
      <c r="H3113" s="4"/>
      <c r="I3113" s="5"/>
      <c r="J3113" s="5"/>
      <c r="K3113" s="5"/>
      <c r="L3113" s="6"/>
      <c r="M3113" s="2" t="s">
        <v>11112</v>
      </c>
      <c r="N3113" s="3">
        <v>41558</v>
      </c>
      <c r="O3113" s="3">
        <v>45444</v>
      </c>
      <c r="P3113" s="3">
        <v>47269</v>
      </c>
    </row>
    <row r="3114" spans="1:16" x14ac:dyDescent="0.15">
      <c r="A3114" s="2" t="s">
        <v>16</v>
      </c>
      <c r="B3114" s="2" t="s">
        <v>11114</v>
      </c>
      <c r="C3114" s="4" t="s">
        <v>6</v>
      </c>
      <c r="D3114" s="5" t="s">
        <v>1498</v>
      </c>
      <c r="E3114" s="5" t="s">
        <v>11113</v>
      </c>
      <c r="F3114" s="6" t="s">
        <v>5</v>
      </c>
      <c r="G3114" s="2"/>
      <c r="H3114" s="4"/>
      <c r="I3114" s="5"/>
      <c r="J3114" s="5"/>
      <c r="K3114" s="5"/>
      <c r="L3114" s="6"/>
      <c r="M3114" s="2" t="s">
        <v>11115</v>
      </c>
      <c r="N3114" s="3">
        <v>37790</v>
      </c>
      <c r="O3114" s="3">
        <v>45413</v>
      </c>
      <c r="P3114" s="3">
        <v>47238</v>
      </c>
    </row>
    <row r="3115" spans="1:16" x14ac:dyDescent="0.15">
      <c r="A3115" s="2" t="s">
        <v>49</v>
      </c>
      <c r="B3115" s="2" t="s">
        <v>11118</v>
      </c>
      <c r="C3115" s="4" t="s">
        <v>6</v>
      </c>
      <c r="D3115" s="5" t="s">
        <v>11116</v>
      </c>
      <c r="E3115" s="5" t="s">
        <v>11117</v>
      </c>
      <c r="F3115" s="6" t="s">
        <v>5</v>
      </c>
      <c r="G3115" s="2"/>
      <c r="H3115" s="4"/>
      <c r="I3115" s="5"/>
      <c r="J3115" s="5"/>
      <c r="K3115" s="5"/>
      <c r="L3115" s="6"/>
      <c r="M3115" s="2" t="s">
        <v>11119</v>
      </c>
      <c r="N3115" s="3">
        <v>29871</v>
      </c>
      <c r="O3115" s="3">
        <v>45413</v>
      </c>
      <c r="P3115" s="3">
        <v>47603</v>
      </c>
    </row>
    <row r="3116" spans="1:16" x14ac:dyDescent="0.15">
      <c r="A3116" s="2" t="s">
        <v>66</v>
      </c>
      <c r="B3116" s="2" t="s">
        <v>11118</v>
      </c>
      <c r="C3116" s="4" t="s">
        <v>6</v>
      </c>
      <c r="D3116" s="5" t="s">
        <v>11116</v>
      </c>
      <c r="E3116" s="5" t="s">
        <v>11117</v>
      </c>
      <c r="F3116" s="6" t="s">
        <v>5</v>
      </c>
      <c r="G3116" s="2"/>
      <c r="H3116" s="4"/>
      <c r="I3116" s="5"/>
      <c r="J3116" s="5"/>
      <c r="K3116" s="5"/>
      <c r="L3116" s="6"/>
      <c r="M3116" s="2" t="s">
        <v>11120</v>
      </c>
      <c r="N3116" s="3">
        <v>29871</v>
      </c>
      <c r="O3116" s="3">
        <v>45413</v>
      </c>
      <c r="P3116" s="3">
        <v>47603</v>
      </c>
    </row>
    <row r="3117" spans="1:16" x14ac:dyDescent="0.15">
      <c r="A3117" s="2" t="s">
        <v>49</v>
      </c>
      <c r="B3117" s="2" t="s">
        <v>11121</v>
      </c>
      <c r="C3117" s="4" t="s">
        <v>6</v>
      </c>
      <c r="D3117" s="5" t="s">
        <v>45</v>
      </c>
      <c r="E3117" s="5" t="s">
        <v>11122</v>
      </c>
      <c r="F3117" s="6" t="s">
        <v>11123</v>
      </c>
      <c r="G3117" s="2"/>
      <c r="H3117" s="4"/>
      <c r="I3117" s="5"/>
      <c r="J3117" s="5"/>
      <c r="K3117" s="5"/>
      <c r="L3117" s="6"/>
      <c r="M3117" s="2" t="s">
        <v>11124</v>
      </c>
      <c r="N3117" s="3">
        <v>45421</v>
      </c>
      <c r="O3117" s="3">
        <v>45421</v>
      </c>
      <c r="P3117" s="3">
        <v>47452</v>
      </c>
    </row>
    <row r="3118" spans="1:16" x14ac:dyDescent="0.15">
      <c r="A3118" s="2" t="s">
        <v>42</v>
      </c>
      <c r="B3118" s="2" t="s">
        <v>10274</v>
      </c>
      <c r="C3118" s="4" t="s">
        <v>6</v>
      </c>
      <c r="D3118" s="5" t="s">
        <v>745</v>
      </c>
      <c r="E3118" s="5" t="s">
        <v>10276</v>
      </c>
      <c r="F3118" s="6" t="s">
        <v>5</v>
      </c>
      <c r="G3118" s="2" t="s">
        <v>10274</v>
      </c>
      <c r="H3118" s="4" t="s">
        <v>9</v>
      </c>
      <c r="I3118" s="5" t="s">
        <v>6</v>
      </c>
      <c r="J3118" s="5" t="s">
        <v>583</v>
      </c>
      <c r="K3118" s="5" t="s">
        <v>10275</v>
      </c>
      <c r="L3118" s="6" t="s">
        <v>5</v>
      </c>
      <c r="M3118" s="2" t="s">
        <v>10278</v>
      </c>
      <c r="N3118" s="3">
        <v>45332</v>
      </c>
      <c r="O3118" s="3">
        <v>45332</v>
      </c>
      <c r="P3118" s="3">
        <v>47664</v>
      </c>
    </row>
    <row r="3119" spans="1:16" x14ac:dyDescent="0.15">
      <c r="A3119" s="2" t="s">
        <v>49</v>
      </c>
      <c r="B3119" s="2" t="s">
        <v>11127</v>
      </c>
      <c r="C3119" s="4" t="s">
        <v>6</v>
      </c>
      <c r="D3119" s="5" t="s">
        <v>500</v>
      </c>
      <c r="E3119" s="5" t="s">
        <v>5268</v>
      </c>
      <c r="F3119" s="6" t="s">
        <v>11128</v>
      </c>
      <c r="G3119" s="2"/>
      <c r="H3119" s="4"/>
      <c r="I3119" s="5"/>
      <c r="J3119" s="5"/>
      <c r="K3119" s="5"/>
      <c r="L3119" s="6"/>
      <c r="M3119" s="2" t="s">
        <v>11129</v>
      </c>
      <c r="N3119" s="3">
        <v>43430</v>
      </c>
      <c r="O3119" s="3">
        <v>45444</v>
      </c>
      <c r="P3119" s="3">
        <v>47269</v>
      </c>
    </row>
    <row r="3120" spans="1:16" x14ac:dyDescent="0.15">
      <c r="A3120" s="2" t="s">
        <v>49</v>
      </c>
      <c r="B3120" s="2" t="s">
        <v>11130</v>
      </c>
      <c r="C3120" s="4" t="s">
        <v>6</v>
      </c>
      <c r="D3120" s="5" t="s">
        <v>273</v>
      </c>
      <c r="E3120" s="5" t="s">
        <v>11131</v>
      </c>
      <c r="F3120" s="6" t="s">
        <v>5</v>
      </c>
      <c r="G3120" s="2"/>
      <c r="H3120" s="4"/>
      <c r="I3120" s="5"/>
      <c r="J3120" s="5"/>
      <c r="K3120" s="5"/>
      <c r="L3120" s="6"/>
      <c r="M3120" s="2" t="s">
        <v>11132</v>
      </c>
      <c r="N3120" s="3">
        <v>37147</v>
      </c>
      <c r="O3120" s="3">
        <v>45474</v>
      </c>
      <c r="P3120" s="3">
        <v>47664</v>
      </c>
    </row>
    <row r="3121" spans="1:16" x14ac:dyDescent="0.15">
      <c r="A3121" s="2" t="s">
        <v>36</v>
      </c>
      <c r="B3121" s="2" t="s">
        <v>11130</v>
      </c>
      <c r="C3121" s="4" t="s">
        <v>6</v>
      </c>
      <c r="D3121" s="5" t="s">
        <v>273</v>
      </c>
      <c r="E3121" s="5" t="s">
        <v>11131</v>
      </c>
      <c r="F3121" s="6" t="s">
        <v>5</v>
      </c>
      <c r="G3121" s="2"/>
      <c r="H3121" s="4"/>
      <c r="I3121" s="5"/>
      <c r="J3121" s="5"/>
      <c r="K3121" s="5"/>
      <c r="L3121" s="6"/>
      <c r="M3121" s="2" t="s">
        <v>11133</v>
      </c>
      <c r="N3121" s="3">
        <v>44022</v>
      </c>
      <c r="O3121" s="3">
        <v>45474</v>
      </c>
      <c r="P3121" s="3">
        <v>47664</v>
      </c>
    </row>
    <row r="3122" spans="1:16" x14ac:dyDescent="0.15">
      <c r="A3122" s="2" t="s">
        <v>49</v>
      </c>
      <c r="B3122" s="2" t="s">
        <v>11134</v>
      </c>
      <c r="C3122" s="4" t="s">
        <v>6</v>
      </c>
      <c r="D3122" s="5" t="s">
        <v>5653</v>
      </c>
      <c r="E3122" s="5" t="s">
        <v>6749</v>
      </c>
      <c r="F3122" s="6" t="s">
        <v>5</v>
      </c>
      <c r="G3122" s="2"/>
      <c r="H3122" s="4"/>
      <c r="I3122" s="5"/>
      <c r="J3122" s="5"/>
      <c r="K3122" s="5"/>
      <c r="L3122" s="6"/>
      <c r="M3122" s="2" t="s">
        <v>11135</v>
      </c>
      <c r="N3122" s="3">
        <v>43530</v>
      </c>
      <c r="O3122" s="3">
        <v>45474</v>
      </c>
      <c r="P3122" s="3">
        <v>47664</v>
      </c>
    </row>
    <row r="3123" spans="1:16" x14ac:dyDescent="0.15">
      <c r="A3123" s="2" t="s">
        <v>49</v>
      </c>
      <c r="B3123" s="2" t="s">
        <v>11136</v>
      </c>
      <c r="C3123" s="4" t="s">
        <v>6</v>
      </c>
      <c r="D3123" s="5" t="s">
        <v>8307</v>
      </c>
      <c r="E3123" s="5" t="s">
        <v>2968</v>
      </c>
      <c r="F3123" s="6" t="s">
        <v>5</v>
      </c>
      <c r="G3123" s="2"/>
      <c r="H3123" s="4"/>
      <c r="I3123" s="5"/>
      <c r="J3123" s="5"/>
      <c r="K3123" s="5"/>
      <c r="L3123" s="6"/>
      <c r="M3123" s="2" t="s">
        <v>11137</v>
      </c>
      <c r="N3123" s="3">
        <v>43566</v>
      </c>
      <c r="O3123" s="3">
        <v>45474</v>
      </c>
      <c r="P3123" s="3">
        <v>47299</v>
      </c>
    </row>
    <row r="3124" spans="1:16" x14ac:dyDescent="0.15">
      <c r="A3124" s="2" t="s">
        <v>16</v>
      </c>
      <c r="B3124" s="2" t="s">
        <v>11139</v>
      </c>
      <c r="C3124" s="4" t="s">
        <v>6</v>
      </c>
      <c r="D3124" s="5" t="s">
        <v>33</v>
      </c>
      <c r="E3124" s="5" t="s">
        <v>11138</v>
      </c>
      <c r="F3124" s="6" t="s">
        <v>5</v>
      </c>
      <c r="G3124" s="2"/>
      <c r="H3124" s="4"/>
      <c r="I3124" s="5"/>
      <c r="J3124" s="5"/>
      <c r="K3124" s="5"/>
      <c r="L3124" s="6"/>
      <c r="M3124" s="2" t="s">
        <v>11140</v>
      </c>
      <c r="N3124" s="3">
        <v>43566</v>
      </c>
      <c r="O3124" s="3">
        <v>45413</v>
      </c>
      <c r="P3124" s="3">
        <v>47238</v>
      </c>
    </row>
    <row r="3125" spans="1:16" x14ac:dyDescent="0.15">
      <c r="A3125" s="2" t="s">
        <v>49</v>
      </c>
      <c r="B3125" s="2" t="s">
        <v>11141</v>
      </c>
      <c r="C3125" s="4" t="s">
        <v>6</v>
      </c>
      <c r="D3125" s="5" t="s">
        <v>45</v>
      </c>
      <c r="E3125" s="5" t="s">
        <v>8707</v>
      </c>
      <c r="F3125" s="6" t="s">
        <v>11142</v>
      </c>
      <c r="G3125" s="2"/>
      <c r="H3125" s="4"/>
      <c r="I3125" s="5"/>
      <c r="J3125" s="5"/>
      <c r="K3125" s="5"/>
      <c r="L3125" s="6"/>
      <c r="M3125" s="2" t="s">
        <v>11143</v>
      </c>
      <c r="N3125" s="3">
        <v>45422</v>
      </c>
      <c r="O3125" s="3">
        <v>45422</v>
      </c>
      <c r="P3125" s="3">
        <v>47452</v>
      </c>
    </row>
    <row r="3126" spans="1:16" x14ac:dyDescent="0.15">
      <c r="A3126" s="2" t="s">
        <v>49</v>
      </c>
      <c r="B3126" s="2" t="s">
        <v>11144</v>
      </c>
      <c r="C3126" s="4" t="s">
        <v>6</v>
      </c>
      <c r="D3126" s="5" t="s">
        <v>1027</v>
      </c>
      <c r="E3126" s="5" t="s">
        <v>2818</v>
      </c>
      <c r="F3126" s="6" t="s">
        <v>5344</v>
      </c>
      <c r="G3126" s="2"/>
      <c r="H3126" s="4"/>
      <c r="I3126" s="5"/>
      <c r="J3126" s="5"/>
      <c r="K3126" s="5"/>
      <c r="L3126" s="6"/>
      <c r="M3126" s="2" t="s">
        <v>11145</v>
      </c>
      <c r="N3126" s="3">
        <v>45422</v>
      </c>
      <c r="O3126" s="3">
        <v>45422</v>
      </c>
      <c r="P3126" s="3">
        <v>47452</v>
      </c>
    </row>
    <row r="3127" spans="1:16" x14ac:dyDescent="0.15">
      <c r="A3127" s="2" t="s">
        <v>49</v>
      </c>
      <c r="B3127" s="2" t="s">
        <v>11146</v>
      </c>
      <c r="C3127" s="4" t="s">
        <v>6</v>
      </c>
      <c r="D3127" s="5" t="s">
        <v>247</v>
      </c>
      <c r="E3127" s="5" t="s">
        <v>1536</v>
      </c>
      <c r="F3127" s="6" t="s">
        <v>5</v>
      </c>
      <c r="G3127" s="2"/>
      <c r="H3127" s="4"/>
      <c r="I3127" s="5"/>
      <c r="J3127" s="5"/>
      <c r="K3127" s="5"/>
      <c r="L3127" s="6"/>
      <c r="M3127" s="2" t="s">
        <v>11147</v>
      </c>
      <c r="N3127" s="3">
        <v>37865</v>
      </c>
      <c r="O3127" s="3">
        <v>45444</v>
      </c>
      <c r="P3127" s="3">
        <v>47269</v>
      </c>
    </row>
    <row r="3128" spans="1:16" x14ac:dyDescent="0.15">
      <c r="A3128" s="2" t="s">
        <v>16</v>
      </c>
      <c r="B3128" s="2" t="s">
        <v>11148</v>
      </c>
      <c r="C3128" s="4" t="s">
        <v>6</v>
      </c>
      <c r="D3128" s="5" t="s">
        <v>1762</v>
      </c>
      <c r="E3128" s="5" t="s">
        <v>1597</v>
      </c>
      <c r="F3128" s="6" t="s">
        <v>5</v>
      </c>
      <c r="G3128" s="2"/>
      <c r="H3128" s="4"/>
      <c r="I3128" s="5"/>
      <c r="J3128" s="5"/>
      <c r="K3128" s="5"/>
      <c r="L3128" s="6"/>
      <c r="M3128" s="2" t="s">
        <v>11149</v>
      </c>
      <c r="N3128" s="3">
        <v>45422</v>
      </c>
      <c r="O3128" s="3">
        <v>45422</v>
      </c>
      <c r="P3128" s="3">
        <v>47664</v>
      </c>
    </row>
    <row r="3129" spans="1:16" x14ac:dyDescent="0.15">
      <c r="A3129" s="2" t="s">
        <v>49</v>
      </c>
      <c r="B3129" s="2" t="s">
        <v>11150</v>
      </c>
      <c r="C3129" s="4" t="s">
        <v>6</v>
      </c>
      <c r="D3129" s="5" t="s">
        <v>1027</v>
      </c>
      <c r="E3129" s="5" t="s">
        <v>1322</v>
      </c>
      <c r="F3129" s="6" t="s">
        <v>11151</v>
      </c>
      <c r="G3129" s="2"/>
      <c r="H3129" s="4"/>
      <c r="I3129" s="5"/>
      <c r="J3129" s="5"/>
      <c r="K3129" s="5"/>
      <c r="L3129" s="6"/>
      <c r="M3129" s="2" t="s">
        <v>11152</v>
      </c>
      <c r="N3129" s="3">
        <v>45422</v>
      </c>
      <c r="O3129" s="3">
        <v>45422</v>
      </c>
      <c r="P3129" s="3">
        <v>47817</v>
      </c>
    </row>
    <row r="3130" spans="1:16" x14ac:dyDescent="0.15">
      <c r="A3130" s="2" t="s">
        <v>42</v>
      </c>
      <c r="B3130" s="2" t="s">
        <v>10619</v>
      </c>
      <c r="C3130" s="4" t="s">
        <v>6</v>
      </c>
      <c r="D3130" s="5" t="s">
        <v>10620</v>
      </c>
      <c r="E3130" s="5" t="s">
        <v>10621</v>
      </c>
      <c r="F3130" s="6" t="s">
        <v>5</v>
      </c>
      <c r="G3130" s="2" t="s">
        <v>10619</v>
      </c>
      <c r="H3130" s="4" t="s">
        <v>9</v>
      </c>
      <c r="I3130" s="5" t="s">
        <v>6</v>
      </c>
      <c r="J3130" s="5" t="s">
        <v>10620</v>
      </c>
      <c r="K3130" s="5" t="s">
        <v>10621</v>
      </c>
      <c r="L3130" s="6" t="s">
        <v>5</v>
      </c>
      <c r="M3130" s="2" t="s">
        <v>10622</v>
      </c>
      <c r="N3130" s="3">
        <v>34330</v>
      </c>
      <c r="O3130" s="3">
        <v>45413</v>
      </c>
      <c r="P3130" s="3">
        <v>47603</v>
      </c>
    </row>
    <row r="3131" spans="1:16" x14ac:dyDescent="0.15">
      <c r="A3131" s="2" t="s">
        <v>49</v>
      </c>
      <c r="B3131" s="2" t="s">
        <v>11157</v>
      </c>
      <c r="C3131" s="4" t="s">
        <v>6</v>
      </c>
      <c r="D3131" s="5" t="s">
        <v>45</v>
      </c>
      <c r="E3131" s="5" t="s">
        <v>11158</v>
      </c>
      <c r="F3131" s="6" t="s">
        <v>11159</v>
      </c>
      <c r="G3131" s="2"/>
      <c r="H3131" s="4"/>
      <c r="I3131" s="5"/>
      <c r="J3131" s="5"/>
      <c r="K3131" s="5"/>
      <c r="L3131" s="6"/>
      <c r="M3131" s="2" t="s">
        <v>11160</v>
      </c>
      <c r="N3131" s="3">
        <v>45414</v>
      </c>
      <c r="O3131" s="3">
        <v>45414</v>
      </c>
      <c r="P3131" s="3">
        <v>47817</v>
      </c>
    </row>
    <row r="3132" spans="1:16" x14ac:dyDescent="0.15">
      <c r="A3132" s="2" t="s">
        <v>49</v>
      </c>
      <c r="B3132" s="2" t="s">
        <v>11161</v>
      </c>
      <c r="C3132" s="4" t="s">
        <v>6</v>
      </c>
      <c r="D3132" s="5" t="s">
        <v>1027</v>
      </c>
      <c r="E3132" s="5" t="s">
        <v>11162</v>
      </c>
      <c r="F3132" s="6" t="s">
        <v>11163</v>
      </c>
      <c r="G3132" s="2"/>
      <c r="H3132" s="4"/>
      <c r="I3132" s="5"/>
      <c r="J3132" s="5"/>
      <c r="K3132" s="5"/>
      <c r="L3132" s="6"/>
      <c r="M3132" s="2" t="s">
        <v>11164</v>
      </c>
      <c r="N3132" s="3">
        <v>45412</v>
      </c>
      <c r="O3132" s="3">
        <v>45412</v>
      </c>
      <c r="P3132" s="3">
        <v>47452</v>
      </c>
    </row>
    <row r="3133" spans="1:16" x14ac:dyDescent="0.15">
      <c r="A3133" s="2" t="s">
        <v>16</v>
      </c>
      <c r="B3133" s="2" t="s">
        <v>11165</v>
      </c>
      <c r="C3133" s="4" t="s">
        <v>6</v>
      </c>
      <c r="D3133" s="5" t="s">
        <v>290</v>
      </c>
      <c r="E3133" s="5" t="s">
        <v>3930</v>
      </c>
      <c r="F3133" s="6" t="s">
        <v>5</v>
      </c>
      <c r="G3133" s="2"/>
      <c r="H3133" s="4"/>
      <c r="I3133" s="5"/>
      <c r="J3133" s="5"/>
      <c r="K3133" s="5"/>
      <c r="L3133" s="6"/>
      <c r="M3133" s="2" t="s">
        <v>11166</v>
      </c>
      <c r="N3133" s="3">
        <v>45432</v>
      </c>
      <c r="O3133" s="3">
        <v>45432</v>
      </c>
      <c r="P3133" s="3">
        <v>45796</v>
      </c>
    </row>
    <row r="3134" spans="1:16" x14ac:dyDescent="0.15">
      <c r="A3134" s="2" t="s">
        <v>42</v>
      </c>
      <c r="B3134" s="2" t="s">
        <v>10759</v>
      </c>
      <c r="C3134" s="4" t="s">
        <v>6</v>
      </c>
      <c r="D3134" s="5" t="s">
        <v>1977</v>
      </c>
      <c r="E3134" s="5" t="s">
        <v>10758</v>
      </c>
      <c r="F3134" s="6" t="s">
        <v>5</v>
      </c>
      <c r="G3134" s="2" t="s">
        <v>10757</v>
      </c>
      <c r="H3134" s="4" t="s">
        <v>9</v>
      </c>
      <c r="I3134" s="5" t="s">
        <v>6</v>
      </c>
      <c r="J3134" s="5" t="s">
        <v>1977</v>
      </c>
      <c r="K3134" s="5" t="s">
        <v>10758</v>
      </c>
      <c r="L3134" s="6" t="s">
        <v>5</v>
      </c>
      <c r="M3134" s="2" t="s">
        <v>10762</v>
      </c>
      <c r="N3134" s="3">
        <v>43785</v>
      </c>
      <c r="O3134" s="3">
        <v>45383</v>
      </c>
      <c r="P3134" s="3">
        <v>47208</v>
      </c>
    </row>
    <row r="3135" spans="1:16" x14ac:dyDescent="0.15">
      <c r="A3135" s="2" t="s">
        <v>42</v>
      </c>
      <c r="B3135" s="2" t="s">
        <v>11278</v>
      </c>
      <c r="C3135" s="4" t="s">
        <v>6</v>
      </c>
      <c r="D3135" s="5" t="s">
        <v>1072</v>
      </c>
      <c r="E3135" s="5" t="s">
        <v>11279</v>
      </c>
      <c r="F3135" s="6" t="s">
        <v>5</v>
      </c>
      <c r="G3135" s="2" t="s">
        <v>11278</v>
      </c>
      <c r="H3135" s="4" t="s">
        <v>9</v>
      </c>
      <c r="I3135" s="5" t="s">
        <v>6</v>
      </c>
      <c r="J3135" s="5" t="s">
        <v>1072</v>
      </c>
      <c r="K3135" s="5" t="s">
        <v>11279</v>
      </c>
      <c r="L3135" s="6" t="s">
        <v>5</v>
      </c>
      <c r="M3135" s="2" t="s">
        <v>11282</v>
      </c>
      <c r="N3135" s="3">
        <v>36572</v>
      </c>
      <c r="O3135" s="3">
        <v>45474</v>
      </c>
      <c r="P3135" s="3">
        <v>47664</v>
      </c>
    </row>
    <row r="3136" spans="1:16" x14ac:dyDescent="0.15">
      <c r="A3136" s="2" t="s">
        <v>49</v>
      </c>
      <c r="B3136" s="2" t="s">
        <v>11178</v>
      </c>
      <c r="C3136" s="4" t="s">
        <v>6</v>
      </c>
      <c r="D3136" s="5" t="s">
        <v>1839</v>
      </c>
      <c r="E3136" s="5" t="s">
        <v>816</v>
      </c>
      <c r="F3136" s="6" t="s">
        <v>5</v>
      </c>
      <c r="G3136" s="2"/>
      <c r="H3136" s="4"/>
      <c r="I3136" s="5"/>
      <c r="J3136" s="5"/>
      <c r="K3136" s="5"/>
      <c r="L3136" s="6"/>
      <c r="M3136" s="2" t="s">
        <v>11179</v>
      </c>
      <c r="N3136" s="3">
        <v>45446</v>
      </c>
      <c r="O3136" s="3">
        <v>45446</v>
      </c>
      <c r="P3136" s="3">
        <v>47756</v>
      </c>
    </row>
    <row r="3137" spans="1:16" x14ac:dyDescent="0.15">
      <c r="A3137" s="2" t="s">
        <v>49</v>
      </c>
      <c r="B3137" s="2" t="s">
        <v>11180</v>
      </c>
      <c r="C3137" s="4" t="s">
        <v>6</v>
      </c>
      <c r="D3137" s="5" t="s">
        <v>11181</v>
      </c>
      <c r="E3137" s="5" t="s">
        <v>5333</v>
      </c>
      <c r="F3137" s="6" t="s">
        <v>11182</v>
      </c>
      <c r="G3137" s="2"/>
      <c r="H3137" s="4"/>
      <c r="I3137" s="5"/>
      <c r="J3137" s="5"/>
      <c r="K3137" s="5"/>
      <c r="L3137" s="6"/>
      <c r="M3137" s="2" t="s">
        <v>11183</v>
      </c>
      <c r="N3137" s="3">
        <v>45422</v>
      </c>
      <c r="O3137" s="3">
        <v>45422</v>
      </c>
      <c r="P3137" s="3">
        <v>47756</v>
      </c>
    </row>
    <row r="3138" spans="1:16" x14ac:dyDescent="0.15">
      <c r="A3138" s="2" t="s">
        <v>49</v>
      </c>
      <c r="B3138" s="2" t="s">
        <v>11184</v>
      </c>
      <c r="C3138" s="4" t="s">
        <v>6</v>
      </c>
      <c r="D3138" s="5" t="s">
        <v>11185</v>
      </c>
      <c r="E3138" s="5" t="s">
        <v>11186</v>
      </c>
      <c r="F3138" s="6" t="s">
        <v>5</v>
      </c>
      <c r="G3138" s="2"/>
      <c r="H3138" s="4"/>
      <c r="I3138" s="5"/>
      <c r="J3138" s="5"/>
      <c r="K3138" s="5"/>
      <c r="L3138" s="6"/>
      <c r="M3138" s="2" t="s">
        <v>11187</v>
      </c>
      <c r="N3138" s="3">
        <v>45376</v>
      </c>
      <c r="O3138" s="3">
        <v>45376</v>
      </c>
      <c r="P3138" s="3">
        <v>47422</v>
      </c>
    </row>
    <row r="3139" spans="1:16" x14ac:dyDescent="0.15">
      <c r="A3139" s="2" t="s">
        <v>42</v>
      </c>
      <c r="B3139" s="2" t="s">
        <v>11189</v>
      </c>
      <c r="C3139" s="4" t="s">
        <v>6</v>
      </c>
      <c r="D3139" s="5" t="s">
        <v>3365</v>
      </c>
      <c r="E3139" s="5" t="s">
        <v>11188</v>
      </c>
      <c r="F3139" s="6" t="s">
        <v>5</v>
      </c>
      <c r="G3139" s="2"/>
      <c r="H3139" s="4"/>
      <c r="I3139" s="5"/>
      <c r="J3139" s="5"/>
      <c r="K3139" s="5"/>
      <c r="L3139" s="6"/>
      <c r="M3139" s="2" t="s">
        <v>11190</v>
      </c>
      <c r="N3139" s="3">
        <v>45426</v>
      </c>
      <c r="O3139" s="3">
        <v>45426</v>
      </c>
      <c r="P3139" s="3">
        <v>47573</v>
      </c>
    </row>
    <row r="3140" spans="1:16" x14ac:dyDescent="0.15">
      <c r="A3140" s="2" t="s">
        <v>877</v>
      </c>
      <c r="B3140" s="2" t="s">
        <v>869</v>
      </c>
      <c r="C3140" s="4" t="s">
        <v>6</v>
      </c>
      <c r="D3140" s="5" t="s">
        <v>870</v>
      </c>
      <c r="E3140" s="5" t="s">
        <v>871</v>
      </c>
      <c r="F3140" s="6" t="s">
        <v>5</v>
      </c>
      <c r="G3140" s="2" t="s">
        <v>869</v>
      </c>
      <c r="H3140" s="4" t="s">
        <v>9</v>
      </c>
      <c r="I3140" s="5" t="s">
        <v>6</v>
      </c>
      <c r="J3140" s="5" t="s">
        <v>870</v>
      </c>
      <c r="K3140" s="5" t="s">
        <v>871</v>
      </c>
      <c r="L3140" s="6" t="s">
        <v>5</v>
      </c>
      <c r="M3140" s="2" t="s">
        <v>878</v>
      </c>
      <c r="N3140" s="3">
        <v>44554</v>
      </c>
      <c r="O3140" s="3">
        <v>44554</v>
      </c>
      <c r="P3140" s="3">
        <v>46843</v>
      </c>
    </row>
    <row r="3141" spans="1:16" x14ac:dyDescent="0.15">
      <c r="A3141" s="2" t="s">
        <v>49</v>
      </c>
      <c r="B3141" s="2" t="s">
        <v>11195</v>
      </c>
      <c r="C3141" s="4" t="s">
        <v>6</v>
      </c>
      <c r="D3141" s="5" t="s">
        <v>307</v>
      </c>
      <c r="E3141" s="5" t="s">
        <v>1453</v>
      </c>
      <c r="F3141" s="6" t="s">
        <v>5</v>
      </c>
      <c r="G3141" s="2"/>
      <c r="H3141" s="4"/>
      <c r="I3141" s="5"/>
      <c r="J3141" s="5"/>
      <c r="K3141" s="5"/>
      <c r="L3141" s="6"/>
      <c r="M3141" s="2" t="s">
        <v>11196</v>
      </c>
      <c r="N3141" s="3">
        <v>38913</v>
      </c>
      <c r="O3141" s="3">
        <v>45413</v>
      </c>
      <c r="P3141" s="3">
        <v>47603</v>
      </c>
    </row>
    <row r="3142" spans="1:16" x14ac:dyDescent="0.15">
      <c r="A3142" s="2" t="s">
        <v>49</v>
      </c>
      <c r="B3142" s="2" t="s">
        <v>11197</v>
      </c>
      <c r="C3142" s="4" t="s">
        <v>6</v>
      </c>
      <c r="D3142" s="5" t="s">
        <v>500</v>
      </c>
      <c r="E3142" s="5" t="s">
        <v>11198</v>
      </c>
      <c r="F3142" s="6" t="s">
        <v>11199</v>
      </c>
      <c r="G3142" s="2"/>
      <c r="H3142" s="4"/>
      <c r="I3142" s="5"/>
      <c r="J3142" s="5"/>
      <c r="K3142" s="5"/>
      <c r="L3142" s="6"/>
      <c r="M3142" s="2" t="s">
        <v>11200</v>
      </c>
      <c r="N3142" s="3">
        <v>41001</v>
      </c>
      <c r="O3142" s="3">
        <v>45444</v>
      </c>
      <c r="P3142" s="3">
        <v>47634</v>
      </c>
    </row>
    <row r="3143" spans="1:16" x14ac:dyDescent="0.15">
      <c r="A3143" s="2" t="s">
        <v>49</v>
      </c>
      <c r="B3143" s="2" t="s">
        <v>11202</v>
      </c>
      <c r="C3143" s="4" t="s">
        <v>6</v>
      </c>
      <c r="D3143" s="5" t="s">
        <v>500</v>
      </c>
      <c r="E3143" s="5" t="s">
        <v>11201</v>
      </c>
      <c r="F3143" s="6" t="s">
        <v>5</v>
      </c>
      <c r="G3143" s="2"/>
      <c r="H3143" s="4"/>
      <c r="I3143" s="5"/>
      <c r="J3143" s="5"/>
      <c r="K3143" s="5"/>
      <c r="L3143" s="6"/>
      <c r="M3143" s="2" t="s">
        <v>11203</v>
      </c>
      <c r="N3143" s="3">
        <v>30301</v>
      </c>
      <c r="O3143" s="3">
        <v>45444</v>
      </c>
      <c r="P3143" s="3">
        <v>47269</v>
      </c>
    </row>
    <row r="3144" spans="1:16" x14ac:dyDescent="0.15">
      <c r="A3144" s="2" t="s">
        <v>877</v>
      </c>
      <c r="B3144" s="2" t="s">
        <v>4050</v>
      </c>
      <c r="C3144" s="4" t="s">
        <v>6</v>
      </c>
      <c r="D3144" s="5" t="s">
        <v>1762</v>
      </c>
      <c r="E3144" s="5" t="s">
        <v>4051</v>
      </c>
      <c r="F3144" s="6" t="s">
        <v>5</v>
      </c>
      <c r="G3144" s="2" t="s">
        <v>4050</v>
      </c>
      <c r="H3144" s="4" t="s">
        <v>9</v>
      </c>
      <c r="I3144" s="5" t="s">
        <v>6</v>
      </c>
      <c r="J3144" s="5" t="s">
        <v>1762</v>
      </c>
      <c r="K3144" s="5" t="s">
        <v>4051</v>
      </c>
      <c r="L3144" s="6" t="s">
        <v>5</v>
      </c>
      <c r="M3144" s="2" t="s">
        <v>4052</v>
      </c>
      <c r="N3144" s="3">
        <v>44601</v>
      </c>
      <c r="O3144" s="3">
        <v>44601</v>
      </c>
      <c r="P3144" s="3">
        <v>46934</v>
      </c>
    </row>
    <row r="3145" spans="1:16" x14ac:dyDescent="0.15">
      <c r="A3145" s="2" t="s">
        <v>877</v>
      </c>
      <c r="B3145" s="2" t="s">
        <v>4053</v>
      </c>
      <c r="C3145" s="4" t="s">
        <v>6</v>
      </c>
      <c r="D3145" s="5" t="s">
        <v>1762</v>
      </c>
      <c r="E3145" s="5" t="s">
        <v>4054</v>
      </c>
      <c r="F3145" s="6" t="s">
        <v>5</v>
      </c>
      <c r="G3145" s="2" t="s">
        <v>4050</v>
      </c>
      <c r="H3145" s="4" t="s">
        <v>9</v>
      </c>
      <c r="I3145" s="5" t="s">
        <v>6</v>
      </c>
      <c r="J3145" s="5" t="s">
        <v>1762</v>
      </c>
      <c r="K3145" s="5" t="s">
        <v>4051</v>
      </c>
      <c r="L3145" s="6" t="s">
        <v>5</v>
      </c>
      <c r="M3145" s="2" t="s">
        <v>4056</v>
      </c>
      <c r="N3145" s="3">
        <v>45061</v>
      </c>
      <c r="O3145" s="3">
        <v>45061</v>
      </c>
      <c r="P3145" s="3">
        <v>47664</v>
      </c>
    </row>
    <row r="3146" spans="1:16" x14ac:dyDescent="0.15">
      <c r="A3146" s="2" t="s">
        <v>49</v>
      </c>
      <c r="B3146" s="2" t="s">
        <v>11211</v>
      </c>
      <c r="C3146" s="4" t="s">
        <v>6</v>
      </c>
      <c r="D3146" s="5" t="s">
        <v>500</v>
      </c>
      <c r="E3146" s="5" t="s">
        <v>11212</v>
      </c>
      <c r="F3146" s="6" t="s">
        <v>11213</v>
      </c>
      <c r="G3146" s="2"/>
      <c r="H3146" s="4"/>
      <c r="I3146" s="5"/>
      <c r="J3146" s="5"/>
      <c r="K3146" s="5"/>
      <c r="L3146" s="6"/>
      <c r="M3146" s="2" t="s">
        <v>11214</v>
      </c>
      <c r="N3146" s="3">
        <v>39762</v>
      </c>
      <c r="O3146" s="3">
        <v>45444</v>
      </c>
      <c r="P3146" s="3">
        <v>47269</v>
      </c>
    </row>
    <row r="3147" spans="1:16" x14ac:dyDescent="0.15">
      <c r="A3147" s="2" t="s">
        <v>877</v>
      </c>
      <c r="B3147" s="2" t="s">
        <v>4386</v>
      </c>
      <c r="C3147" s="4" t="s">
        <v>6</v>
      </c>
      <c r="D3147" s="5" t="s">
        <v>1148</v>
      </c>
      <c r="E3147" s="5" t="s">
        <v>4393</v>
      </c>
      <c r="F3147" s="6" t="s">
        <v>5</v>
      </c>
      <c r="G3147" s="2" t="s">
        <v>4386</v>
      </c>
      <c r="H3147" s="4" t="s">
        <v>9</v>
      </c>
      <c r="I3147" s="5" t="s">
        <v>6</v>
      </c>
      <c r="J3147" s="5" t="s">
        <v>4387</v>
      </c>
      <c r="K3147" s="5" t="s">
        <v>5</v>
      </c>
      <c r="L3147" s="6" t="s">
        <v>5</v>
      </c>
      <c r="M3147" s="2" t="s">
        <v>4395</v>
      </c>
      <c r="N3147" s="3">
        <v>34254</v>
      </c>
      <c r="O3147" s="3">
        <v>45383</v>
      </c>
      <c r="P3147" s="3">
        <v>47573</v>
      </c>
    </row>
    <row r="3148" spans="1:16" x14ac:dyDescent="0.15">
      <c r="A3148" s="2" t="s">
        <v>573</v>
      </c>
      <c r="B3148" s="2" t="s">
        <v>569</v>
      </c>
      <c r="C3148" s="4" t="s">
        <v>6</v>
      </c>
      <c r="D3148" s="5" t="s">
        <v>570</v>
      </c>
      <c r="E3148" s="5" t="s">
        <v>571</v>
      </c>
      <c r="F3148" s="6" t="s">
        <v>5</v>
      </c>
      <c r="G3148" s="2" t="s">
        <v>566</v>
      </c>
      <c r="H3148" s="4" t="s">
        <v>9</v>
      </c>
      <c r="I3148" s="5" t="s">
        <v>6</v>
      </c>
      <c r="J3148" s="5" t="s">
        <v>567</v>
      </c>
      <c r="K3148" s="5" t="s">
        <v>568</v>
      </c>
      <c r="L3148" s="6" t="s">
        <v>5</v>
      </c>
      <c r="M3148" s="2" t="s">
        <v>574</v>
      </c>
      <c r="N3148" s="3">
        <v>36395</v>
      </c>
      <c r="O3148" s="3">
        <v>45047</v>
      </c>
      <c r="P3148" s="3">
        <v>47238</v>
      </c>
    </row>
    <row r="3149" spans="1:16" x14ac:dyDescent="0.15">
      <c r="A3149" s="2" t="s">
        <v>49</v>
      </c>
      <c r="B3149" s="2" t="s">
        <v>11223</v>
      </c>
      <c r="C3149" s="4" t="s">
        <v>6</v>
      </c>
      <c r="D3149" s="5" t="s">
        <v>1076</v>
      </c>
      <c r="E3149" s="5" t="s">
        <v>7250</v>
      </c>
      <c r="F3149" s="6" t="s">
        <v>5</v>
      </c>
      <c r="G3149" s="2"/>
      <c r="H3149" s="4"/>
      <c r="I3149" s="5"/>
      <c r="J3149" s="5"/>
      <c r="K3149" s="5"/>
      <c r="L3149" s="6"/>
      <c r="M3149" s="2" t="s">
        <v>11224</v>
      </c>
      <c r="N3149" s="3">
        <v>45428</v>
      </c>
      <c r="O3149" s="3">
        <v>45428</v>
      </c>
      <c r="P3149" s="3">
        <v>47968</v>
      </c>
    </row>
    <row r="3150" spans="1:16" x14ac:dyDescent="0.15">
      <c r="A3150" s="2" t="s">
        <v>49</v>
      </c>
      <c r="B3150" s="2" t="s">
        <v>11225</v>
      </c>
      <c r="C3150" s="4" t="s">
        <v>6</v>
      </c>
      <c r="D3150" s="5" t="s">
        <v>378</v>
      </c>
      <c r="E3150" s="5" t="s">
        <v>11226</v>
      </c>
      <c r="F3150" s="6" t="s">
        <v>11227</v>
      </c>
      <c r="G3150" s="2"/>
      <c r="H3150" s="4"/>
      <c r="I3150" s="5"/>
      <c r="J3150" s="5"/>
      <c r="K3150" s="5"/>
      <c r="L3150" s="6"/>
      <c r="M3150" s="2" t="s">
        <v>11228</v>
      </c>
      <c r="N3150" s="3">
        <v>31320</v>
      </c>
      <c r="O3150" s="3">
        <v>45444</v>
      </c>
      <c r="P3150" s="3">
        <v>47269</v>
      </c>
    </row>
    <row r="3151" spans="1:16" x14ac:dyDescent="0.15">
      <c r="A3151" s="2" t="s">
        <v>486</v>
      </c>
      <c r="B3151" s="2" t="s">
        <v>11230</v>
      </c>
      <c r="C3151" s="4" t="s">
        <v>6</v>
      </c>
      <c r="D3151" s="5" t="s">
        <v>7670</v>
      </c>
      <c r="E3151" s="5" t="s">
        <v>11229</v>
      </c>
      <c r="F3151" s="6" t="s">
        <v>5</v>
      </c>
      <c r="G3151" s="2"/>
      <c r="H3151" s="4"/>
      <c r="I3151" s="5"/>
      <c r="J3151" s="5"/>
      <c r="K3151" s="5"/>
      <c r="L3151" s="6"/>
      <c r="M3151" s="2" t="s">
        <v>11231</v>
      </c>
      <c r="N3151" s="3">
        <v>45432</v>
      </c>
      <c r="O3151" s="3">
        <v>45432</v>
      </c>
      <c r="P3151" s="3">
        <v>47422</v>
      </c>
    </row>
    <row r="3152" spans="1:16" x14ac:dyDescent="0.15">
      <c r="A3152" s="2" t="s">
        <v>49</v>
      </c>
      <c r="B3152" s="2" t="s">
        <v>11232</v>
      </c>
      <c r="C3152" s="4" t="s">
        <v>6</v>
      </c>
      <c r="D3152" s="5" t="s">
        <v>456</v>
      </c>
      <c r="E3152" s="5" t="s">
        <v>520</v>
      </c>
      <c r="F3152" s="6" t="s">
        <v>5</v>
      </c>
      <c r="G3152" s="2"/>
      <c r="H3152" s="4"/>
      <c r="I3152" s="5"/>
      <c r="J3152" s="5"/>
      <c r="K3152" s="5"/>
      <c r="L3152" s="6"/>
      <c r="M3152" s="2" t="s">
        <v>11233</v>
      </c>
      <c r="N3152" s="3">
        <v>43505</v>
      </c>
      <c r="O3152" s="3">
        <v>45444</v>
      </c>
      <c r="P3152" s="3">
        <v>47269</v>
      </c>
    </row>
    <row r="3153" spans="1:16" x14ac:dyDescent="0.15">
      <c r="A3153" s="2" t="s">
        <v>49</v>
      </c>
      <c r="B3153" s="2" t="s">
        <v>11234</v>
      </c>
      <c r="C3153" s="4" t="s">
        <v>6</v>
      </c>
      <c r="D3153" s="5" t="s">
        <v>500</v>
      </c>
      <c r="E3153" s="5" t="s">
        <v>11235</v>
      </c>
      <c r="F3153" s="6" t="s">
        <v>11236</v>
      </c>
      <c r="G3153" s="2"/>
      <c r="H3153" s="4"/>
      <c r="I3153" s="5"/>
      <c r="J3153" s="5"/>
      <c r="K3153" s="5"/>
      <c r="L3153" s="6"/>
      <c r="M3153" s="2" t="s">
        <v>11237</v>
      </c>
      <c r="N3153" s="3">
        <v>31922</v>
      </c>
      <c r="O3153" s="3">
        <v>45444</v>
      </c>
      <c r="P3153" s="3">
        <v>47269</v>
      </c>
    </row>
    <row r="3154" spans="1:16" x14ac:dyDescent="0.15">
      <c r="A3154" s="2" t="s">
        <v>49</v>
      </c>
      <c r="B3154" s="2" t="s">
        <v>11238</v>
      </c>
      <c r="C3154" s="4" t="s">
        <v>6</v>
      </c>
      <c r="D3154" s="5" t="s">
        <v>510</v>
      </c>
      <c r="E3154" s="5" t="s">
        <v>11239</v>
      </c>
      <c r="F3154" s="6" t="s">
        <v>5</v>
      </c>
      <c r="G3154" s="2"/>
      <c r="H3154" s="4"/>
      <c r="I3154" s="5"/>
      <c r="J3154" s="5"/>
      <c r="K3154" s="5"/>
      <c r="L3154" s="6"/>
      <c r="M3154" s="2" t="s">
        <v>11240</v>
      </c>
      <c r="N3154" s="3">
        <v>43196</v>
      </c>
      <c r="O3154" s="3">
        <v>45474</v>
      </c>
      <c r="P3154" s="3">
        <v>47664</v>
      </c>
    </row>
    <row r="3155" spans="1:16" x14ac:dyDescent="0.15">
      <c r="A3155" s="2" t="s">
        <v>573</v>
      </c>
      <c r="B3155" s="2" t="s">
        <v>7042</v>
      </c>
      <c r="C3155" s="4" t="s">
        <v>6</v>
      </c>
      <c r="D3155" s="5" t="s">
        <v>2617</v>
      </c>
      <c r="E3155" s="5" t="s">
        <v>7041</v>
      </c>
      <c r="F3155" s="6" t="s">
        <v>5</v>
      </c>
      <c r="G3155" s="2" t="s">
        <v>7040</v>
      </c>
      <c r="H3155" s="4" t="s">
        <v>9</v>
      </c>
      <c r="I3155" s="5" t="s">
        <v>6</v>
      </c>
      <c r="J3155" s="5" t="s">
        <v>2617</v>
      </c>
      <c r="K3155" s="5" t="s">
        <v>7041</v>
      </c>
      <c r="L3155" s="6" t="s">
        <v>5</v>
      </c>
      <c r="M3155" s="2" t="s">
        <v>7044</v>
      </c>
      <c r="N3155" s="3">
        <v>37980</v>
      </c>
      <c r="O3155" s="3">
        <v>44866</v>
      </c>
      <c r="P3155" s="3">
        <v>47057</v>
      </c>
    </row>
    <row r="3156" spans="1:16" x14ac:dyDescent="0.15">
      <c r="A3156" s="2" t="s">
        <v>49</v>
      </c>
      <c r="B3156" s="2" t="s">
        <v>11245</v>
      </c>
      <c r="C3156" s="4" t="s">
        <v>6</v>
      </c>
      <c r="D3156" s="5" t="s">
        <v>8852</v>
      </c>
      <c r="E3156" s="5" t="s">
        <v>11244</v>
      </c>
      <c r="F3156" s="6" t="s">
        <v>5</v>
      </c>
      <c r="G3156" s="2"/>
      <c r="H3156" s="4"/>
      <c r="I3156" s="5"/>
      <c r="J3156" s="5"/>
      <c r="K3156" s="5"/>
      <c r="L3156" s="6"/>
      <c r="M3156" s="2" t="s">
        <v>11246</v>
      </c>
      <c r="N3156" s="3">
        <v>36574</v>
      </c>
      <c r="O3156" s="3">
        <v>45474</v>
      </c>
      <c r="P3156" s="3">
        <v>47664</v>
      </c>
    </row>
    <row r="3157" spans="1:16" x14ac:dyDescent="0.15">
      <c r="A3157" s="2" t="s">
        <v>486</v>
      </c>
      <c r="B3157" s="2" t="s">
        <v>4695</v>
      </c>
      <c r="C3157" s="4" t="s">
        <v>6</v>
      </c>
      <c r="D3157" s="5" t="s">
        <v>4693</v>
      </c>
      <c r="E3157" s="5" t="s">
        <v>3557</v>
      </c>
      <c r="F3157" s="6" t="s">
        <v>5</v>
      </c>
      <c r="G3157" s="2" t="s">
        <v>4691</v>
      </c>
      <c r="H3157" s="4" t="s">
        <v>9</v>
      </c>
      <c r="I3157" s="5" t="s">
        <v>6</v>
      </c>
      <c r="J3157" s="5" t="s">
        <v>2356</v>
      </c>
      <c r="K3157" s="5" t="s">
        <v>4692</v>
      </c>
      <c r="L3157" s="6" t="s">
        <v>5</v>
      </c>
      <c r="M3157" s="2" t="s">
        <v>4697</v>
      </c>
      <c r="N3157" s="3">
        <v>45254</v>
      </c>
      <c r="O3157" s="3">
        <v>45254</v>
      </c>
      <c r="P3157" s="3">
        <v>47573</v>
      </c>
    </row>
    <row r="3158" spans="1:16" x14ac:dyDescent="0.15">
      <c r="A3158" s="2" t="s">
        <v>49</v>
      </c>
      <c r="B3158" s="2" t="s">
        <v>11254</v>
      </c>
      <c r="C3158" s="4" t="s">
        <v>6</v>
      </c>
      <c r="D3158" s="5" t="s">
        <v>247</v>
      </c>
      <c r="E3158" s="5" t="s">
        <v>1307</v>
      </c>
      <c r="F3158" s="6" t="s">
        <v>11255</v>
      </c>
      <c r="G3158" s="2"/>
      <c r="H3158" s="4"/>
      <c r="I3158" s="5"/>
      <c r="J3158" s="5"/>
      <c r="K3158" s="5"/>
      <c r="L3158" s="6"/>
      <c r="M3158" s="2" t="s">
        <v>11256</v>
      </c>
      <c r="N3158" s="3">
        <v>41530</v>
      </c>
      <c r="O3158" s="3">
        <v>45444</v>
      </c>
      <c r="P3158" s="3">
        <v>47269</v>
      </c>
    </row>
    <row r="3159" spans="1:16" x14ac:dyDescent="0.15">
      <c r="A3159" s="2" t="s">
        <v>49</v>
      </c>
      <c r="B3159" s="2" t="s">
        <v>11258</v>
      </c>
      <c r="C3159" s="4" t="s">
        <v>6</v>
      </c>
      <c r="D3159" s="5" t="s">
        <v>273</v>
      </c>
      <c r="E3159" s="5" t="s">
        <v>11257</v>
      </c>
      <c r="F3159" s="6" t="s">
        <v>5</v>
      </c>
      <c r="G3159" s="2"/>
      <c r="H3159" s="4"/>
      <c r="I3159" s="5"/>
      <c r="J3159" s="5"/>
      <c r="K3159" s="5"/>
      <c r="L3159" s="6"/>
      <c r="M3159" s="2" t="s">
        <v>11259</v>
      </c>
      <c r="N3159" s="3">
        <v>33204</v>
      </c>
      <c r="O3159" s="3">
        <v>45474</v>
      </c>
      <c r="P3159" s="3">
        <v>47299</v>
      </c>
    </row>
    <row r="3160" spans="1:16" x14ac:dyDescent="0.15">
      <c r="A3160" s="2" t="s">
        <v>5614</v>
      </c>
      <c r="B3160" s="2" t="s">
        <v>5610</v>
      </c>
      <c r="C3160" s="4" t="s">
        <v>6</v>
      </c>
      <c r="D3160" s="5" t="s">
        <v>5611</v>
      </c>
      <c r="E3160" s="5" t="s">
        <v>5612</v>
      </c>
      <c r="F3160" s="6" t="s">
        <v>5</v>
      </c>
      <c r="G3160" s="2" t="s">
        <v>5610</v>
      </c>
      <c r="H3160" s="4" t="s">
        <v>9</v>
      </c>
      <c r="I3160" s="5" t="s">
        <v>6</v>
      </c>
      <c r="J3160" s="5" t="s">
        <v>5611</v>
      </c>
      <c r="K3160" s="5" t="s">
        <v>5612</v>
      </c>
      <c r="L3160" s="6" t="s">
        <v>5</v>
      </c>
      <c r="M3160" s="2" t="s">
        <v>5615</v>
      </c>
      <c r="N3160" s="3">
        <v>41091</v>
      </c>
      <c r="O3160" s="3">
        <v>44743</v>
      </c>
      <c r="P3160" s="3">
        <v>46568</v>
      </c>
    </row>
    <row r="3161" spans="1:16" x14ac:dyDescent="0.15">
      <c r="A3161" s="2" t="s">
        <v>1912</v>
      </c>
      <c r="B3161" s="2" t="s">
        <v>1908</v>
      </c>
      <c r="C3161" s="4" t="s">
        <v>6</v>
      </c>
      <c r="D3161" s="5" t="s">
        <v>1910</v>
      </c>
      <c r="E3161" s="5" t="s">
        <v>1911</v>
      </c>
      <c r="F3161" s="6" t="s">
        <v>5</v>
      </c>
      <c r="G3161" s="2" t="s">
        <v>1908</v>
      </c>
      <c r="H3161" s="4" t="s">
        <v>9</v>
      </c>
      <c r="I3161" s="5" t="s">
        <v>6</v>
      </c>
      <c r="J3161" s="5" t="s">
        <v>1909</v>
      </c>
      <c r="K3161" s="5" t="s">
        <v>5</v>
      </c>
      <c r="L3161" s="6" t="s">
        <v>5</v>
      </c>
      <c r="M3161" s="2" t="s">
        <v>1913</v>
      </c>
      <c r="N3161" s="3">
        <v>45397</v>
      </c>
      <c r="O3161" s="3">
        <v>45397</v>
      </c>
      <c r="P3161" s="3">
        <v>47938</v>
      </c>
    </row>
    <row r="3162" spans="1:16" x14ac:dyDescent="0.15">
      <c r="A3162" s="2" t="s">
        <v>49</v>
      </c>
      <c r="B3162" s="2" t="s">
        <v>11268</v>
      </c>
      <c r="C3162" s="4" t="s">
        <v>6</v>
      </c>
      <c r="D3162" s="5" t="s">
        <v>500</v>
      </c>
      <c r="E3162" s="5" t="s">
        <v>11269</v>
      </c>
      <c r="F3162" s="6" t="s">
        <v>5</v>
      </c>
      <c r="G3162" s="2"/>
      <c r="H3162" s="4"/>
      <c r="I3162" s="5"/>
      <c r="J3162" s="5"/>
      <c r="K3162" s="5"/>
      <c r="L3162" s="6"/>
      <c r="M3162" s="2" t="s">
        <v>11270</v>
      </c>
      <c r="N3162" s="3">
        <v>36087</v>
      </c>
      <c r="O3162" s="3">
        <v>45444</v>
      </c>
      <c r="P3162" s="3">
        <v>47269</v>
      </c>
    </row>
    <row r="3163" spans="1:16" x14ac:dyDescent="0.15">
      <c r="A3163" s="2" t="s">
        <v>49</v>
      </c>
      <c r="B3163" s="2" t="s">
        <v>11271</v>
      </c>
      <c r="C3163" s="4" t="s">
        <v>6</v>
      </c>
      <c r="D3163" s="5" t="s">
        <v>570</v>
      </c>
      <c r="E3163" s="5" t="s">
        <v>5101</v>
      </c>
      <c r="F3163" s="6" t="s">
        <v>5</v>
      </c>
      <c r="G3163" s="2"/>
      <c r="H3163" s="4"/>
      <c r="I3163" s="5"/>
      <c r="J3163" s="5"/>
      <c r="K3163" s="5"/>
      <c r="L3163" s="6"/>
      <c r="M3163" s="2" t="s">
        <v>11272</v>
      </c>
      <c r="N3163" s="3">
        <v>36950</v>
      </c>
      <c r="O3163" s="3">
        <v>45047</v>
      </c>
      <c r="P3163" s="3">
        <v>47238</v>
      </c>
    </row>
    <row r="3164" spans="1:16" x14ac:dyDescent="0.15">
      <c r="A3164" s="2" t="s">
        <v>1912</v>
      </c>
      <c r="B3164" s="2" t="s">
        <v>3419</v>
      </c>
      <c r="C3164" s="4" t="s">
        <v>6</v>
      </c>
      <c r="D3164" s="5" t="s">
        <v>838</v>
      </c>
      <c r="E3164" s="5" t="s">
        <v>3421</v>
      </c>
      <c r="F3164" s="6" t="s">
        <v>5</v>
      </c>
      <c r="G3164" s="2" t="s">
        <v>3419</v>
      </c>
      <c r="H3164" s="4" t="s">
        <v>9</v>
      </c>
      <c r="I3164" s="5" t="s">
        <v>6</v>
      </c>
      <c r="J3164" s="5" t="s">
        <v>838</v>
      </c>
      <c r="K3164" s="5" t="s">
        <v>3420</v>
      </c>
      <c r="L3164" s="6" t="s">
        <v>5</v>
      </c>
      <c r="M3164" s="2" t="s">
        <v>3423</v>
      </c>
      <c r="N3164" s="3">
        <v>45282</v>
      </c>
      <c r="O3164" s="3">
        <v>45282</v>
      </c>
      <c r="P3164" s="3">
        <v>47603</v>
      </c>
    </row>
    <row r="3165" spans="1:16" x14ac:dyDescent="0.15">
      <c r="A3165" s="2" t="s">
        <v>1912</v>
      </c>
      <c r="B3165" s="2" t="s">
        <v>3602</v>
      </c>
      <c r="C3165" s="4" t="s">
        <v>6</v>
      </c>
      <c r="D3165" s="5" t="s">
        <v>570</v>
      </c>
      <c r="E3165" s="5" t="s">
        <v>3604</v>
      </c>
      <c r="F3165" s="6" t="s">
        <v>5</v>
      </c>
      <c r="G3165" s="2" t="s">
        <v>3602</v>
      </c>
      <c r="H3165" s="4" t="s">
        <v>9</v>
      </c>
      <c r="I3165" s="5" t="s">
        <v>6</v>
      </c>
      <c r="J3165" s="5" t="s">
        <v>570</v>
      </c>
      <c r="K3165" s="5" t="s">
        <v>3603</v>
      </c>
      <c r="L3165" s="6" t="s">
        <v>5</v>
      </c>
      <c r="M3165" s="2" t="s">
        <v>3605</v>
      </c>
      <c r="N3165" s="3">
        <v>45352</v>
      </c>
      <c r="O3165" s="3">
        <v>45352</v>
      </c>
      <c r="P3165" s="3">
        <v>47603</v>
      </c>
    </row>
    <row r="3166" spans="1:16" x14ac:dyDescent="0.15">
      <c r="A3166" s="2" t="s">
        <v>1912</v>
      </c>
      <c r="B3166" s="2" t="s">
        <v>5541</v>
      </c>
      <c r="C3166" s="4" t="s">
        <v>6</v>
      </c>
      <c r="D3166" s="5" t="s">
        <v>5542</v>
      </c>
      <c r="E3166" s="5" t="s">
        <v>4614</v>
      </c>
      <c r="F3166" s="6" t="s">
        <v>5</v>
      </c>
      <c r="G3166" s="2" t="s">
        <v>5539</v>
      </c>
      <c r="H3166" s="4" t="s">
        <v>9</v>
      </c>
      <c r="I3166" s="5" t="s">
        <v>663</v>
      </c>
      <c r="J3166" s="5" t="s">
        <v>2188</v>
      </c>
      <c r="K3166" s="5" t="s">
        <v>5540</v>
      </c>
      <c r="L3166" s="6" t="s">
        <v>5</v>
      </c>
      <c r="M3166" s="2" t="s">
        <v>5543</v>
      </c>
      <c r="N3166" s="3">
        <v>44715</v>
      </c>
      <c r="O3166" s="3">
        <v>44715</v>
      </c>
      <c r="P3166" s="3">
        <v>46934</v>
      </c>
    </row>
    <row r="3167" spans="1:16" x14ac:dyDescent="0.15">
      <c r="A3167" s="2" t="s">
        <v>1700</v>
      </c>
      <c r="B3167" s="2" t="s">
        <v>1698</v>
      </c>
      <c r="C3167" s="4" t="s">
        <v>6</v>
      </c>
      <c r="D3167" s="5" t="s">
        <v>367</v>
      </c>
      <c r="E3167" s="5" t="s">
        <v>1699</v>
      </c>
      <c r="F3167" s="6" t="s">
        <v>5</v>
      </c>
      <c r="G3167" s="2" t="s">
        <v>1693</v>
      </c>
      <c r="H3167" s="4" t="s">
        <v>1694</v>
      </c>
      <c r="I3167" s="5" t="s">
        <v>1695</v>
      </c>
      <c r="J3167" s="5" t="s">
        <v>1696</v>
      </c>
      <c r="K3167" s="5" t="s">
        <v>1697</v>
      </c>
      <c r="L3167" s="6" t="s">
        <v>5</v>
      </c>
      <c r="M3167" s="2" t="s">
        <v>1701</v>
      </c>
      <c r="N3167" s="3">
        <v>37677</v>
      </c>
      <c r="O3167" s="3">
        <v>44470</v>
      </c>
      <c r="P3167" s="3">
        <v>46660</v>
      </c>
    </row>
    <row r="3168" spans="1:16" x14ac:dyDescent="0.15">
      <c r="A3168" s="2" t="s">
        <v>66</v>
      </c>
      <c r="B3168" s="2" t="s">
        <v>11284</v>
      </c>
      <c r="C3168" s="4" t="s">
        <v>6</v>
      </c>
      <c r="D3168" s="5" t="s">
        <v>6663</v>
      </c>
      <c r="E3168" s="5" t="s">
        <v>11283</v>
      </c>
      <c r="F3168" s="6" t="s">
        <v>5</v>
      </c>
      <c r="G3168" s="2"/>
      <c r="H3168" s="4"/>
      <c r="I3168" s="5"/>
      <c r="J3168" s="5"/>
      <c r="K3168" s="5"/>
      <c r="L3168" s="6"/>
      <c r="M3168" s="2" t="s">
        <v>11285</v>
      </c>
      <c r="N3168" s="3">
        <v>39556</v>
      </c>
      <c r="O3168" s="3">
        <v>45474</v>
      </c>
      <c r="P3168" s="3">
        <v>47664</v>
      </c>
    </row>
    <row r="3169" spans="1:16" x14ac:dyDescent="0.15">
      <c r="A3169" s="2" t="s">
        <v>49</v>
      </c>
      <c r="B3169" s="2" t="s">
        <v>11286</v>
      </c>
      <c r="C3169" s="4" t="s">
        <v>6</v>
      </c>
      <c r="D3169" s="5" t="s">
        <v>5551</v>
      </c>
      <c r="E3169" s="5" t="s">
        <v>9995</v>
      </c>
      <c r="F3169" s="6" t="s">
        <v>5</v>
      </c>
      <c r="G3169" s="2"/>
      <c r="H3169" s="4"/>
      <c r="I3169" s="5"/>
      <c r="J3169" s="5"/>
      <c r="K3169" s="5"/>
      <c r="L3169" s="6"/>
      <c r="M3169" s="2" t="s">
        <v>11287</v>
      </c>
      <c r="N3169" s="3">
        <v>43053</v>
      </c>
      <c r="O3169" s="3">
        <v>45474</v>
      </c>
      <c r="P3169" s="3">
        <v>47664</v>
      </c>
    </row>
    <row r="3170" spans="1:16" x14ac:dyDescent="0.15">
      <c r="A3170" s="2" t="s">
        <v>49</v>
      </c>
      <c r="B3170" s="2" t="s">
        <v>11288</v>
      </c>
      <c r="C3170" s="4" t="s">
        <v>6</v>
      </c>
      <c r="D3170" s="5" t="s">
        <v>500</v>
      </c>
      <c r="E3170" s="5" t="s">
        <v>5063</v>
      </c>
      <c r="F3170" s="6" t="s">
        <v>11289</v>
      </c>
      <c r="G3170" s="2"/>
      <c r="H3170" s="4"/>
      <c r="I3170" s="5"/>
      <c r="J3170" s="5"/>
      <c r="K3170" s="5"/>
      <c r="L3170" s="6"/>
      <c r="M3170" s="2" t="s">
        <v>11290</v>
      </c>
      <c r="N3170" s="3">
        <v>31769</v>
      </c>
      <c r="O3170" s="3">
        <v>45444</v>
      </c>
      <c r="P3170" s="3">
        <v>47269</v>
      </c>
    </row>
    <row r="3171" spans="1:16" x14ac:dyDescent="0.15">
      <c r="A3171" s="2" t="s">
        <v>1700</v>
      </c>
      <c r="B3171" s="2" t="s">
        <v>2124</v>
      </c>
      <c r="C3171" s="4" t="s">
        <v>6</v>
      </c>
      <c r="D3171" s="5" t="s">
        <v>2125</v>
      </c>
      <c r="E3171" s="5" t="s">
        <v>2126</v>
      </c>
      <c r="F3171" s="6" t="s">
        <v>5</v>
      </c>
      <c r="G3171" s="2" t="s">
        <v>2124</v>
      </c>
      <c r="H3171" s="4" t="s">
        <v>9</v>
      </c>
      <c r="I3171" s="5" t="s">
        <v>6</v>
      </c>
      <c r="J3171" s="5" t="s">
        <v>2125</v>
      </c>
      <c r="K3171" s="5" t="s">
        <v>2126</v>
      </c>
      <c r="L3171" s="6" t="s">
        <v>5</v>
      </c>
      <c r="M3171" s="2" t="s">
        <v>2127</v>
      </c>
      <c r="N3171" s="3">
        <v>40073</v>
      </c>
      <c r="O3171" s="3">
        <v>44470</v>
      </c>
      <c r="P3171" s="3">
        <v>46660</v>
      </c>
    </row>
    <row r="3172" spans="1:16" x14ac:dyDescent="0.15">
      <c r="A3172" s="2" t="s">
        <v>1700</v>
      </c>
      <c r="B3172" s="2" t="s">
        <v>2935</v>
      </c>
      <c r="C3172" s="4" t="s">
        <v>6</v>
      </c>
      <c r="D3172" s="5" t="s">
        <v>2677</v>
      </c>
      <c r="E3172" s="5" t="s">
        <v>2678</v>
      </c>
      <c r="F3172" s="6" t="s">
        <v>5</v>
      </c>
      <c r="G3172" s="2" t="s">
        <v>2932</v>
      </c>
      <c r="H3172" s="4" t="s">
        <v>29</v>
      </c>
      <c r="I3172" s="5" t="s">
        <v>1887</v>
      </c>
      <c r="J3172" s="5" t="s">
        <v>2933</v>
      </c>
      <c r="K3172" s="5" t="s">
        <v>2934</v>
      </c>
      <c r="L3172" s="6" t="s">
        <v>5</v>
      </c>
      <c r="M3172" s="2" t="s">
        <v>2937</v>
      </c>
      <c r="N3172" s="3">
        <v>35835</v>
      </c>
      <c r="O3172" s="3">
        <v>45474</v>
      </c>
      <c r="P3172" s="3">
        <v>47664</v>
      </c>
    </row>
    <row r="3173" spans="1:16" x14ac:dyDescent="0.15">
      <c r="A3173" s="2" t="s">
        <v>66</v>
      </c>
      <c r="B3173" s="2" t="s">
        <v>11301</v>
      </c>
      <c r="C3173" s="4" t="s">
        <v>6</v>
      </c>
      <c r="D3173" s="5" t="s">
        <v>5707</v>
      </c>
      <c r="E3173" s="5" t="s">
        <v>690</v>
      </c>
      <c r="F3173" s="6" t="s">
        <v>5</v>
      </c>
      <c r="G3173" s="2"/>
      <c r="H3173" s="4"/>
      <c r="I3173" s="5"/>
      <c r="J3173" s="5"/>
      <c r="K3173" s="5"/>
      <c r="L3173" s="6"/>
      <c r="M3173" s="2" t="s">
        <v>11302</v>
      </c>
      <c r="N3173" s="3">
        <v>41821</v>
      </c>
      <c r="O3173" s="3">
        <v>45474</v>
      </c>
      <c r="P3173" s="3">
        <v>47299</v>
      </c>
    </row>
    <row r="3174" spans="1:16" x14ac:dyDescent="0.15">
      <c r="A3174" s="2" t="s">
        <v>49</v>
      </c>
      <c r="B3174" s="2" t="s">
        <v>11303</v>
      </c>
      <c r="C3174" s="4" t="s">
        <v>6</v>
      </c>
      <c r="D3174" s="5" t="s">
        <v>456</v>
      </c>
      <c r="E3174" s="5" t="s">
        <v>520</v>
      </c>
      <c r="F3174" s="6" t="s">
        <v>5</v>
      </c>
      <c r="G3174" s="2"/>
      <c r="H3174" s="4"/>
      <c r="I3174" s="5"/>
      <c r="J3174" s="5"/>
      <c r="K3174" s="5"/>
      <c r="L3174" s="6"/>
      <c r="M3174" s="2" t="s">
        <v>11304</v>
      </c>
      <c r="N3174" s="3">
        <v>43287</v>
      </c>
      <c r="O3174" s="3">
        <v>45444</v>
      </c>
      <c r="P3174" s="3">
        <v>47269</v>
      </c>
    </row>
    <row r="3175" spans="1:16" x14ac:dyDescent="0.15">
      <c r="A3175" s="2" t="s">
        <v>49</v>
      </c>
      <c r="B3175" s="2" t="s">
        <v>11305</v>
      </c>
      <c r="C3175" s="4" t="s">
        <v>6</v>
      </c>
      <c r="D3175" s="5" t="s">
        <v>500</v>
      </c>
      <c r="E3175" s="5" t="s">
        <v>11306</v>
      </c>
      <c r="F3175" s="6" t="s">
        <v>11307</v>
      </c>
      <c r="G3175" s="2"/>
      <c r="H3175" s="4"/>
      <c r="I3175" s="5"/>
      <c r="J3175" s="5"/>
      <c r="K3175" s="5"/>
      <c r="L3175" s="6"/>
      <c r="M3175" s="2" t="s">
        <v>11308</v>
      </c>
      <c r="N3175" s="3">
        <v>43511</v>
      </c>
      <c r="O3175" s="3">
        <v>45444</v>
      </c>
      <c r="P3175" s="3">
        <v>47269</v>
      </c>
    </row>
    <row r="3176" spans="1:16" x14ac:dyDescent="0.15">
      <c r="A3176" s="2" t="s">
        <v>1700</v>
      </c>
      <c r="B3176" s="2" t="s">
        <v>6029</v>
      </c>
      <c r="C3176" s="4" t="s">
        <v>6</v>
      </c>
      <c r="D3176" s="5" t="s">
        <v>2401</v>
      </c>
      <c r="E3176" s="5" t="s">
        <v>3369</v>
      </c>
      <c r="F3176" s="6" t="s">
        <v>5</v>
      </c>
      <c r="G3176" s="2" t="s">
        <v>6026</v>
      </c>
      <c r="H3176" s="4" t="s">
        <v>29</v>
      </c>
      <c r="I3176" s="5" t="s">
        <v>1887</v>
      </c>
      <c r="J3176" s="5" t="s">
        <v>6027</v>
      </c>
      <c r="K3176" s="5" t="s">
        <v>6028</v>
      </c>
      <c r="L3176" s="6" t="s">
        <v>5</v>
      </c>
      <c r="M3176" s="2" t="s">
        <v>6030</v>
      </c>
      <c r="N3176" s="3">
        <v>40281</v>
      </c>
      <c r="O3176" s="3">
        <v>44835</v>
      </c>
      <c r="P3176" s="3">
        <v>47026</v>
      </c>
    </row>
    <row r="3177" spans="1:16" x14ac:dyDescent="0.15">
      <c r="A3177" s="2" t="s">
        <v>1700</v>
      </c>
      <c r="B3177" s="2" t="s">
        <v>6114</v>
      </c>
      <c r="C3177" s="4" t="s">
        <v>6</v>
      </c>
      <c r="D3177" s="5" t="s">
        <v>2401</v>
      </c>
      <c r="E3177" s="5" t="s">
        <v>6115</v>
      </c>
      <c r="F3177" s="6" t="s">
        <v>5</v>
      </c>
      <c r="G3177" s="2" t="s">
        <v>6104</v>
      </c>
      <c r="H3177" s="4" t="s">
        <v>1694</v>
      </c>
      <c r="I3177" s="5" t="s">
        <v>6105</v>
      </c>
      <c r="J3177" s="5" t="s">
        <v>6106</v>
      </c>
      <c r="K3177" s="5" t="s">
        <v>6107</v>
      </c>
      <c r="L3177" s="6" t="s">
        <v>5</v>
      </c>
      <c r="M3177" s="2" t="s">
        <v>6116</v>
      </c>
      <c r="N3177" s="3">
        <v>45358</v>
      </c>
      <c r="O3177" s="3">
        <v>45358</v>
      </c>
      <c r="P3177" s="3">
        <v>48121</v>
      </c>
    </row>
    <row r="3178" spans="1:16" x14ac:dyDescent="0.15">
      <c r="A3178" s="2" t="s">
        <v>1700</v>
      </c>
      <c r="B3178" s="2" t="s">
        <v>6764</v>
      </c>
      <c r="C3178" s="4" t="s">
        <v>6</v>
      </c>
      <c r="D3178" s="5" t="s">
        <v>4927</v>
      </c>
      <c r="E3178" s="5" t="s">
        <v>6765</v>
      </c>
      <c r="F3178" s="6" t="s">
        <v>5</v>
      </c>
      <c r="G3178" s="2" t="s">
        <v>6763</v>
      </c>
      <c r="H3178" s="4" t="s">
        <v>9</v>
      </c>
      <c r="I3178" s="5" t="s">
        <v>6</v>
      </c>
      <c r="J3178" s="5" t="s">
        <v>1949</v>
      </c>
      <c r="K3178" s="5" t="s">
        <v>5826</v>
      </c>
      <c r="L3178" s="6" t="s">
        <v>5</v>
      </c>
      <c r="M3178" s="2" t="s">
        <v>6766</v>
      </c>
      <c r="N3178" s="3">
        <v>38037</v>
      </c>
      <c r="O3178" s="3">
        <v>44866</v>
      </c>
      <c r="P3178" s="3">
        <v>47057</v>
      </c>
    </row>
    <row r="3179" spans="1:16" x14ac:dyDescent="0.15">
      <c r="A3179" s="2" t="s">
        <v>49</v>
      </c>
      <c r="B3179" s="2" t="s">
        <v>11322</v>
      </c>
      <c r="C3179" s="4" t="s">
        <v>6</v>
      </c>
      <c r="D3179" s="5" t="s">
        <v>456</v>
      </c>
      <c r="E3179" s="5" t="s">
        <v>520</v>
      </c>
      <c r="F3179" s="6" t="s">
        <v>5</v>
      </c>
      <c r="G3179" s="2"/>
      <c r="H3179" s="4"/>
      <c r="I3179" s="5"/>
      <c r="J3179" s="5"/>
      <c r="K3179" s="5"/>
      <c r="L3179" s="6"/>
      <c r="M3179" s="2" t="s">
        <v>11323</v>
      </c>
      <c r="N3179" s="3">
        <v>43540</v>
      </c>
      <c r="O3179" s="3">
        <v>45444</v>
      </c>
      <c r="P3179" s="3">
        <v>47269</v>
      </c>
    </row>
    <row r="3180" spans="1:16" x14ac:dyDescent="0.15">
      <c r="A3180" s="2" t="s">
        <v>49</v>
      </c>
      <c r="B3180" s="2" t="s">
        <v>11324</v>
      </c>
      <c r="C3180" s="4" t="s">
        <v>6</v>
      </c>
      <c r="D3180" s="5" t="s">
        <v>456</v>
      </c>
      <c r="E3180" s="5" t="s">
        <v>520</v>
      </c>
      <c r="F3180" s="6" t="s">
        <v>5</v>
      </c>
      <c r="G3180" s="2"/>
      <c r="H3180" s="4"/>
      <c r="I3180" s="5"/>
      <c r="J3180" s="5"/>
      <c r="K3180" s="5"/>
      <c r="L3180" s="6"/>
      <c r="M3180" s="2" t="s">
        <v>11325</v>
      </c>
      <c r="N3180" s="3">
        <v>43475</v>
      </c>
      <c r="O3180" s="3">
        <v>45444</v>
      </c>
      <c r="P3180" s="3">
        <v>47269</v>
      </c>
    </row>
    <row r="3181" spans="1:16" x14ac:dyDescent="0.15">
      <c r="A3181" s="2" t="s">
        <v>49</v>
      </c>
      <c r="B3181" s="2" t="s">
        <v>11326</v>
      </c>
      <c r="C3181" s="4" t="s">
        <v>6</v>
      </c>
      <c r="D3181" s="5" t="s">
        <v>1027</v>
      </c>
      <c r="E3181" s="5" t="s">
        <v>2818</v>
      </c>
      <c r="F3181" s="6" t="s">
        <v>11327</v>
      </c>
      <c r="G3181" s="2"/>
      <c r="H3181" s="4"/>
      <c r="I3181" s="5"/>
      <c r="J3181" s="5"/>
      <c r="K3181" s="5"/>
      <c r="L3181" s="6"/>
      <c r="M3181" s="2" t="s">
        <v>11328</v>
      </c>
      <c r="N3181" s="3">
        <v>45440</v>
      </c>
      <c r="O3181" s="3">
        <v>45440</v>
      </c>
      <c r="P3181" s="3">
        <v>47817</v>
      </c>
    </row>
    <row r="3182" spans="1:16" x14ac:dyDescent="0.15">
      <c r="A3182" s="2" t="s">
        <v>486</v>
      </c>
      <c r="B3182" s="2" t="s">
        <v>11329</v>
      </c>
      <c r="C3182" s="4" t="s">
        <v>6</v>
      </c>
      <c r="D3182" s="5" t="s">
        <v>2312</v>
      </c>
      <c r="E3182" s="5" t="s">
        <v>11330</v>
      </c>
      <c r="F3182" s="6" t="s">
        <v>5</v>
      </c>
      <c r="G3182" s="2"/>
      <c r="H3182" s="4"/>
      <c r="I3182" s="5"/>
      <c r="J3182" s="5"/>
      <c r="K3182" s="5"/>
      <c r="L3182" s="6"/>
      <c r="M3182" s="2" t="s">
        <v>11331</v>
      </c>
      <c r="N3182" s="3">
        <v>45440</v>
      </c>
      <c r="O3182" s="3">
        <v>45440</v>
      </c>
      <c r="P3182" s="3">
        <v>47787</v>
      </c>
    </row>
    <row r="3183" spans="1:16" x14ac:dyDescent="0.15">
      <c r="A3183" s="2" t="s">
        <v>49</v>
      </c>
      <c r="B3183" s="2" t="s">
        <v>11332</v>
      </c>
      <c r="C3183" s="4" t="s">
        <v>6</v>
      </c>
      <c r="D3183" s="5" t="s">
        <v>247</v>
      </c>
      <c r="E3183" s="5" t="s">
        <v>2479</v>
      </c>
      <c r="F3183" s="6" t="s">
        <v>11333</v>
      </c>
      <c r="G3183" s="2"/>
      <c r="H3183" s="4"/>
      <c r="I3183" s="5"/>
      <c r="J3183" s="5"/>
      <c r="K3183" s="5"/>
      <c r="L3183" s="6"/>
      <c r="M3183" s="2" t="s">
        <v>11334</v>
      </c>
      <c r="N3183" s="3">
        <v>40914</v>
      </c>
      <c r="O3183" s="3">
        <v>45444</v>
      </c>
      <c r="P3183" s="3">
        <v>47634</v>
      </c>
    </row>
    <row r="3184" spans="1:16" x14ac:dyDescent="0.15">
      <c r="A3184" s="2" t="s">
        <v>49</v>
      </c>
      <c r="B3184" s="2" t="s">
        <v>11335</v>
      </c>
      <c r="C3184" s="4" t="s">
        <v>6</v>
      </c>
      <c r="D3184" s="5" t="s">
        <v>11336</v>
      </c>
      <c r="E3184" s="5" t="s">
        <v>11337</v>
      </c>
      <c r="F3184" s="6" t="s">
        <v>5</v>
      </c>
      <c r="G3184" s="2"/>
      <c r="H3184" s="4"/>
      <c r="I3184" s="5"/>
      <c r="J3184" s="5"/>
      <c r="K3184" s="5"/>
      <c r="L3184" s="6"/>
      <c r="M3184" s="2" t="s">
        <v>11338</v>
      </c>
      <c r="N3184" s="3">
        <v>30234</v>
      </c>
      <c r="O3184" s="3">
        <v>45474</v>
      </c>
      <c r="P3184" s="3">
        <v>47299</v>
      </c>
    </row>
    <row r="3185" spans="1:16" x14ac:dyDescent="0.15">
      <c r="A3185" s="2" t="s">
        <v>66</v>
      </c>
      <c r="B3185" s="2" t="s">
        <v>11340</v>
      </c>
      <c r="C3185" s="4" t="s">
        <v>6</v>
      </c>
      <c r="D3185" s="5" t="s">
        <v>2610</v>
      </c>
      <c r="E3185" s="5" t="s">
        <v>11339</v>
      </c>
      <c r="F3185" s="6" t="s">
        <v>5</v>
      </c>
      <c r="G3185" s="2"/>
      <c r="H3185" s="4"/>
      <c r="I3185" s="5"/>
      <c r="J3185" s="5"/>
      <c r="K3185" s="5"/>
      <c r="L3185" s="6"/>
      <c r="M3185" s="2" t="s">
        <v>11341</v>
      </c>
      <c r="N3185" s="3">
        <v>43137</v>
      </c>
      <c r="O3185" s="3">
        <v>45474</v>
      </c>
      <c r="P3185" s="3">
        <v>47664</v>
      </c>
    </row>
    <row r="3186" spans="1:16" x14ac:dyDescent="0.15">
      <c r="A3186" s="2" t="s">
        <v>42</v>
      </c>
      <c r="B3186" s="2" t="s">
        <v>11340</v>
      </c>
      <c r="C3186" s="4" t="s">
        <v>6</v>
      </c>
      <c r="D3186" s="5" t="s">
        <v>2610</v>
      </c>
      <c r="E3186" s="5" t="s">
        <v>11339</v>
      </c>
      <c r="F3186" s="6" t="s">
        <v>5</v>
      </c>
      <c r="G3186" s="2"/>
      <c r="H3186" s="4"/>
      <c r="I3186" s="5"/>
      <c r="J3186" s="5"/>
      <c r="K3186" s="5"/>
      <c r="L3186" s="6"/>
      <c r="M3186" s="2" t="s">
        <v>11342</v>
      </c>
      <c r="N3186" s="3">
        <v>43137</v>
      </c>
      <c r="O3186" s="3">
        <v>45474</v>
      </c>
      <c r="P3186" s="3">
        <v>47664</v>
      </c>
    </row>
    <row r="3187" spans="1:16" x14ac:dyDescent="0.15">
      <c r="A3187" s="2" t="s">
        <v>49</v>
      </c>
      <c r="B3187" s="2" t="s">
        <v>11343</v>
      </c>
      <c r="C3187" s="4" t="s">
        <v>6</v>
      </c>
      <c r="D3187" s="5" t="s">
        <v>456</v>
      </c>
      <c r="E3187" s="5" t="s">
        <v>520</v>
      </c>
      <c r="F3187" s="6" t="s">
        <v>5</v>
      </c>
      <c r="G3187" s="2"/>
      <c r="H3187" s="4"/>
      <c r="I3187" s="5"/>
      <c r="J3187" s="5"/>
      <c r="K3187" s="5"/>
      <c r="L3187" s="6"/>
      <c r="M3187" s="2" t="s">
        <v>11344</v>
      </c>
      <c r="N3187" s="3">
        <v>43291</v>
      </c>
      <c r="O3187" s="3">
        <v>45444</v>
      </c>
      <c r="P3187" s="3">
        <v>47269</v>
      </c>
    </row>
    <row r="3188" spans="1:16" x14ac:dyDescent="0.15">
      <c r="A3188" s="2" t="s">
        <v>660</v>
      </c>
      <c r="B3188" s="2" t="s">
        <v>11345</v>
      </c>
      <c r="C3188" s="4" t="s">
        <v>6</v>
      </c>
      <c r="D3188" s="5" t="s">
        <v>1762</v>
      </c>
      <c r="E3188" s="5" t="s">
        <v>1597</v>
      </c>
      <c r="F3188" s="6" t="s">
        <v>5</v>
      </c>
      <c r="G3188" s="2"/>
      <c r="H3188" s="4"/>
      <c r="I3188" s="5"/>
      <c r="J3188" s="5"/>
      <c r="K3188" s="5"/>
      <c r="L3188" s="6"/>
      <c r="M3188" s="2" t="s">
        <v>11346</v>
      </c>
      <c r="N3188" s="3">
        <v>45459</v>
      </c>
      <c r="O3188" s="3">
        <v>45459</v>
      </c>
      <c r="P3188" s="3">
        <v>47664</v>
      </c>
    </row>
    <row r="3189" spans="1:16" x14ac:dyDescent="0.15">
      <c r="A3189" s="2" t="s">
        <v>49</v>
      </c>
      <c r="B3189" s="2" t="s">
        <v>11347</v>
      </c>
      <c r="C3189" s="4" t="s">
        <v>6</v>
      </c>
      <c r="D3189" s="5" t="s">
        <v>500</v>
      </c>
      <c r="E3189" s="5" t="s">
        <v>11348</v>
      </c>
      <c r="F3189" s="6" t="s">
        <v>11349</v>
      </c>
      <c r="G3189" s="2"/>
      <c r="H3189" s="4"/>
      <c r="I3189" s="5"/>
      <c r="J3189" s="5"/>
      <c r="K3189" s="5"/>
      <c r="L3189" s="6"/>
      <c r="M3189" s="2" t="s">
        <v>11350</v>
      </c>
      <c r="N3189" s="3">
        <v>41586</v>
      </c>
      <c r="O3189" s="3">
        <v>45444</v>
      </c>
      <c r="P3189" s="3">
        <v>47269</v>
      </c>
    </row>
    <row r="3190" spans="1:16" x14ac:dyDescent="0.15">
      <c r="A3190" s="2" t="s">
        <v>49</v>
      </c>
      <c r="B3190" s="2" t="s">
        <v>11351</v>
      </c>
      <c r="C3190" s="4" t="s">
        <v>6</v>
      </c>
      <c r="D3190" s="5" t="s">
        <v>500</v>
      </c>
      <c r="E3190" s="5" t="s">
        <v>11352</v>
      </c>
      <c r="F3190" s="6" t="s">
        <v>5</v>
      </c>
      <c r="G3190" s="2"/>
      <c r="H3190" s="4"/>
      <c r="I3190" s="5"/>
      <c r="J3190" s="5"/>
      <c r="K3190" s="5"/>
      <c r="L3190" s="6"/>
      <c r="M3190" s="2" t="s">
        <v>11353</v>
      </c>
      <c r="N3190" s="3">
        <v>39420</v>
      </c>
      <c r="O3190" s="3">
        <v>45444</v>
      </c>
      <c r="P3190" s="3">
        <v>47634</v>
      </c>
    </row>
    <row r="3191" spans="1:16" x14ac:dyDescent="0.15">
      <c r="A3191" s="2" t="s">
        <v>49</v>
      </c>
      <c r="B3191" s="2" t="s">
        <v>11354</v>
      </c>
      <c r="C3191" s="4" t="s">
        <v>6</v>
      </c>
      <c r="D3191" s="5" t="s">
        <v>500</v>
      </c>
      <c r="E3191" s="5" t="s">
        <v>11355</v>
      </c>
      <c r="F3191" s="6" t="s">
        <v>11356</v>
      </c>
      <c r="G3191" s="2"/>
      <c r="H3191" s="4"/>
      <c r="I3191" s="5"/>
      <c r="J3191" s="5"/>
      <c r="K3191" s="5"/>
      <c r="L3191" s="6"/>
      <c r="M3191" s="2" t="s">
        <v>11357</v>
      </c>
      <c r="N3191" s="3">
        <v>45440</v>
      </c>
      <c r="O3191" s="3">
        <v>45440</v>
      </c>
      <c r="P3191" s="3">
        <v>47269</v>
      </c>
    </row>
    <row r="3192" spans="1:16" x14ac:dyDescent="0.15">
      <c r="A3192" s="2" t="s">
        <v>1700</v>
      </c>
      <c r="B3192" s="2" t="s">
        <v>7985</v>
      </c>
      <c r="C3192" s="4" t="s">
        <v>6</v>
      </c>
      <c r="D3192" s="5" t="s">
        <v>7986</v>
      </c>
      <c r="E3192" s="5" t="s">
        <v>7987</v>
      </c>
      <c r="F3192" s="6" t="s">
        <v>5</v>
      </c>
      <c r="G3192" s="2" t="s">
        <v>7983</v>
      </c>
      <c r="H3192" s="4" t="s">
        <v>9</v>
      </c>
      <c r="I3192" s="5" t="s">
        <v>6</v>
      </c>
      <c r="J3192" s="5" t="s">
        <v>1241</v>
      </c>
      <c r="K3192" s="5" t="s">
        <v>7984</v>
      </c>
      <c r="L3192" s="6" t="s">
        <v>5</v>
      </c>
      <c r="M3192" s="2" t="s">
        <v>7988</v>
      </c>
      <c r="N3192" s="3">
        <v>34789</v>
      </c>
      <c r="O3192" s="3">
        <v>45047</v>
      </c>
      <c r="P3192" s="3">
        <v>47603</v>
      </c>
    </row>
    <row r="3193" spans="1:16" x14ac:dyDescent="0.15">
      <c r="A3193" s="2" t="s">
        <v>49</v>
      </c>
      <c r="B3193" s="2" t="s">
        <v>11364</v>
      </c>
      <c r="C3193" s="4" t="s">
        <v>6</v>
      </c>
      <c r="D3193" s="5" t="s">
        <v>378</v>
      </c>
      <c r="E3193" s="5" t="s">
        <v>11365</v>
      </c>
      <c r="F3193" s="6" t="s">
        <v>11366</v>
      </c>
      <c r="G3193" s="2"/>
      <c r="H3193" s="4"/>
      <c r="I3193" s="5"/>
      <c r="J3193" s="5"/>
      <c r="K3193" s="5"/>
      <c r="L3193" s="6"/>
      <c r="M3193" s="2" t="s">
        <v>11367</v>
      </c>
      <c r="N3193" s="3">
        <v>33037</v>
      </c>
      <c r="O3193" s="3">
        <v>45444</v>
      </c>
      <c r="P3193" s="3">
        <v>47269</v>
      </c>
    </row>
    <row r="3194" spans="1:16" x14ac:dyDescent="0.15">
      <c r="A3194" s="2" t="s">
        <v>1700</v>
      </c>
      <c r="B3194" s="2" t="s">
        <v>10742</v>
      </c>
      <c r="C3194" s="4" t="s">
        <v>6</v>
      </c>
      <c r="D3194" s="5" t="s">
        <v>2487</v>
      </c>
      <c r="E3194" s="5" t="s">
        <v>10741</v>
      </c>
      <c r="F3194" s="6" t="s">
        <v>5</v>
      </c>
      <c r="G3194" s="2" t="s">
        <v>10740</v>
      </c>
      <c r="H3194" s="4" t="s">
        <v>9</v>
      </c>
      <c r="I3194" s="5" t="s">
        <v>6</v>
      </c>
      <c r="J3194" s="5" t="s">
        <v>2487</v>
      </c>
      <c r="K3194" s="5" t="s">
        <v>10741</v>
      </c>
      <c r="L3194" s="6" t="s">
        <v>5</v>
      </c>
      <c r="M3194" s="2" t="s">
        <v>10743</v>
      </c>
      <c r="N3194" s="3">
        <v>35775</v>
      </c>
      <c r="O3194" s="3">
        <v>45383</v>
      </c>
      <c r="P3194" s="3">
        <v>47573</v>
      </c>
    </row>
    <row r="3195" spans="1:16" x14ac:dyDescent="0.15">
      <c r="A3195" s="2" t="s">
        <v>49</v>
      </c>
      <c r="B3195" s="2" t="s">
        <v>11374</v>
      </c>
      <c r="C3195" s="4" t="s">
        <v>6</v>
      </c>
      <c r="D3195" s="5" t="s">
        <v>464</v>
      </c>
      <c r="E3195" s="5" t="s">
        <v>1821</v>
      </c>
      <c r="F3195" s="6" t="s">
        <v>11375</v>
      </c>
      <c r="G3195" s="2"/>
      <c r="H3195" s="4"/>
      <c r="I3195" s="5"/>
      <c r="J3195" s="5"/>
      <c r="K3195" s="5"/>
      <c r="L3195" s="6"/>
      <c r="M3195" s="2" t="s">
        <v>11376</v>
      </c>
      <c r="N3195" s="3">
        <v>44531</v>
      </c>
      <c r="O3195" s="3">
        <v>44531</v>
      </c>
      <c r="P3195" s="3">
        <v>46538</v>
      </c>
    </row>
  </sheetData>
  <mergeCells count="2">
    <mergeCell ref="C1:F1"/>
    <mergeCell ref="H1:L1"/>
  </mergeCells>
  <phoneticPr fontId="1"/>
  <pageMargins left="0.25" right="0.25" top="0.75" bottom="0.75" header="0.3" footer="0.3"/>
  <pageSetup paperSize="9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2880"/>
  <sheetViews>
    <sheetView topLeftCell="A2862" workbookViewId="0">
      <selection activeCell="D2883" sqref="D2883"/>
    </sheetView>
  </sheetViews>
  <sheetFormatPr defaultRowHeight="18.75" x14ac:dyDescent="0.4"/>
  <cols>
    <col min="1" max="1" width="13" style="12" customWidth="1"/>
    <col min="2" max="2" width="8.25" style="12" customWidth="1"/>
    <col min="3" max="3" width="17.875" style="12" customWidth="1"/>
    <col min="4" max="4" width="19.875" style="12" customWidth="1"/>
    <col min="5" max="5" width="10.125" style="13" customWidth="1"/>
    <col min="6" max="6" width="15.5" style="12" customWidth="1"/>
    <col min="7" max="7" width="15.875" style="12" customWidth="1"/>
    <col min="8" max="8" width="8" style="12" customWidth="1"/>
    <col min="9" max="9" width="7.875" style="12" customWidth="1"/>
    <col min="10" max="10" width="7.25" style="12" customWidth="1"/>
    <col min="11" max="11" width="7.625" style="12" customWidth="1"/>
    <col min="12" max="16384" width="9" style="1"/>
  </cols>
  <sheetData>
    <row r="1" spans="1:11" x14ac:dyDescent="0.4">
      <c r="A1" s="8" t="s">
        <v>11381</v>
      </c>
      <c r="B1" s="8" t="s">
        <v>11382</v>
      </c>
      <c r="C1" s="9" t="s">
        <v>11383</v>
      </c>
      <c r="D1" s="9" t="s">
        <v>11384</v>
      </c>
      <c r="E1" s="10"/>
      <c r="F1" s="10" t="s">
        <v>11385</v>
      </c>
      <c r="G1" s="8" t="s">
        <v>11386</v>
      </c>
      <c r="H1" s="8" t="s">
        <v>11387</v>
      </c>
      <c r="I1" s="8" t="s">
        <v>11388</v>
      </c>
      <c r="J1" s="8" t="s">
        <v>3</v>
      </c>
      <c r="K1" s="8" t="s">
        <v>11389</v>
      </c>
    </row>
    <row r="2" spans="1:11" x14ac:dyDescent="0.4">
      <c r="A2" s="8" t="s">
        <v>11390</v>
      </c>
      <c r="B2" s="8"/>
      <c r="C2" s="9" t="s">
        <v>11391</v>
      </c>
      <c r="D2" s="9" t="s">
        <v>11392</v>
      </c>
      <c r="E2" s="10"/>
      <c r="F2" s="10" t="s">
        <v>11391</v>
      </c>
      <c r="G2" s="8" t="s">
        <v>11393</v>
      </c>
      <c r="H2" s="8" t="s">
        <v>11394</v>
      </c>
      <c r="I2" s="11">
        <v>38870</v>
      </c>
      <c r="J2" s="11">
        <v>43556</v>
      </c>
      <c r="K2" s="11">
        <v>45747</v>
      </c>
    </row>
    <row r="3" spans="1:11" x14ac:dyDescent="0.4">
      <c r="A3" s="8" t="s">
        <v>11390</v>
      </c>
      <c r="B3" s="8"/>
      <c r="C3" s="9" t="s">
        <v>11395</v>
      </c>
      <c r="D3" s="9" t="s">
        <v>11396</v>
      </c>
      <c r="E3" s="10"/>
      <c r="F3" s="10"/>
      <c r="G3" s="8"/>
      <c r="H3" s="8" t="s">
        <v>11397</v>
      </c>
      <c r="I3" s="11">
        <v>32524</v>
      </c>
      <c r="J3" s="11">
        <v>44317</v>
      </c>
      <c r="K3" s="11">
        <v>46142</v>
      </c>
    </row>
    <row r="4" spans="1:11" x14ac:dyDescent="0.4">
      <c r="A4" s="8" t="s">
        <v>11390</v>
      </c>
      <c r="B4" s="8"/>
      <c r="C4" s="9" t="s">
        <v>11398</v>
      </c>
      <c r="D4" s="9" t="s">
        <v>11399</v>
      </c>
      <c r="E4" s="10"/>
      <c r="F4" s="10" t="s">
        <v>11400</v>
      </c>
      <c r="G4" s="8" t="s">
        <v>11401</v>
      </c>
      <c r="H4" s="8" t="s">
        <v>11402</v>
      </c>
      <c r="I4" s="11">
        <v>36684</v>
      </c>
      <c r="J4" s="11">
        <v>43556</v>
      </c>
      <c r="K4" s="11">
        <v>45747</v>
      </c>
    </row>
    <row r="5" spans="1:11" x14ac:dyDescent="0.4">
      <c r="A5" s="8" t="s">
        <v>11390</v>
      </c>
      <c r="B5" s="8"/>
      <c r="C5" s="9" t="s">
        <v>11403</v>
      </c>
      <c r="D5" s="9" t="s">
        <v>11404</v>
      </c>
      <c r="E5" s="10"/>
      <c r="F5" s="10"/>
      <c r="G5" s="8"/>
      <c r="H5" s="8" t="s">
        <v>11405</v>
      </c>
      <c r="I5" s="11">
        <v>35618</v>
      </c>
      <c r="J5" s="11">
        <v>43983</v>
      </c>
      <c r="K5" s="11">
        <v>45777</v>
      </c>
    </row>
    <row r="6" spans="1:11" x14ac:dyDescent="0.4">
      <c r="A6" s="8" t="s">
        <v>11390</v>
      </c>
      <c r="B6" s="8"/>
      <c r="C6" s="9" t="s">
        <v>11406</v>
      </c>
      <c r="D6" s="9" t="s">
        <v>11407</v>
      </c>
      <c r="E6" s="10"/>
      <c r="F6" s="10" t="s">
        <v>11408</v>
      </c>
      <c r="G6" s="8" t="s">
        <v>11407</v>
      </c>
      <c r="H6" s="8" t="s">
        <v>11409</v>
      </c>
      <c r="I6" s="11">
        <v>36237</v>
      </c>
      <c r="J6" s="11">
        <v>44136</v>
      </c>
      <c r="K6" s="11">
        <v>46326</v>
      </c>
    </row>
    <row r="7" spans="1:11" x14ac:dyDescent="0.4">
      <c r="A7" s="8" t="s">
        <v>11390</v>
      </c>
      <c r="B7" s="8"/>
      <c r="C7" s="9" t="s">
        <v>11410</v>
      </c>
      <c r="D7" s="9" t="s">
        <v>11411</v>
      </c>
      <c r="E7" s="10" t="s">
        <v>11412</v>
      </c>
      <c r="F7" s="10"/>
      <c r="G7" s="8"/>
      <c r="H7" s="8" t="s">
        <v>11413</v>
      </c>
      <c r="I7" s="11">
        <v>35181</v>
      </c>
      <c r="J7" s="11">
        <v>43374</v>
      </c>
      <c r="K7" s="11">
        <v>45565</v>
      </c>
    </row>
    <row r="8" spans="1:11" x14ac:dyDescent="0.4">
      <c r="A8" s="8" t="s">
        <v>11390</v>
      </c>
      <c r="B8" s="8"/>
      <c r="C8" s="9" t="s">
        <v>11414</v>
      </c>
      <c r="D8" s="9" t="s">
        <v>11415</v>
      </c>
      <c r="E8" s="10"/>
      <c r="F8" s="10"/>
      <c r="G8" s="8"/>
      <c r="H8" s="8" t="s">
        <v>11416</v>
      </c>
      <c r="I8" s="11">
        <v>38748</v>
      </c>
      <c r="J8" s="11">
        <v>43282</v>
      </c>
      <c r="K8" s="11">
        <v>45473</v>
      </c>
    </row>
    <row r="9" spans="1:11" x14ac:dyDescent="0.4">
      <c r="A9" s="8" t="s">
        <v>11390</v>
      </c>
      <c r="B9" s="8"/>
      <c r="C9" s="9" t="s">
        <v>11417</v>
      </c>
      <c r="D9" s="9" t="s">
        <v>11418</v>
      </c>
      <c r="E9" s="10"/>
      <c r="F9" s="10" t="s">
        <v>11419</v>
      </c>
      <c r="G9" s="8" t="s">
        <v>11418</v>
      </c>
      <c r="H9" s="8" t="s">
        <v>11420</v>
      </c>
      <c r="I9" s="11">
        <v>39281</v>
      </c>
      <c r="J9" s="11">
        <v>43770</v>
      </c>
      <c r="K9" s="11">
        <v>45961</v>
      </c>
    </row>
    <row r="10" spans="1:11" x14ac:dyDescent="0.4">
      <c r="A10" s="8" t="s">
        <v>11390</v>
      </c>
      <c r="B10" s="8"/>
      <c r="C10" s="9" t="s">
        <v>11421</v>
      </c>
      <c r="D10" s="9" t="s">
        <v>11422</v>
      </c>
      <c r="E10" s="10"/>
      <c r="F10" s="10" t="s">
        <v>11423</v>
      </c>
      <c r="G10" s="8" t="s">
        <v>11424</v>
      </c>
      <c r="H10" s="8" t="s">
        <v>11425</v>
      </c>
      <c r="I10" s="11">
        <v>39402</v>
      </c>
      <c r="J10" s="11">
        <v>43647</v>
      </c>
      <c r="K10" s="11">
        <v>45838</v>
      </c>
    </row>
    <row r="11" spans="1:11" x14ac:dyDescent="0.4">
      <c r="A11" s="8" t="s">
        <v>11390</v>
      </c>
      <c r="B11" s="8"/>
      <c r="C11" s="9" t="s">
        <v>11426</v>
      </c>
      <c r="D11" s="9" t="s">
        <v>11427</v>
      </c>
      <c r="E11" s="10"/>
      <c r="F11" s="10" t="s">
        <v>11428</v>
      </c>
      <c r="G11" s="8" t="s">
        <v>11429</v>
      </c>
      <c r="H11" s="8" t="s">
        <v>11430</v>
      </c>
      <c r="I11" s="11">
        <v>41093</v>
      </c>
      <c r="J11" s="11">
        <v>43586</v>
      </c>
      <c r="K11" s="11">
        <v>45777</v>
      </c>
    </row>
    <row r="12" spans="1:11" x14ac:dyDescent="0.4">
      <c r="A12" s="8" t="s">
        <v>11390</v>
      </c>
      <c r="B12" s="8"/>
      <c r="C12" s="9" t="s">
        <v>11431</v>
      </c>
      <c r="D12" s="9" t="s">
        <v>11432</v>
      </c>
      <c r="E12" s="10"/>
      <c r="F12" s="10" t="s">
        <v>11433</v>
      </c>
      <c r="G12" s="8" t="s">
        <v>11434</v>
      </c>
      <c r="H12" s="8" t="s">
        <v>11435</v>
      </c>
      <c r="I12" s="11">
        <v>41153</v>
      </c>
      <c r="J12" s="11">
        <v>43556</v>
      </c>
      <c r="K12" s="11">
        <v>45747</v>
      </c>
    </row>
    <row r="13" spans="1:11" x14ac:dyDescent="0.4">
      <c r="A13" s="8" t="s">
        <v>11390</v>
      </c>
      <c r="B13" s="8"/>
      <c r="C13" s="9" t="s">
        <v>11436</v>
      </c>
      <c r="D13" s="9" t="s">
        <v>11437</v>
      </c>
      <c r="E13" s="10"/>
      <c r="F13" s="10" t="s">
        <v>11433</v>
      </c>
      <c r="G13" s="8" t="s">
        <v>11434</v>
      </c>
      <c r="H13" s="8" t="s">
        <v>11438</v>
      </c>
      <c r="I13" s="11">
        <v>41456</v>
      </c>
      <c r="J13" s="11">
        <v>43739</v>
      </c>
      <c r="K13" s="11">
        <v>45930</v>
      </c>
    </row>
    <row r="14" spans="1:11" x14ac:dyDescent="0.4">
      <c r="A14" s="8" t="s">
        <v>11390</v>
      </c>
      <c r="B14" s="8"/>
      <c r="C14" s="9" t="s">
        <v>11439</v>
      </c>
      <c r="D14" s="9" t="s">
        <v>11440</v>
      </c>
      <c r="E14" s="10"/>
      <c r="F14" s="10" t="s">
        <v>6700</v>
      </c>
      <c r="G14" s="8" t="s">
        <v>11441</v>
      </c>
      <c r="H14" s="8" t="s">
        <v>11442</v>
      </c>
      <c r="I14" s="11">
        <v>41780</v>
      </c>
      <c r="J14" s="11">
        <v>44105</v>
      </c>
      <c r="K14" s="11">
        <v>46295</v>
      </c>
    </row>
    <row r="15" spans="1:11" x14ac:dyDescent="0.4">
      <c r="A15" s="8" t="s">
        <v>11390</v>
      </c>
      <c r="B15" s="8"/>
      <c r="C15" s="9" t="s">
        <v>11443</v>
      </c>
      <c r="D15" s="9" t="s">
        <v>11444</v>
      </c>
      <c r="E15" s="10"/>
      <c r="F15" s="10" t="s">
        <v>11445</v>
      </c>
      <c r="G15" s="8" t="s">
        <v>11446</v>
      </c>
      <c r="H15" s="8" t="s">
        <v>11447</v>
      </c>
      <c r="I15" s="11">
        <v>42090</v>
      </c>
      <c r="J15" s="11">
        <v>44317</v>
      </c>
      <c r="K15" s="11">
        <v>46507</v>
      </c>
    </row>
    <row r="16" spans="1:11" x14ac:dyDescent="0.4">
      <c r="A16" s="8" t="s">
        <v>11390</v>
      </c>
      <c r="B16" s="8"/>
      <c r="C16" s="9" t="s">
        <v>11448</v>
      </c>
      <c r="D16" s="9" t="s">
        <v>11449</v>
      </c>
      <c r="E16" s="10"/>
      <c r="F16" s="10" t="s">
        <v>11450</v>
      </c>
      <c r="G16" s="8" t="s">
        <v>11451</v>
      </c>
      <c r="H16" s="8" t="s">
        <v>11452</v>
      </c>
      <c r="I16" s="11">
        <v>43278</v>
      </c>
      <c r="J16" s="11">
        <v>43278</v>
      </c>
      <c r="K16" s="11">
        <v>45565</v>
      </c>
    </row>
    <row r="17" spans="1:11" x14ac:dyDescent="0.4">
      <c r="A17" s="8" t="s">
        <v>11390</v>
      </c>
      <c r="B17" s="8"/>
      <c r="C17" s="9" t="s">
        <v>11453</v>
      </c>
      <c r="D17" s="9" t="s">
        <v>11454</v>
      </c>
      <c r="E17" s="10"/>
      <c r="F17" s="10" t="s">
        <v>11433</v>
      </c>
      <c r="G17" s="8" t="s">
        <v>11434</v>
      </c>
      <c r="H17" s="8" t="s">
        <v>11455</v>
      </c>
      <c r="I17" s="11">
        <v>43344</v>
      </c>
      <c r="J17" s="11">
        <v>43344</v>
      </c>
      <c r="K17" s="11">
        <v>45777</v>
      </c>
    </row>
    <row r="18" spans="1:11" x14ac:dyDescent="0.4">
      <c r="A18" s="8" t="s">
        <v>11390</v>
      </c>
      <c r="B18" s="8"/>
      <c r="C18" s="9" t="s">
        <v>11456</v>
      </c>
      <c r="D18" s="9" t="s">
        <v>11457</v>
      </c>
      <c r="E18" s="10" t="s">
        <v>11458</v>
      </c>
      <c r="F18" s="10"/>
      <c r="G18" s="8"/>
      <c r="H18" s="8" t="s">
        <v>11459</v>
      </c>
      <c r="I18" s="11">
        <v>43648</v>
      </c>
      <c r="J18" s="11">
        <v>43648</v>
      </c>
      <c r="K18" s="11">
        <v>46112</v>
      </c>
    </row>
    <row r="19" spans="1:11" x14ac:dyDescent="0.4">
      <c r="A19" s="8" t="s">
        <v>11390</v>
      </c>
      <c r="B19" s="8"/>
      <c r="C19" s="9" t="s">
        <v>961</v>
      </c>
      <c r="D19" s="9" t="s">
        <v>11460</v>
      </c>
      <c r="E19" s="10"/>
      <c r="F19" s="10" t="s">
        <v>958</v>
      </c>
      <c r="G19" s="8" t="s">
        <v>11461</v>
      </c>
      <c r="H19" s="8" t="s">
        <v>11462</v>
      </c>
      <c r="I19" s="11">
        <v>43683</v>
      </c>
      <c r="J19" s="11">
        <v>43683</v>
      </c>
      <c r="K19" s="11">
        <v>45991</v>
      </c>
    </row>
    <row r="20" spans="1:11" x14ac:dyDescent="0.4">
      <c r="A20" s="8" t="s">
        <v>11390</v>
      </c>
      <c r="B20" s="8"/>
      <c r="C20" s="9" t="s">
        <v>11463</v>
      </c>
      <c r="D20" s="9" t="s">
        <v>11464</v>
      </c>
      <c r="E20" s="10"/>
      <c r="F20" s="10" t="s">
        <v>11433</v>
      </c>
      <c r="G20" s="8" t="s">
        <v>11434</v>
      </c>
      <c r="H20" s="8" t="s">
        <v>11465</v>
      </c>
      <c r="I20" s="11">
        <v>43733</v>
      </c>
      <c r="J20" s="11">
        <v>43733</v>
      </c>
      <c r="K20" s="11">
        <v>45961</v>
      </c>
    </row>
    <row r="21" spans="1:11" x14ac:dyDescent="0.4">
      <c r="A21" s="8" t="s">
        <v>11390</v>
      </c>
      <c r="B21" s="8"/>
      <c r="C21" s="9" t="s">
        <v>11466</v>
      </c>
      <c r="D21" s="9" t="s">
        <v>11437</v>
      </c>
      <c r="E21" s="10" t="s">
        <v>11467</v>
      </c>
      <c r="F21" s="10" t="s">
        <v>11468</v>
      </c>
      <c r="G21" s="8" t="s">
        <v>11469</v>
      </c>
      <c r="H21" s="8" t="s">
        <v>11470</v>
      </c>
      <c r="I21" s="11">
        <v>43755</v>
      </c>
      <c r="J21" s="11">
        <v>43755</v>
      </c>
      <c r="K21" s="11">
        <v>46295</v>
      </c>
    </row>
    <row r="22" spans="1:11" x14ac:dyDescent="0.4">
      <c r="A22" s="8" t="s">
        <v>11390</v>
      </c>
      <c r="B22" s="8" t="s">
        <v>1871</v>
      </c>
      <c r="C22" s="9" t="s">
        <v>11471</v>
      </c>
      <c r="D22" s="9" t="s">
        <v>1332</v>
      </c>
      <c r="E22" s="10"/>
      <c r="F22" s="10" t="s">
        <v>11472</v>
      </c>
      <c r="G22" s="8" t="s">
        <v>11473</v>
      </c>
      <c r="H22" s="8" t="s">
        <v>11474</v>
      </c>
      <c r="I22" s="11">
        <v>43755</v>
      </c>
      <c r="J22" s="11">
        <v>43755</v>
      </c>
      <c r="K22" s="11">
        <v>45808</v>
      </c>
    </row>
    <row r="23" spans="1:11" x14ac:dyDescent="0.4">
      <c r="A23" s="8" t="s">
        <v>11390</v>
      </c>
      <c r="B23" s="8"/>
      <c r="C23" s="9" t="s">
        <v>9350</v>
      </c>
      <c r="D23" s="9" t="s">
        <v>11475</v>
      </c>
      <c r="E23" s="10" t="s">
        <v>11476</v>
      </c>
      <c r="F23" s="10" t="s">
        <v>9347</v>
      </c>
      <c r="G23" s="8" t="s">
        <v>11477</v>
      </c>
      <c r="H23" s="8" t="s">
        <v>11478</v>
      </c>
      <c r="I23" s="11">
        <v>43854</v>
      </c>
      <c r="J23" s="11">
        <v>43854</v>
      </c>
      <c r="K23" s="11">
        <v>46112</v>
      </c>
    </row>
    <row r="24" spans="1:11" x14ac:dyDescent="0.4">
      <c r="A24" s="8" t="s">
        <v>11390</v>
      </c>
      <c r="B24" s="8"/>
      <c r="C24" s="9" t="s">
        <v>4186</v>
      </c>
      <c r="D24" s="9" t="s">
        <v>11479</v>
      </c>
      <c r="E24" s="10"/>
      <c r="F24" s="10" t="s">
        <v>4183</v>
      </c>
      <c r="G24" s="8" t="s">
        <v>11480</v>
      </c>
      <c r="H24" s="8" t="s">
        <v>11481</v>
      </c>
      <c r="I24" s="11">
        <v>43900</v>
      </c>
      <c r="J24" s="11">
        <v>43900</v>
      </c>
      <c r="K24" s="11">
        <v>46203</v>
      </c>
    </row>
    <row r="25" spans="1:11" x14ac:dyDescent="0.4">
      <c r="A25" s="8" t="s">
        <v>11390</v>
      </c>
      <c r="B25" s="8"/>
      <c r="C25" s="9" t="s">
        <v>11482</v>
      </c>
      <c r="D25" s="9" t="s">
        <v>11483</v>
      </c>
      <c r="E25" s="10" t="s">
        <v>11484</v>
      </c>
      <c r="F25" s="10" t="s">
        <v>11433</v>
      </c>
      <c r="G25" s="8" t="s">
        <v>11434</v>
      </c>
      <c r="H25" s="8" t="s">
        <v>11485</v>
      </c>
      <c r="I25" s="11">
        <v>43952</v>
      </c>
      <c r="J25" s="11">
        <v>43952</v>
      </c>
      <c r="K25" s="11">
        <v>46142</v>
      </c>
    </row>
    <row r="26" spans="1:11" x14ac:dyDescent="0.4">
      <c r="A26" s="8" t="s">
        <v>11390</v>
      </c>
      <c r="B26" s="8"/>
      <c r="C26" s="9" t="s">
        <v>11486</v>
      </c>
      <c r="D26" s="9" t="s">
        <v>11487</v>
      </c>
      <c r="E26" s="10" t="s">
        <v>11488</v>
      </c>
      <c r="F26" s="10" t="s">
        <v>11489</v>
      </c>
      <c r="G26" s="8" t="s">
        <v>11490</v>
      </c>
      <c r="H26" s="8" t="s">
        <v>11491</v>
      </c>
      <c r="I26" s="11">
        <v>43945</v>
      </c>
      <c r="J26" s="11">
        <v>43945</v>
      </c>
      <c r="K26" s="11">
        <v>46173</v>
      </c>
    </row>
    <row r="27" spans="1:11" x14ac:dyDescent="0.4">
      <c r="A27" s="8" t="s">
        <v>11390</v>
      </c>
      <c r="B27" s="8"/>
      <c r="C27" s="9" t="s">
        <v>11492</v>
      </c>
      <c r="D27" s="9" t="s">
        <v>11493</v>
      </c>
      <c r="E27" s="10"/>
      <c r="F27" s="10" t="s">
        <v>11494</v>
      </c>
      <c r="G27" s="8" t="s">
        <v>11495</v>
      </c>
      <c r="H27" s="8" t="s">
        <v>11496</v>
      </c>
      <c r="I27" s="11">
        <v>44075</v>
      </c>
      <c r="J27" s="11">
        <v>44075</v>
      </c>
      <c r="K27" s="11">
        <v>46538</v>
      </c>
    </row>
    <row r="28" spans="1:11" x14ac:dyDescent="0.4">
      <c r="A28" s="8" t="s">
        <v>11390</v>
      </c>
      <c r="B28" s="8"/>
      <c r="C28" s="9" t="s">
        <v>11497</v>
      </c>
      <c r="D28" s="9" t="s">
        <v>11498</v>
      </c>
      <c r="E28" s="10"/>
      <c r="F28" s="10"/>
      <c r="G28" s="8"/>
      <c r="H28" s="8" t="s">
        <v>11499</v>
      </c>
      <c r="I28" s="11">
        <v>44153</v>
      </c>
      <c r="J28" s="11">
        <v>44153</v>
      </c>
      <c r="K28" s="11">
        <v>46295</v>
      </c>
    </row>
    <row r="29" spans="1:11" x14ac:dyDescent="0.4">
      <c r="A29" s="8" t="s">
        <v>11390</v>
      </c>
      <c r="B29" s="8"/>
      <c r="C29" s="9" t="s">
        <v>11500</v>
      </c>
      <c r="D29" s="9" t="s">
        <v>11501</v>
      </c>
      <c r="E29" s="10"/>
      <c r="F29" s="10" t="s">
        <v>11502</v>
      </c>
      <c r="G29" s="8" t="s">
        <v>11503</v>
      </c>
      <c r="H29" s="8" t="s">
        <v>11504</v>
      </c>
      <c r="I29" s="11">
        <v>44215</v>
      </c>
      <c r="J29" s="11">
        <v>44215</v>
      </c>
      <c r="K29" s="11">
        <v>46721</v>
      </c>
    </row>
    <row r="30" spans="1:11" x14ac:dyDescent="0.4">
      <c r="A30" s="8" t="s">
        <v>11390</v>
      </c>
      <c r="B30" s="8"/>
      <c r="C30" s="9" t="s">
        <v>2294</v>
      </c>
      <c r="D30" s="9" t="s">
        <v>11505</v>
      </c>
      <c r="E30" s="10"/>
      <c r="F30" s="10" t="s">
        <v>2291</v>
      </c>
      <c r="G30" s="8" t="s">
        <v>11506</v>
      </c>
      <c r="H30" s="8" t="s">
        <v>11507</v>
      </c>
      <c r="I30" s="11">
        <v>44224</v>
      </c>
      <c r="J30" s="11">
        <v>44225</v>
      </c>
      <c r="K30" s="11">
        <v>46691</v>
      </c>
    </row>
    <row r="31" spans="1:11" x14ac:dyDescent="0.4">
      <c r="A31" s="8" t="s">
        <v>11390</v>
      </c>
      <c r="B31" s="8"/>
      <c r="C31" s="9" t="s">
        <v>8003</v>
      </c>
      <c r="D31" s="9" t="s">
        <v>11508</v>
      </c>
      <c r="E31" s="10"/>
      <c r="F31" s="10" t="s">
        <v>8001</v>
      </c>
      <c r="G31" s="8" t="s">
        <v>11509</v>
      </c>
      <c r="H31" s="8" t="s">
        <v>11510</v>
      </c>
      <c r="I31" s="11">
        <v>44286</v>
      </c>
      <c r="J31" s="11">
        <v>44286</v>
      </c>
      <c r="K31" s="11">
        <v>46477</v>
      </c>
    </row>
    <row r="32" spans="1:11" x14ac:dyDescent="0.4">
      <c r="A32" s="8" t="s">
        <v>11511</v>
      </c>
      <c r="B32" s="8"/>
      <c r="C32" s="9" t="s">
        <v>11512</v>
      </c>
      <c r="D32" s="9" t="s">
        <v>11513</v>
      </c>
      <c r="E32" s="10"/>
      <c r="F32" s="10" t="s">
        <v>1674</v>
      </c>
      <c r="G32" s="8" t="s">
        <v>11514</v>
      </c>
      <c r="H32" s="8" t="s">
        <v>11515</v>
      </c>
      <c r="I32" s="11">
        <v>33453</v>
      </c>
      <c r="J32" s="11">
        <v>44105</v>
      </c>
      <c r="K32" s="11">
        <v>46295</v>
      </c>
    </row>
    <row r="33" spans="1:11" x14ac:dyDescent="0.4">
      <c r="A33" s="8" t="s">
        <v>11511</v>
      </c>
      <c r="B33" s="8"/>
      <c r="C33" s="9" t="s">
        <v>11516</v>
      </c>
      <c r="D33" s="9" t="s">
        <v>11517</v>
      </c>
      <c r="E33" s="10"/>
      <c r="F33" s="10"/>
      <c r="G33" s="8"/>
      <c r="H33" s="8" t="s">
        <v>11518</v>
      </c>
      <c r="I33" s="11">
        <v>43963</v>
      </c>
      <c r="J33" s="11">
        <v>43963</v>
      </c>
      <c r="K33" s="11">
        <v>46203</v>
      </c>
    </row>
    <row r="34" spans="1:11" x14ac:dyDescent="0.4">
      <c r="A34" s="8" t="s">
        <v>11519</v>
      </c>
      <c r="B34" s="8"/>
      <c r="C34" s="9" t="s">
        <v>11520</v>
      </c>
      <c r="D34" s="9" t="s">
        <v>11521</v>
      </c>
      <c r="E34" s="10"/>
      <c r="F34" s="10"/>
      <c r="G34" s="8"/>
      <c r="H34" s="8" t="s">
        <v>11522</v>
      </c>
      <c r="I34" s="11">
        <v>36873</v>
      </c>
      <c r="J34" s="11">
        <v>43770</v>
      </c>
      <c r="K34" s="11">
        <v>45961</v>
      </c>
    </row>
    <row r="35" spans="1:11" x14ac:dyDescent="0.4">
      <c r="A35" s="8" t="s">
        <v>11519</v>
      </c>
      <c r="B35" s="8"/>
      <c r="C35" s="9" t="s">
        <v>5926</v>
      </c>
      <c r="D35" s="9" t="s">
        <v>11523</v>
      </c>
      <c r="E35" s="10"/>
      <c r="F35" s="10" t="s">
        <v>5926</v>
      </c>
      <c r="G35" s="8" t="s">
        <v>11523</v>
      </c>
      <c r="H35" s="8" t="s">
        <v>11524</v>
      </c>
      <c r="I35" s="11">
        <v>39303</v>
      </c>
      <c r="J35" s="11">
        <v>43374</v>
      </c>
      <c r="K35" s="11">
        <v>45565</v>
      </c>
    </row>
    <row r="36" spans="1:11" x14ac:dyDescent="0.4">
      <c r="A36" s="8" t="s">
        <v>11525</v>
      </c>
      <c r="B36" s="8"/>
      <c r="C36" s="9" t="s">
        <v>11526</v>
      </c>
      <c r="D36" s="9" t="s">
        <v>11527</v>
      </c>
      <c r="E36" s="10"/>
      <c r="F36" s="10" t="s">
        <v>11528</v>
      </c>
      <c r="G36" s="8" t="s">
        <v>11529</v>
      </c>
      <c r="H36" s="8" t="s">
        <v>11530</v>
      </c>
      <c r="I36" s="11">
        <v>32939</v>
      </c>
      <c r="J36" s="11">
        <v>44378</v>
      </c>
      <c r="K36" s="11">
        <v>46568</v>
      </c>
    </row>
    <row r="37" spans="1:11" x14ac:dyDescent="0.4">
      <c r="A37" s="8" t="s">
        <v>11525</v>
      </c>
      <c r="B37" s="8"/>
      <c r="C37" s="9" t="s">
        <v>5739</v>
      </c>
      <c r="D37" s="9" t="s">
        <v>11531</v>
      </c>
      <c r="E37" s="10"/>
      <c r="F37" s="10" t="s">
        <v>11532</v>
      </c>
      <c r="G37" s="8" t="s">
        <v>11531</v>
      </c>
      <c r="H37" s="8" t="s">
        <v>11533</v>
      </c>
      <c r="I37" s="11">
        <v>28639</v>
      </c>
      <c r="J37" s="11">
        <v>43647</v>
      </c>
      <c r="K37" s="11">
        <v>45838</v>
      </c>
    </row>
    <row r="38" spans="1:11" x14ac:dyDescent="0.4">
      <c r="A38" s="8" t="s">
        <v>11525</v>
      </c>
      <c r="B38" s="8"/>
      <c r="C38" s="9" t="s">
        <v>11534</v>
      </c>
      <c r="D38" s="9" t="s">
        <v>11531</v>
      </c>
      <c r="E38" s="10"/>
      <c r="F38" s="10" t="s">
        <v>11535</v>
      </c>
      <c r="G38" s="8" t="s">
        <v>11531</v>
      </c>
      <c r="H38" s="8" t="s">
        <v>11536</v>
      </c>
      <c r="I38" s="11">
        <v>30149</v>
      </c>
      <c r="J38" s="11">
        <v>44013</v>
      </c>
      <c r="K38" s="11">
        <v>46203</v>
      </c>
    </row>
    <row r="39" spans="1:11" x14ac:dyDescent="0.4">
      <c r="A39" s="8" t="s">
        <v>11525</v>
      </c>
      <c r="B39" s="8"/>
      <c r="C39" s="9" t="s">
        <v>11537</v>
      </c>
      <c r="D39" s="9" t="s">
        <v>11538</v>
      </c>
      <c r="E39" s="10"/>
      <c r="F39" s="10" t="s">
        <v>11537</v>
      </c>
      <c r="G39" s="8" t="s">
        <v>11538</v>
      </c>
      <c r="H39" s="8" t="s">
        <v>11539</v>
      </c>
      <c r="I39" s="11">
        <v>33812</v>
      </c>
      <c r="J39" s="11">
        <v>43282</v>
      </c>
      <c r="K39" s="11">
        <v>45473</v>
      </c>
    </row>
    <row r="40" spans="1:11" x14ac:dyDescent="0.4">
      <c r="A40" s="8" t="s">
        <v>11525</v>
      </c>
      <c r="B40" s="8"/>
      <c r="C40" s="9" t="s">
        <v>11540</v>
      </c>
      <c r="D40" s="9" t="s">
        <v>11541</v>
      </c>
      <c r="E40" s="10"/>
      <c r="F40" s="10" t="s">
        <v>11540</v>
      </c>
      <c r="G40" s="8" t="s">
        <v>11542</v>
      </c>
      <c r="H40" s="8" t="s">
        <v>11543</v>
      </c>
      <c r="I40" s="11">
        <v>33932</v>
      </c>
      <c r="J40" s="11">
        <v>43739</v>
      </c>
      <c r="K40" s="11">
        <v>45930</v>
      </c>
    </row>
    <row r="41" spans="1:11" x14ac:dyDescent="0.4">
      <c r="A41" s="8" t="s">
        <v>11525</v>
      </c>
      <c r="B41" s="8"/>
      <c r="C41" s="9" t="s">
        <v>11544</v>
      </c>
      <c r="D41" s="9" t="s">
        <v>11545</v>
      </c>
      <c r="E41" s="10"/>
      <c r="F41" s="10" t="s">
        <v>5517</v>
      </c>
      <c r="G41" s="8" t="s">
        <v>11546</v>
      </c>
      <c r="H41" s="8" t="s">
        <v>11547</v>
      </c>
      <c r="I41" s="11">
        <v>29599</v>
      </c>
      <c r="J41" s="11">
        <v>44378</v>
      </c>
      <c r="K41" s="11">
        <v>46203</v>
      </c>
    </row>
    <row r="42" spans="1:11" x14ac:dyDescent="0.4">
      <c r="A42" s="8" t="s">
        <v>11525</v>
      </c>
      <c r="B42" s="8"/>
      <c r="C42" s="9" t="s">
        <v>11548</v>
      </c>
      <c r="D42" s="9" t="s">
        <v>11538</v>
      </c>
      <c r="E42" s="10"/>
      <c r="F42" s="10" t="s">
        <v>11549</v>
      </c>
      <c r="G42" s="8" t="s">
        <v>11538</v>
      </c>
      <c r="H42" s="8" t="s">
        <v>11550</v>
      </c>
      <c r="I42" s="11">
        <v>34688</v>
      </c>
      <c r="J42" s="11">
        <v>42917</v>
      </c>
      <c r="K42" s="11">
        <v>45473</v>
      </c>
    </row>
    <row r="43" spans="1:11" x14ac:dyDescent="0.4">
      <c r="A43" s="8" t="s">
        <v>11525</v>
      </c>
      <c r="B43" s="8"/>
      <c r="C43" s="9" t="s">
        <v>11551</v>
      </c>
      <c r="D43" s="9" t="s">
        <v>11552</v>
      </c>
      <c r="E43" s="10"/>
      <c r="F43" s="10" t="s">
        <v>6649</v>
      </c>
      <c r="G43" s="8" t="s">
        <v>11553</v>
      </c>
      <c r="H43" s="8" t="s">
        <v>11554</v>
      </c>
      <c r="I43" s="11">
        <v>35963</v>
      </c>
      <c r="J43" s="11">
        <v>43770</v>
      </c>
      <c r="K43" s="11">
        <v>45961</v>
      </c>
    </row>
    <row r="44" spans="1:11" x14ac:dyDescent="0.4">
      <c r="A44" s="8" t="s">
        <v>11525</v>
      </c>
      <c r="B44" s="8"/>
      <c r="C44" s="9" t="s">
        <v>11555</v>
      </c>
      <c r="D44" s="9" t="s">
        <v>11556</v>
      </c>
      <c r="E44" s="10"/>
      <c r="F44" s="10" t="s">
        <v>11555</v>
      </c>
      <c r="G44" s="8" t="s">
        <v>11556</v>
      </c>
      <c r="H44" s="8" t="s">
        <v>11557</v>
      </c>
      <c r="I44" s="11">
        <v>35975</v>
      </c>
      <c r="J44" s="11">
        <v>43952</v>
      </c>
      <c r="K44" s="11">
        <v>46142</v>
      </c>
    </row>
    <row r="45" spans="1:11" x14ac:dyDescent="0.4">
      <c r="A45" s="8" t="s">
        <v>11525</v>
      </c>
      <c r="B45" s="8"/>
      <c r="C45" s="9" t="s">
        <v>11278</v>
      </c>
      <c r="D45" s="9" t="s">
        <v>11558</v>
      </c>
      <c r="E45" s="10"/>
      <c r="F45" s="10" t="s">
        <v>11559</v>
      </c>
      <c r="G45" s="8" t="s">
        <v>11558</v>
      </c>
      <c r="H45" s="8" t="s">
        <v>11560</v>
      </c>
      <c r="I45" s="11">
        <v>36572</v>
      </c>
      <c r="J45" s="11">
        <v>43282</v>
      </c>
      <c r="K45" s="11">
        <v>45473</v>
      </c>
    </row>
    <row r="46" spans="1:11" x14ac:dyDescent="0.4">
      <c r="A46" s="8" t="s">
        <v>11525</v>
      </c>
      <c r="B46" s="8"/>
      <c r="C46" s="9" t="s">
        <v>11561</v>
      </c>
      <c r="D46" s="9" t="s">
        <v>11562</v>
      </c>
      <c r="E46" s="10"/>
      <c r="F46" s="10" t="s">
        <v>11563</v>
      </c>
      <c r="G46" s="8" t="s">
        <v>11562</v>
      </c>
      <c r="H46" s="8" t="s">
        <v>11564</v>
      </c>
      <c r="I46" s="11">
        <v>37123</v>
      </c>
      <c r="J46" s="11">
        <v>43405</v>
      </c>
      <c r="K46" s="11">
        <v>45596</v>
      </c>
    </row>
    <row r="47" spans="1:11" x14ac:dyDescent="0.4">
      <c r="A47" s="8" t="s">
        <v>11525</v>
      </c>
      <c r="B47" s="8"/>
      <c r="C47" s="9" t="s">
        <v>11565</v>
      </c>
      <c r="D47" s="9" t="s">
        <v>11566</v>
      </c>
      <c r="E47" s="10"/>
      <c r="F47" s="10" t="s">
        <v>11565</v>
      </c>
      <c r="G47" s="8" t="s">
        <v>11566</v>
      </c>
      <c r="H47" s="8" t="s">
        <v>11567</v>
      </c>
      <c r="I47" s="11">
        <v>37340</v>
      </c>
      <c r="J47" s="11">
        <v>43586</v>
      </c>
      <c r="K47" s="11">
        <v>45777</v>
      </c>
    </row>
    <row r="48" spans="1:11" x14ac:dyDescent="0.4">
      <c r="A48" s="8" t="s">
        <v>11525</v>
      </c>
      <c r="B48" s="8"/>
      <c r="C48" s="9" t="s">
        <v>11568</v>
      </c>
      <c r="D48" s="9" t="s">
        <v>11569</v>
      </c>
      <c r="E48" s="10"/>
      <c r="F48" s="10" t="s">
        <v>11570</v>
      </c>
      <c r="G48" s="8" t="s">
        <v>11571</v>
      </c>
      <c r="H48" s="8" t="s">
        <v>11572</v>
      </c>
      <c r="I48" s="11">
        <v>34752</v>
      </c>
      <c r="J48" s="11">
        <v>44013</v>
      </c>
      <c r="K48" s="11">
        <v>46203</v>
      </c>
    </row>
    <row r="49" spans="1:11" x14ac:dyDescent="0.4">
      <c r="A49" s="8" t="s">
        <v>11525</v>
      </c>
      <c r="B49" s="8"/>
      <c r="C49" s="9" t="s">
        <v>11573</v>
      </c>
      <c r="D49" s="9" t="s">
        <v>11574</v>
      </c>
      <c r="E49" s="10"/>
      <c r="F49" s="10" t="s">
        <v>11573</v>
      </c>
      <c r="G49" s="8" t="s">
        <v>11574</v>
      </c>
      <c r="H49" s="8" t="s">
        <v>11575</v>
      </c>
      <c r="I49" s="11">
        <v>37421</v>
      </c>
      <c r="J49" s="11">
        <v>43770</v>
      </c>
      <c r="K49" s="11">
        <v>45961</v>
      </c>
    </row>
    <row r="50" spans="1:11" x14ac:dyDescent="0.4">
      <c r="A50" s="8" t="s">
        <v>11525</v>
      </c>
      <c r="B50" s="8"/>
      <c r="C50" s="9" t="s">
        <v>11576</v>
      </c>
      <c r="D50" s="9" t="s">
        <v>11577</v>
      </c>
      <c r="E50" s="10"/>
      <c r="F50" s="10"/>
      <c r="G50" s="8"/>
      <c r="H50" s="8" t="s">
        <v>11578</v>
      </c>
      <c r="I50" s="11">
        <v>38427</v>
      </c>
      <c r="J50" s="11">
        <v>44105</v>
      </c>
      <c r="K50" s="11">
        <v>45930</v>
      </c>
    </row>
    <row r="51" spans="1:11" x14ac:dyDescent="0.4">
      <c r="A51" s="8" t="s">
        <v>11525</v>
      </c>
      <c r="B51" s="8"/>
      <c r="C51" s="9" t="s">
        <v>11579</v>
      </c>
      <c r="D51" s="9" t="s">
        <v>11580</v>
      </c>
      <c r="E51" s="10"/>
      <c r="F51" s="10" t="s">
        <v>11581</v>
      </c>
      <c r="G51" s="8" t="s">
        <v>11582</v>
      </c>
      <c r="H51" s="8" t="s">
        <v>11583</v>
      </c>
      <c r="I51" s="11">
        <v>38969</v>
      </c>
      <c r="J51" s="11">
        <v>43374</v>
      </c>
      <c r="K51" s="11">
        <v>45565</v>
      </c>
    </row>
    <row r="52" spans="1:11" x14ac:dyDescent="0.4">
      <c r="A52" s="8" t="s">
        <v>11525</v>
      </c>
      <c r="B52" s="8"/>
      <c r="C52" s="9" t="s">
        <v>4050</v>
      </c>
      <c r="D52" s="9" t="s">
        <v>11584</v>
      </c>
      <c r="E52" s="10"/>
      <c r="F52" s="10" t="s">
        <v>4050</v>
      </c>
      <c r="G52" s="8" t="s">
        <v>11585</v>
      </c>
      <c r="H52" s="8" t="s">
        <v>11586</v>
      </c>
      <c r="I52" s="11">
        <v>38988</v>
      </c>
      <c r="J52" s="11">
        <v>43647</v>
      </c>
      <c r="K52" s="11">
        <v>45838</v>
      </c>
    </row>
    <row r="53" spans="1:11" x14ac:dyDescent="0.4">
      <c r="A53" s="8" t="s">
        <v>11525</v>
      </c>
      <c r="B53" s="8"/>
      <c r="C53" s="9" t="s">
        <v>11587</v>
      </c>
      <c r="D53" s="9" t="s">
        <v>11588</v>
      </c>
      <c r="E53" s="10"/>
      <c r="F53" s="10" t="s">
        <v>11587</v>
      </c>
      <c r="G53" s="8" t="s">
        <v>11589</v>
      </c>
      <c r="H53" s="8" t="s">
        <v>11590</v>
      </c>
      <c r="I53" s="11">
        <v>39016</v>
      </c>
      <c r="J53" s="11">
        <v>43282</v>
      </c>
      <c r="K53" s="11">
        <v>45473</v>
      </c>
    </row>
    <row r="54" spans="1:11" x14ac:dyDescent="0.4">
      <c r="A54" s="8" t="s">
        <v>11525</v>
      </c>
      <c r="B54" s="8"/>
      <c r="C54" s="9" t="s">
        <v>11591</v>
      </c>
      <c r="D54" s="9" t="s">
        <v>11592</v>
      </c>
      <c r="E54" s="10"/>
      <c r="F54" s="10" t="s">
        <v>11593</v>
      </c>
      <c r="G54" s="8" t="s">
        <v>11594</v>
      </c>
      <c r="H54" s="8" t="s">
        <v>11595</v>
      </c>
      <c r="I54" s="11">
        <v>39109</v>
      </c>
      <c r="J54" s="11">
        <v>43556</v>
      </c>
      <c r="K54" s="11">
        <v>45747</v>
      </c>
    </row>
    <row r="55" spans="1:11" x14ac:dyDescent="0.4">
      <c r="A55" s="8" t="s">
        <v>11525</v>
      </c>
      <c r="B55" s="8"/>
      <c r="C55" s="9" t="s">
        <v>1644</v>
      </c>
      <c r="D55" s="9" t="s">
        <v>11596</v>
      </c>
      <c r="E55" s="10"/>
      <c r="F55" s="10" t="s">
        <v>1644</v>
      </c>
      <c r="G55" s="8" t="s">
        <v>11596</v>
      </c>
      <c r="H55" s="8" t="s">
        <v>11597</v>
      </c>
      <c r="I55" s="11">
        <v>39265</v>
      </c>
      <c r="J55" s="11">
        <v>43556</v>
      </c>
      <c r="K55" s="11">
        <v>45747</v>
      </c>
    </row>
    <row r="56" spans="1:11" x14ac:dyDescent="0.4">
      <c r="A56" s="8" t="s">
        <v>11525</v>
      </c>
      <c r="B56" s="8"/>
      <c r="C56" s="9" t="s">
        <v>5926</v>
      </c>
      <c r="D56" s="9" t="s">
        <v>11523</v>
      </c>
      <c r="E56" s="10"/>
      <c r="F56" s="10" t="s">
        <v>5926</v>
      </c>
      <c r="G56" s="8" t="s">
        <v>11523</v>
      </c>
      <c r="H56" s="8" t="s">
        <v>11598</v>
      </c>
      <c r="I56" s="11">
        <v>39303</v>
      </c>
      <c r="J56" s="11">
        <v>43374</v>
      </c>
      <c r="K56" s="11">
        <v>45565</v>
      </c>
    </row>
    <row r="57" spans="1:11" x14ac:dyDescent="0.4">
      <c r="A57" s="8" t="s">
        <v>11525</v>
      </c>
      <c r="B57" s="8"/>
      <c r="C57" s="9" t="s">
        <v>3822</v>
      </c>
      <c r="D57" s="9" t="s">
        <v>11599</v>
      </c>
      <c r="E57" s="10"/>
      <c r="F57" s="10" t="s">
        <v>3822</v>
      </c>
      <c r="G57" s="8" t="s">
        <v>11600</v>
      </c>
      <c r="H57" s="8" t="s">
        <v>11601</v>
      </c>
      <c r="I57" s="11">
        <v>39519</v>
      </c>
      <c r="J57" s="11">
        <v>44317</v>
      </c>
      <c r="K57" s="11">
        <v>46873</v>
      </c>
    </row>
    <row r="58" spans="1:11" x14ac:dyDescent="0.4">
      <c r="A58" s="8" t="s">
        <v>11525</v>
      </c>
      <c r="B58" s="8"/>
      <c r="C58" s="9" t="s">
        <v>11602</v>
      </c>
      <c r="D58" s="9" t="s">
        <v>11603</v>
      </c>
      <c r="E58" s="10"/>
      <c r="F58" s="10" t="s">
        <v>11602</v>
      </c>
      <c r="G58" s="8" t="s">
        <v>11603</v>
      </c>
      <c r="H58" s="8" t="s">
        <v>11604</v>
      </c>
      <c r="I58" s="11">
        <v>39714</v>
      </c>
      <c r="J58" s="11">
        <v>43739</v>
      </c>
      <c r="K58" s="11">
        <v>45930</v>
      </c>
    </row>
    <row r="59" spans="1:11" x14ac:dyDescent="0.4">
      <c r="A59" s="8" t="s">
        <v>11525</v>
      </c>
      <c r="B59" s="8"/>
      <c r="C59" s="9" t="s">
        <v>11605</v>
      </c>
      <c r="D59" s="9" t="s">
        <v>11606</v>
      </c>
      <c r="E59" s="10"/>
      <c r="F59" s="10" t="s">
        <v>11563</v>
      </c>
      <c r="G59" s="8" t="s">
        <v>11562</v>
      </c>
      <c r="H59" s="8" t="s">
        <v>11607</v>
      </c>
      <c r="I59" s="11">
        <v>39716</v>
      </c>
      <c r="J59" s="11">
        <v>43922</v>
      </c>
      <c r="K59" s="11">
        <v>46112</v>
      </c>
    </row>
    <row r="60" spans="1:11" x14ac:dyDescent="0.4">
      <c r="A60" s="8" t="s">
        <v>11525</v>
      </c>
      <c r="B60" s="8"/>
      <c r="C60" s="9" t="s">
        <v>11608</v>
      </c>
      <c r="D60" s="9" t="s">
        <v>11609</v>
      </c>
      <c r="E60" s="10"/>
      <c r="F60" s="10" t="s">
        <v>1864</v>
      </c>
      <c r="G60" s="8" t="s">
        <v>11610</v>
      </c>
      <c r="H60" s="8" t="s">
        <v>11611</v>
      </c>
      <c r="I60" s="11">
        <v>39722</v>
      </c>
      <c r="J60" s="11">
        <v>43739</v>
      </c>
      <c r="K60" s="11">
        <v>45930</v>
      </c>
    </row>
    <row r="61" spans="1:11" x14ac:dyDescent="0.4">
      <c r="A61" s="8" t="s">
        <v>11525</v>
      </c>
      <c r="B61" s="8"/>
      <c r="C61" s="9" t="s">
        <v>11612</v>
      </c>
      <c r="D61" s="9" t="s">
        <v>11613</v>
      </c>
      <c r="E61" s="10"/>
      <c r="F61" s="10"/>
      <c r="G61" s="8"/>
      <c r="H61" s="8" t="s">
        <v>11614</v>
      </c>
      <c r="I61" s="11">
        <v>39976</v>
      </c>
      <c r="J61" s="11">
        <v>43770</v>
      </c>
      <c r="K61" s="11">
        <v>45596</v>
      </c>
    </row>
    <row r="62" spans="1:11" x14ac:dyDescent="0.4">
      <c r="A62" s="8" t="s">
        <v>11525</v>
      </c>
      <c r="B62" s="8"/>
      <c r="C62" s="9" t="s">
        <v>11615</v>
      </c>
      <c r="D62" s="9" t="s">
        <v>11616</v>
      </c>
      <c r="E62" s="10"/>
      <c r="F62" s="10"/>
      <c r="G62" s="8"/>
      <c r="H62" s="8" t="s">
        <v>11617</v>
      </c>
      <c r="I62" s="11">
        <v>40420</v>
      </c>
      <c r="J62" s="11">
        <v>44105</v>
      </c>
      <c r="K62" s="11">
        <v>45930</v>
      </c>
    </row>
    <row r="63" spans="1:11" x14ac:dyDescent="0.4">
      <c r="A63" s="8" t="s">
        <v>11525</v>
      </c>
      <c r="B63" s="8"/>
      <c r="C63" s="9" t="s">
        <v>11618</v>
      </c>
      <c r="D63" s="9" t="s">
        <v>11619</v>
      </c>
      <c r="E63" s="10"/>
      <c r="F63" s="10" t="s">
        <v>11620</v>
      </c>
      <c r="G63" s="8" t="s">
        <v>11621</v>
      </c>
      <c r="H63" s="8" t="s">
        <v>11622</v>
      </c>
      <c r="I63" s="11">
        <v>40529</v>
      </c>
      <c r="J63" s="11">
        <v>43405</v>
      </c>
      <c r="K63" s="11">
        <v>45596</v>
      </c>
    </row>
    <row r="64" spans="1:11" x14ac:dyDescent="0.4">
      <c r="A64" s="8" t="s">
        <v>11525</v>
      </c>
      <c r="B64" s="8"/>
      <c r="C64" s="9" t="s">
        <v>11623</v>
      </c>
      <c r="D64" s="9" t="s">
        <v>11624</v>
      </c>
      <c r="E64" s="10"/>
      <c r="F64" s="10"/>
      <c r="G64" s="8"/>
      <c r="H64" s="8" t="s">
        <v>11625</v>
      </c>
      <c r="I64" s="11">
        <v>41067</v>
      </c>
      <c r="J64" s="11">
        <v>43405</v>
      </c>
      <c r="K64" s="11">
        <v>45596</v>
      </c>
    </row>
    <row r="65" spans="1:11" x14ac:dyDescent="0.4">
      <c r="A65" s="8" t="s">
        <v>11525</v>
      </c>
      <c r="B65" s="8"/>
      <c r="C65" s="9" t="s">
        <v>11626</v>
      </c>
      <c r="D65" s="9" t="s">
        <v>11627</v>
      </c>
      <c r="E65" s="10"/>
      <c r="F65" s="10"/>
      <c r="G65" s="8"/>
      <c r="H65" s="8" t="s">
        <v>11628</v>
      </c>
      <c r="I65" s="11">
        <v>41401</v>
      </c>
      <c r="J65" s="11">
        <v>43770</v>
      </c>
      <c r="K65" s="11">
        <v>45961</v>
      </c>
    </row>
    <row r="66" spans="1:11" x14ac:dyDescent="0.4">
      <c r="A66" s="8" t="s">
        <v>11525</v>
      </c>
      <c r="B66" s="8"/>
      <c r="C66" s="9" t="s">
        <v>11629</v>
      </c>
      <c r="D66" s="9" t="s">
        <v>11630</v>
      </c>
      <c r="E66" s="10"/>
      <c r="F66" s="10"/>
      <c r="G66" s="8"/>
      <c r="H66" s="8" t="s">
        <v>11631</v>
      </c>
      <c r="I66" s="11">
        <v>41404</v>
      </c>
      <c r="J66" s="11">
        <v>43770</v>
      </c>
      <c r="K66" s="11">
        <v>45961</v>
      </c>
    </row>
    <row r="67" spans="1:11" x14ac:dyDescent="0.4">
      <c r="A67" s="8" t="s">
        <v>11525</v>
      </c>
      <c r="B67" s="8"/>
      <c r="C67" s="9" t="s">
        <v>11632</v>
      </c>
      <c r="D67" s="9" t="s">
        <v>11633</v>
      </c>
      <c r="E67" s="10"/>
      <c r="F67" s="10" t="s">
        <v>11563</v>
      </c>
      <c r="G67" s="8" t="s">
        <v>11562</v>
      </c>
      <c r="H67" s="8" t="s">
        <v>11634</v>
      </c>
      <c r="I67" s="11">
        <v>41605</v>
      </c>
      <c r="J67" s="11">
        <v>43922</v>
      </c>
      <c r="K67" s="11">
        <v>46112</v>
      </c>
    </row>
    <row r="68" spans="1:11" x14ac:dyDescent="0.4">
      <c r="A68" s="8" t="s">
        <v>11525</v>
      </c>
      <c r="B68" s="8"/>
      <c r="C68" s="9" t="s">
        <v>11635</v>
      </c>
      <c r="D68" s="9" t="s">
        <v>11636</v>
      </c>
      <c r="E68" s="10"/>
      <c r="F68" s="10" t="s">
        <v>11635</v>
      </c>
      <c r="G68" s="8" t="s">
        <v>11637</v>
      </c>
      <c r="H68" s="8" t="s">
        <v>11638</v>
      </c>
      <c r="I68" s="11">
        <v>41684</v>
      </c>
      <c r="J68" s="11">
        <v>43952</v>
      </c>
      <c r="K68" s="11">
        <v>46142</v>
      </c>
    </row>
    <row r="69" spans="1:11" x14ac:dyDescent="0.4">
      <c r="A69" s="8" t="s">
        <v>11525</v>
      </c>
      <c r="B69" s="8"/>
      <c r="C69" s="9" t="s">
        <v>11639</v>
      </c>
      <c r="D69" s="9" t="s">
        <v>11640</v>
      </c>
      <c r="E69" s="10"/>
      <c r="F69" s="10"/>
      <c r="G69" s="8"/>
      <c r="H69" s="8" t="s">
        <v>11641</v>
      </c>
      <c r="I69" s="11">
        <v>41705</v>
      </c>
      <c r="J69" s="11">
        <v>43770</v>
      </c>
      <c r="K69" s="11">
        <v>45596</v>
      </c>
    </row>
    <row r="70" spans="1:11" x14ac:dyDescent="0.4">
      <c r="A70" s="8" t="s">
        <v>11525</v>
      </c>
      <c r="B70" s="8"/>
      <c r="C70" s="9" t="s">
        <v>11642</v>
      </c>
      <c r="D70" s="9" t="s">
        <v>11643</v>
      </c>
      <c r="E70" s="10"/>
      <c r="F70" s="10" t="s">
        <v>11644</v>
      </c>
      <c r="G70" s="8" t="s">
        <v>11645</v>
      </c>
      <c r="H70" s="8" t="s">
        <v>11646</v>
      </c>
      <c r="I70" s="11">
        <v>41739</v>
      </c>
      <c r="J70" s="11">
        <v>44013</v>
      </c>
      <c r="K70" s="11">
        <v>46203</v>
      </c>
    </row>
    <row r="71" spans="1:11" x14ac:dyDescent="0.4">
      <c r="A71" s="8" t="s">
        <v>11525</v>
      </c>
      <c r="B71" s="8"/>
      <c r="C71" s="9" t="s">
        <v>6575</v>
      </c>
      <c r="D71" s="9" t="s">
        <v>11647</v>
      </c>
      <c r="E71" s="10"/>
      <c r="F71" s="10"/>
      <c r="G71" s="8"/>
      <c r="H71" s="8" t="s">
        <v>11648</v>
      </c>
      <c r="I71" s="11">
        <v>41746</v>
      </c>
      <c r="J71" s="11">
        <v>43739</v>
      </c>
      <c r="K71" s="11">
        <v>45565</v>
      </c>
    </row>
    <row r="72" spans="1:11" x14ac:dyDescent="0.4">
      <c r="A72" s="8" t="s">
        <v>11525</v>
      </c>
      <c r="B72" s="8"/>
      <c r="C72" s="9" t="s">
        <v>11649</v>
      </c>
      <c r="D72" s="9" t="s">
        <v>11566</v>
      </c>
      <c r="E72" s="10"/>
      <c r="F72" s="10" t="s">
        <v>3382</v>
      </c>
      <c r="G72" s="8" t="s">
        <v>11566</v>
      </c>
      <c r="H72" s="8" t="s">
        <v>11650</v>
      </c>
      <c r="I72" s="11">
        <v>42045</v>
      </c>
      <c r="J72" s="11">
        <v>44317</v>
      </c>
      <c r="K72" s="11">
        <v>46507</v>
      </c>
    </row>
    <row r="73" spans="1:11" x14ac:dyDescent="0.4">
      <c r="A73" s="8" t="s">
        <v>11525</v>
      </c>
      <c r="B73" s="8"/>
      <c r="C73" s="9" t="s">
        <v>11651</v>
      </c>
      <c r="D73" s="9" t="s">
        <v>11652</v>
      </c>
      <c r="E73" s="10"/>
      <c r="F73" s="10" t="s">
        <v>11653</v>
      </c>
      <c r="G73" s="8" t="s">
        <v>11654</v>
      </c>
      <c r="H73" s="8" t="s">
        <v>11655</v>
      </c>
      <c r="I73" s="11">
        <v>42276</v>
      </c>
      <c r="J73" s="11">
        <v>44105</v>
      </c>
      <c r="K73" s="11">
        <v>46295</v>
      </c>
    </row>
    <row r="74" spans="1:11" x14ac:dyDescent="0.4">
      <c r="A74" s="8" t="s">
        <v>11525</v>
      </c>
      <c r="B74" s="8"/>
      <c r="C74" s="9" t="s">
        <v>7461</v>
      </c>
      <c r="D74" s="9" t="s">
        <v>11656</v>
      </c>
      <c r="E74" s="10"/>
      <c r="F74" s="10" t="s">
        <v>11657</v>
      </c>
      <c r="G74" s="8" t="s">
        <v>11658</v>
      </c>
      <c r="H74" s="8" t="s">
        <v>11659</v>
      </c>
      <c r="I74" s="11">
        <v>43025</v>
      </c>
      <c r="J74" s="11">
        <v>43025</v>
      </c>
      <c r="K74" s="11">
        <v>45473</v>
      </c>
    </row>
    <row r="75" spans="1:11" x14ac:dyDescent="0.4">
      <c r="A75" s="8" t="s">
        <v>11525</v>
      </c>
      <c r="B75" s="8"/>
      <c r="C75" s="9" t="s">
        <v>11660</v>
      </c>
      <c r="D75" s="9" t="s">
        <v>11661</v>
      </c>
      <c r="E75" s="10"/>
      <c r="F75" s="10"/>
      <c r="G75" s="8"/>
      <c r="H75" s="8" t="s">
        <v>11662</v>
      </c>
      <c r="I75" s="11">
        <v>43137</v>
      </c>
      <c r="J75" s="11">
        <v>43137</v>
      </c>
      <c r="K75" s="11">
        <v>45473</v>
      </c>
    </row>
    <row r="76" spans="1:11" x14ac:dyDescent="0.4">
      <c r="A76" s="8" t="s">
        <v>11525</v>
      </c>
      <c r="B76" s="8"/>
      <c r="C76" s="9" t="s">
        <v>11663</v>
      </c>
      <c r="D76" s="9" t="s">
        <v>11664</v>
      </c>
      <c r="E76" s="10"/>
      <c r="F76" s="10"/>
      <c r="G76" s="8"/>
      <c r="H76" s="8" t="s">
        <v>11665</v>
      </c>
      <c r="I76" s="11">
        <v>43200</v>
      </c>
      <c r="J76" s="11">
        <v>43200</v>
      </c>
      <c r="K76" s="11">
        <v>45747</v>
      </c>
    </row>
    <row r="77" spans="1:11" x14ac:dyDescent="0.4">
      <c r="A77" s="8" t="s">
        <v>11525</v>
      </c>
      <c r="B77" s="8"/>
      <c r="C77" s="9" t="s">
        <v>4421</v>
      </c>
      <c r="D77" s="9" t="s">
        <v>11666</v>
      </c>
      <c r="E77" s="10"/>
      <c r="F77" s="10"/>
      <c r="G77" s="8"/>
      <c r="H77" s="8" t="s">
        <v>11667</v>
      </c>
      <c r="I77" s="11">
        <v>43286</v>
      </c>
      <c r="J77" s="11">
        <v>43286</v>
      </c>
      <c r="K77" s="11">
        <v>45747</v>
      </c>
    </row>
    <row r="78" spans="1:11" x14ac:dyDescent="0.4">
      <c r="A78" s="8" t="s">
        <v>11525</v>
      </c>
      <c r="B78" s="8"/>
      <c r="C78" s="9" t="s">
        <v>11668</v>
      </c>
      <c r="D78" s="9" t="s">
        <v>11669</v>
      </c>
      <c r="E78" s="10"/>
      <c r="F78" s="10" t="s">
        <v>11668</v>
      </c>
      <c r="G78" s="8" t="s">
        <v>11670</v>
      </c>
      <c r="H78" s="8" t="s">
        <v>11671</v>
      </c>
      <c r="I78" s="11">
        <v>43320</v>
      </c>
      <c r="J78" s="11">
        <v>43320</v>
      </c>
      <c r="K78" s="11">
        <v>46203</v>
      </c>
    </row>
    <row r="79" spans="1:11" x14ac:dyDescent="0.4">
      <c r="A79" s="8" t="s">
        <v>11525</v>
      </c>
      <c r="B79" s="8"/>
      <c r="C79" s="9" t="s">
        <v>11672</v>
      </c>
      <c r="D79" s="9" t="s">
        <v>11673</v>
      </c>
      <c r="E79" s="10"/>
      <c r="F79" s="10"/>
      <c r="G79" s="8"/>
      <c r="H79" s="8" t="s">
        <v>11674</v>
      </c>
      <c r="I79" s="11">
        <v>43344</v>
      </c>
      <c r="J79" s="11">
        <v>43344</v>
      </c>
      <c r="K79" s="11">
        <v>45565</v>
      </c>
    </row>
    <row r="80" spans="1:11" x14ac:dyDescent="0.4">
      <c r="A80" s="8" t="s">
        <v>11525</v>
      </c>
      <c r="B80" s="8"/>
      <c r="C80" s="9" t="s">
        <v>11675</v>
      </c>
      <c r="D80" s="9" t="s">
        <v>11676</v>
      </c>
      <c r="E80" s="10"/>
      <c r="F80" s="10" t="s">
        <v>11677</v>
      </c>
      <c r="G80" s="8" t="s">
        <v>11678</v>
      </c>
      <c r="H80" s="8" t="s">
        <v>11679</v>
      </c>
      <c r="I80" s="11">
        <v>43454</v>
      </c>
      <c r="J80" s="11">
        <v>43454</v>
      </c>
      <c r="K80" s="11">
        <v>45961</v>
      </c>
    </row>
    <row r="81" spans="1:11" x14ac:dyDescent="0.4">
      <c r="A81" s="8" t="s">
        <v>11525</v>
      </c>
      <c r="B81" s="8"/>
      <c r="C81" s="9" t="s">
        <v>11680</v>
      </c>
      <c r="D81" s="9" t="s">
        <v>11580</v>
      </c>
      <c r="E81" s="10"/>
      <c r="F81" s="10" t="s">
        <v>11581</v>
      </c>
      <c r="G81" s="8" t="s">
        <v>11582</v>
      </c>
      <c r="H81" s="8" t="s">
        <v>11681</v>
      </c>
      <c r="I81" s="11">
        <v>43570</v>
      </c>
      <c r="J81" s="11">
        <v>43570</v>
      </c>
      <c r="K81" s="11">
        <v>46295</v>
      </c>
    </row>
    <row r="82" spans="1:11" x14ac:dyDescent="0.4">
      <c r="A82" s="8" t="s">
        <v>11525</v>
      </c>
      <c r="B82" s="8"/>
      <c r="C82" s="9" t="s">
        <v>11682</v>
      </c>
      <c r="D82" s="9" t="s">
        <v>11683</v>
      </c>
      <c r="E82" s="10"/>
      <c r="F82" s="10" t="s">
        <v>11684</v>
      </c>
      <c r="G82" s="8" t="s">
        <v>11685</v>
      </c>
      <c r="H82" s="8" t="s">
        <v>11686</v>
      </c>
      <c r="I82" s="11">
        <v>43573</v>
      </c>
      <c r="J82" s="11">
        <v>43573</v>
      </c>
      <c r="K82" s="11">
        <v>45838</v>
      </c>
    </row>
    <row r="83" spans="1:11" x14ac:dyDescent="0.4">
      <c r="A83" s="8" t="s">
        <v>11525</v>
      </c>
      <c r="B83" s="8"/>
      <c r="C83" s="9" t="s">
        <v>11687</v>
      </c>
      <c r="D83" s="9" t="s">
        <v>11688</v>
      </c>
      <c r="E83" s="10"/>
      <c r="F83" s="10" t="s">
        <v>11689</v>
      </c>
      <c r="G83" s="8" t="s">
        <v>11690</v>
      </c>
      <c r="H83" s="8" t="s">
        <v>11691</v>
      </c>
      <c r="I83" s="11">
        <v>43578</v>
      </c>
      <c r="J83" s="11">
        <v>43578</v>
      </c>
      <c r="K83" s="11">
        <v>45991</v>
      </c>
    </row>
    <row r="84" spans="1:11" x14ac:dyDescent="0.4">
      <c r="A84" s="8" t="s">
        <v>11525</v>
      </c>
      <c r="B84" s="8"/>
      <c r="C84" s="9" t="s">
        <v>11692</v>
      </c>
      <c r="D84" s="9" t="s">
        <v>11693</v>
      </c>
      <c r="E84" s="10"/>
      <c r="F84" s="10" t="s">
        <v>11694</v>
      </c>
      <c r="G84" s="8" t="s">
        <v>11695</v>
      </c>
      <c r="H84" s="8" t="s">
        <v>11696</v>
      </c>
      <c r="I84" s="11">
        <v>43648</v>
      </c>
      <c r="J84" s="11">
        <v>43648</v>
      </c>
      <c r="K84" s="11">
        <v>46203</v>
      </c>
    </row>
    <row r="85" spans="1:11" x14ac:dyDescent="0.4">
      <c r="A85" s="8" t="s">
        <v>11525</v>
      </c>
      <c r="B85" s="8"/>
      <c r="C85" s="9" t="s">
        <v>11697</v>
      </c>
      <c r="D85" s="9" t="s">
        <v>11698</v>
      </c>
      <c r="E85" s="10"/>
      <c r="F85" s="10"/>
      <c r="G85" s="8"/>
      <c r="H85" s="8" t="s">
        <v>11699</v>
      </c>
      <c r="I85" s="11">
        <v>43663</v>
      </c>
      <c r="J85" s="11">
        <v>43663</v>
      </c>
      <c r="K85" s="11">
        <v>46142</v>
      </c>
    </row>
    <row r="86" spans="1:11" x14ac:dyDescent="0.4">
      <c r="A86" s="8" t="s">
        <v>11525</v>
      </c>
      <c r="B86" s="8"/>
      <c r="C86" s="9" t="s">
        <v>11700</v>
      </c>
      <c r="D86" s="9" t="s">
        <v>11701</v>
      </c>
      <c r="E86" s="10"/>
      <c r="F86" s="10"/>
      <c r="G86" s="8"/>
      <c r="H86" s="8" t="s">
        <v>11702</v>
      </c>
      <c r="I86" s="11">
        <v>43665</v>
      </c>
      <c r="J86" s="11">
        <v>43665</v>
      </c>
      <c r="K86" s="11">
        <v>45961</v>
      </c>
    </row>
    <row r="87" spans="1:11" x14ac:dyDescent="0.4">
      <c r="A87" s="8" t="s">
        <v>11525</v>
      </c>
      <c r="B87" s="8"/>
      <c r="C87" s="9" t="s">
        <v>11703</v>
      </c>
      <c r="D87" s="9" t="s">
        <v>11479</v>
      </c>
      <c r="E87" s="10"/>
      <c r="F87" s="10"/>
      <c r="G87" s="8"/>
      <c r="H87" s="8" t="s">
        <v>11704</v>
      </c>
      <c r="I87" s="11">
        <v>43697</v>
      </c>
      <c r="J87" s="11">
        <v>43697</v>
      </c>
      <c r="K87" s="11">
        <v>46203</v>
      </c>
    </row>
    <row r="88" spans="1:11" x14ac:dyDescent="0.4">
      <c r="A88" s="8" t="s">
        <v>11525</v>
      </c>
      <c r="B88" s="8"/>
      <c r="C88" s="9" t="s">
        <v>1220</v>
      </c>
      <c r="D88" s="9" t="s">
        <v>11705</v>
      </c>
      <c r="E88" s="10"/>
      <c r="F88" s="10"/>
      <c r="G88" s="8"/>
      <c r="H88" s="8" t="s">
        <v>11706</v>
      </c>
      <c r="I88" s="11">
        <v>43800</v>
      </c>
      <c r="J88" s="11">
        <v>43800</v>
      </c>
      <c r="K88" s="11">
        <v>46203</v>
      </c>
    </row>
    <row r="89" spans="1:11" x14ac:dyDescent="0.4">
      <c r="A89" s="8" t="s">
        <v>11525</v>
      </c>
      <c r="B89" s="8"/>
      <c r="C89" s="9" t="s">
        <v>11707</v>
      </c>
      <c r="D89" s="9" t="s">
        <v>11708</v>
      </c>
      <c r="E89" s="10"/>
      <c r="F89" s="10" t="s">
        <v>11709</v>
      </c>
      <c r="G89" s="8" t="s">
        <v>11710</v>
      </c>
      <c r="H89" s="8" t="s">
        <v>11711</v>
      </c>
      <c r="I89" s="11">
        <v>43861</v>
      </c>
      <c r="J89" s="11">
        <v>43861</v>
      </c>
      <c r="K89" s="11">
        <v>46112</v>
      </c>
    </row>
    <row r="90" spans="1:11" x14ac:dyDescent="0.4">
      <c r="A90" s="8" t="s">
        <v>11525</v>
      </c>
      <c r="B90" s="8"/>
      <c r="C90" s="9" t="s">
        <v>11712</v>
      </c>
      <c r="D90" s="9" t="s">
        <v>11713</v>
      </c>
      <c r="E90" s="10"/>
      <c r="F90" s="10"/>
      <c r="G90" s="8"/>
      <c r="H90" s="8" t="s">
        <v>11714</v>
      </c>
      <c r="I90" s="11">
        <v>43893</v>
      </c>
      <c r="J90" s="11">
        <v>43893</v>
      </c>
      <c r="K90" s="11">
        <v>46142</v>
      </c>
    </row>
    <row r="91" spans="1:11" x14ac:dyDescent="0.4">
      <c r="A91" s="8" t="s">
        <v>11525</v>
      </c>
      <c r="B91" s="8"/>
      <c r="C91" s="9" t="s">
        <v>11715</v>
      </c>
      <c r="D91" s="9" t="s">
        <v>11716</v>
      </c>
      <c r="E91" s="10" t="s">
        <v>11717</v>
      </c>
      <c r="F91" s="10" t="s">
        <v>11718</v>
      </c>
      <c r="G91" s="8" t="s">
        <v>11719</v>
      </c>
      <c r="H91" s="8" t="s">
        <v>11720</v>
      </c>
      <c r="I91" s="11">
        <v>43895</v>
      </c>
      <c r="J91" s="11">
        <v>43895</v>
      </c>
      <c r="K91" s="11">
        <v>46295</v>
      </c>
    </row>
    <row r="92" spans="1:11" x14ac:dyDescent="0.4">
      <c r="A92" s="8" t="s">
        <v>11525</v>
      </c>
      <c r="B92" s="8"/>
      <c r="C92" s="9" t="s">
        <v>11721</v>
      </c>
      <c r="D92" s="9" t="s">
        <v>11722</v>
      </c>
      <c r="E92" s="10"/>
      <c r="F92" s="10" t="s">
        <v>11721</v>
      </c>
      <c r="G92" s="8" t="s">
        <v>11722</v>
      </c>
      <c r="H92" s="8" t="s">
        <v>11723</v>
      </c>
      <c r="I92" s="11">
        <v>43931</v>
      </c>
      <c r="J92" s="11">
        <v>43931</v>
      </c>
      <c r="K92" s="11">
        <v>46203</v>
      </c>
    </row>
    <row r="93" spans="1:11" x14ac:dyDescent="0.4">
      <c r="A93" s="8" t="s">
        <v>11525</v>
      </c>
      <c r="B93" s="8"/>
      <c r="C93" s="9" t="s">
        <v>11724</v>
      </c>
      <c r="D93" s="9" t="s">
        <v>11725</v>
      </c>
      <c r="E93" s="10"/>
      <c r="F93" s="10" t="s">
        <v>11726</v>
      </c>
      <c r="G93" s="8" t="s">
        <v>11727</v>
      </c>
      <c r="H93" s="8" t="s">
        <v>11728</v>
      </c>
      <c r="I93" s="11">
        <v>43952</v>
      </c>
      <c r="J93" s="11">
        <v>43952</v>
      </c>
      <c r="K93" s="11">
        <v>45961</v>
      </c>
    </row>
    <row r="94" spans="1:11" x14ac:dyDescent="0.4">
      <c r="A94" s="8" t="s">
        <v>11525</v>
      </c>
      <c r="B94" s="8"/>
      <c r="C94" s="9" t="s">
        <v>11516</v>
      </c>
      <c r="D94" s="9" t="s">
        <v>11517</v>
      </c>
      <c r="E94" s="10"/>
      <c r="F94" s="10"/>
      <c r="G94" s="8"/>
      <c r="H94" s="8" t="s">
        <v>11729</v>
      </c>
      <c r="I94" s="11">
        <v>43963</v>
      </c>
      <c r="J94" s="11">
        <v>43963</v>
      </c>
      <c r="K94" s="11">
        <v>46203</v>
      </c>
    </row>
    <row r="95" spans="1:11" x14ac:dyDescent="0.4">
      <c r="A95" s="8" t="s">
        <v>11525</v>
      </c>
      <c r="B95" s="8"/>
      <c r="C95" s="9" t="s">
        <v>11730</v>
      </c>
      <c r="D95" s="9" t="s">
        <v>11731</v>
      </c>
      <c r="E95" s="10"/>
      <c r="F95" s="10"/>
      <c r="G95" s="8"/>
      <c r="H95" s="8" t="s">
        <v>11732</v>
      </c>
      <c r="I95" s="11">
        <v>43970</v>
      </c>
      <c r="J95" s="11">
        <v>43970</v>
      </c>
      <c r="K95" s="11">
        <v>46295</v>
      </c>
    </row>
    <row r="96" spans="1:11" x14ac:dyDescent="0.4">
      <c r="A96" s="8" t="s">
        <v>11525</v>
      </c>
      <c r="B96" s="8"/>
      <c r="C96" s="9" t="s">
        <v>11733</v>
      </c>
      <c r="D96" s="9" t="s">
        <v>11734</v>
      </c>
      <c r="E96" s="10"/>
      <c r="F96" s="10"/>
      <c r="G96" s="8"/>
      <c r="H96" s="8" t="s">
        <v>11735</v>
      </c>
      <c r="I96" s="11">
        <v>44104</v>
      </c>
      <c r="J96" s="11">
        <v>44104</v>
      </c>
      <c r="K96" s="11">
        <v>46203</v>
      </c>
    </row>
    <row r="97" spans="1:11" x14ac:dyDescent="0.4">
      <c r="A97" s="8" t="s">
        <v>11525</v>
      </c>
      <c r="B97" s="8"/>
      <c r="C97" s="9" t="s">
        <v>11736</v>
      </c>
      <c r="D97" s="9" t="s">
        <v>11737</v>
      </c>
      <c r="E97" s="10"/>
      <c r="F97" s="10"/>
      <c r="G97" s="8"/>
      <c r="H97" s="8" t="s">
        <v>11738</v>
      </c>
      <c r="I97" s="11">
        <v>44117</v>
      </c>
      <c r="J97" s="11">
        <v>44117</v>
      </c>
      <c r="K97" s="11">
        <v>46538</v>
      </c>
    </row>
    <row r="98" spans="1:11" x14ac:dyDescent="0.4">
      <c r="A98" s="8" t="s">
        <v>11525</v>
      </c>
      <c r="B98" s="8"/>
      <c r="C98" s="9" t="s">
        <v>3634</v>
      </c>
      <c r="D98" s="9" t="s">
        <v>11739</v>
      </c>
      <c r="E98" s="10" t="s">
        <v>11740</v>
      </c>
      <c r="F98" s="10"/>
      <c r="G98" s="8"/>
      <c r="H98" s="8" t="s">
        <v>11741</v>
      </c>
      <c r="I98" s="11">
        <v>44169</v>
      </c>
      <c r="J98" s="11">
        <v>44169</v>
      </c>
      <c r="K98" s="11">
        <v>46721</v>
      </c>
    </row>
    <row r="99" spans="1:11" x14ac:dyDescent="0.4">
      <c r="A99" s="8" t="s">
        <v>11525</v>
      </c>
      <c r="B99" s="8"/>
      <c r="C99" s="9" t="s">
        <v>11742</v>
      </c>
      <c r="D99" s="9" t="s">
        <v>11743</v>
      </c>
      <c r="E99" s="10"/>
      <c r="F99" s="10"/>
      <c r="G99" s="8"/>
      <c r="H99" s="8" t="s">
        <v>11744</v>
      </c>
      <c r="I99" s="11">
        <v>44182</v>
      </c>
      <c r="J99" s="11">
        <v>44182</v>
      </c>
      <c r="K99" s="11">
        <v>46203</v>
      </c>
    </row>
    <row r="100" spans="1:11" x14ac:dyDescent="0.4">
      <c r="A100" s="8" t="s">
        <v>11525</v>
      </c>
      <c r="B100" s="8"/>
      <c r="C100" s="9" t="s">
        <v>11745</v>
      </c>
      <c r="D100" s="9" t="s">
        <v>11746</v>
      </c>
      <c r="E100" s="10"/>
      <c r="F100" s="10"/>
      <c r="G100" s="8"/>
      <c r="H100" s="8" t="s">
        <v>11747</v>
      </c>
      <c r="I100" s="11">
        <v>44335</v>
      </c>
      <c r="J100" s="11">
        <v>44335</v>
      </c>
      <c r="K100" s="11">
        <v>46691</v>
      </c>
    </row>
    <row r="101" spans="1:11" x14ac:dyDescent="0.4">
      <c r="A101" s="8" t="s">
        <v>11525</v>
      </c>
      <c r="B101" s="8"/>
      <c r="C101" s="9" t="s">
        <v>11748</v>
      </c>
      <c r="D101" s="9" t="s">
        <v>11749</v>
      </c>
      <c r="E101" s="10" t="s">
        <v>11750</v>
      </c>
      <c r="F101" s="10"/>
      <c r="G101" s="8"/>
      <c r="H101" s="8" t="s">
        <v>11751</v>
      </c>
      <c r="I101" s="11">
        <v>44343</v>
      </c>
      <c r="J101" s="11">
        <v>44343</v>
      </c>
      <c r="K101" s="11">
        <v>46873</v>
      </c>
    </row>
    <row r="102" spans="1:11" x14ac:dyDescent="0.4">
      <c r="A102" s="8" t="s">
        <v>11752</v>
      </c>
      <c r="B102" s="8"/>
      <c r="C102" s="9" t="s">
        <v>11753</v>
      </c>
      <c r="D102" s="9" t="s">
        <v>11754</v>
      </c>
      <c r="E102" s="10"/>
      <c r="F102" s="10" t="s">
        <v>11450</v>
      </c>
      <c r="G102" s="8" t="s">
        <v>11451</v>
      </c>
      <c r="H102" s="8" t="s">
        <v>11755</v>
      </c>
      <c r="I102" s="11">
        <v>43563</v>
      </c>
      <c r="J102" s="11">
        <v>43563</v>
      </c>
      <c r="K102" s="11">
        <v>46295</v>
      </c>
    </row>
    <row r="103" spans="1:11" x14ac:dyDescent="0.4">
      <c r="A103" s="8" t="s">
        <v>11756</v>
      </c>
      <c r="B103" s="8"/>
      <c r="C103" s="9" t="s">
        <v>11757</v>
      </c>
      <c r="D103" s="9" t="s">
        <v>11758</v>
      </c>
      <c r="E103" s="10"/>
      <c r="F103" s="10"/>
      <c r="G103" s="8"/>
      <c r="H103" s="8" t="s">
        <v>11759</v>
      </c>
      <c r="I103" s="11">
        <v>30144</v>
      </c>
      <c r="J103" s="11">
        <v>43647</v>
      </c>
      <c r="K103" s="11">
        <v>45473</v>
      </c>
    </row>
    <row r="104" spans="1:11" x14ac:dyDescent="0.4">
      <c r="A104" s="8" t="s">
        <v>11756</v>
      </c>
      <c r="B104" s="8"/>
      <c r="C104" s="9" t="s">
        <v>11760</v>
      </c>
      <c r="D104" s="9" t="s">
        <v>11761</v>
      </c>
      <c r="E104" s="10"/>
      <c r="F104" s="10"/>
      <c r="G104" s="8"/>
      <c r="H104" s="8" t="s">
        <v>11762</v>
      </c>
      <c r="I104" s="11">
        <v>33998</v>
      </c>
      <c r="J104" s="11">
        <v>44287</v>
      </c>
      <c r="K104" s="11">
        <v>46112</v>
      </c>
    </row>
    <row r="105" spans="1:11" x14ac:dyDescent="0.4">
      <c r="A105" s="8" t="s">
        <v>11756</v>
      </c>
      <c r="B105" s="8"/>
      <c r="C105" s="9" t="s">
        <v>11763</v>
      </c>
      <c r="D105" s="9" t="s">
        <v>11764</v>
      </c>
      <c r="E105" s="10"/>
      <c r="F105" s="10"/>
      <c r="G105" s="8"/>
      <c r="H105" s="8" t="s">
        <v>11765</v>
      </c>
      <c r="I105" s="11">
        <v>38063</v>
      </c>
      <c r="J105" s="11">
        <v>44136</v>
      </c>
      <c r="K105" s="11">
        <v>46326</v>
      </c>
    </row>
    <row r="106" spans="1:11" x14ac:dyDescent="0.4">
      <c r="A106" s="8" t="s">
        <v>11756</v>
      </c>
      <c r="B106" s="8"/>
      <c r="C106" s="9" t="s">
        <v>11766</v>
      </c>
      <c r="D106" s="9" t="s">
        <v>11767</v>
      </c>
      <c r="E106" s="10"/>
      <c r="F106" s="10" t="s">
        <v>11768</v>
      </c>
      <c r="G106" s="8" t="s">
        <v>11767</v>
      </c>
      <c r="H106" s="8" t="s">
        <v>11769</v>
      </c>
      <c r="I106" s="11">
        <v>36220</v>
      </c>
      <c r="J106" s="11">
        <v>43770</v>
      </c>
      <c r="K106" s="11">
        <v>45596</v>
      </c>
    </row>
    <row r="107" spans="1:11" x14ac:dyDescent="0.4">
      <c r="A107" s="8" t="s">
        <v>11756</v>
      </c>
      <c r="B107" s="8"/>
      <c r="C107" s="9" t="s">
        <v>5926</v>
      </c>
      <c r="D107" s="9" t="s">
        <v>11523</v>
      </c>
      <c r="E107" s="10"/>
      <c r="F107" s="10" t="s">
        <v>5926</v>
      </c>
      <c r="G107" s="8" t="s">
        <v>11523</v>
      </c>
      <c r="H107" s="8" t="s">
        <v>11770</v>
      </c>
      <c r="I107" s="11">
        <v>39303</v>
      </c>
      <c r="J107" s="11">
        <v>43374</v>
      </c>
      <c r="K107" s="11">
        <v>45565</v>
      </c>
    </row>
    <row r="108" spans="1:11" x14ac:dyDescent="0.4">
      <c r="A108" s="8" t="s">
        <v>11756</v>
      </c>
      <c r="B108" s="8"/>
      <c r="C108" s="9" t="s">
        <v>11771</v>
      </c>
      <c r="D108" s="9" t="s">
        <v>11772</v>
      </c>
      <c r="E108" s="10"/>
      <c r="F108" s="10"/>
      <c r="G108" s="8"/>
      <c r="H108" s="8" t="s">
        <v>11773</v>
      </c>
      <c r="I108" s="11">
        <v>40149</v>
      </c>
      <c r="J108" s="11">
        <v>44105</v>
      </c>
      <c r="K108" s="11">
        <v>45930</v>
      </c>
    </row>
    <row r="109" spans="1:11" x14ac:dyDescent="0.4">
      <c r="A109" s="8" t="s">
        <v>11756</v>
      </c>
      <c r="B109" s="8"/>
      <c r="C109" s="9" t="s">
        <v>11626</v>
      </c>
      <c r="D109" s="9" t="s">
        <v>11774</v>
      </c>
      <c r="E109" s="10"/>
      <c r="F109" s="10"/>
      <c r="G109" s="8"/>
      <c r="H109" s="8" t="s">
        <v>11775</v>
      </c>
      <c r="I109" s="11">
        <v>41348</v>
      </c>
      <c r="J109" s="11">
        <v>43770</v>
      </c>
      <c r="K109" s="11">
        <v>45961</v>
      </c>
    </row>
    <row r="110" spans="1:11" x14ac:dyDescent="0.4">
      <c r="A110" s="8" t="s">
        <v>11776</v>
      </c>
      <c r="B110" s="8"/>
      <c r="C110" s="9" t="s">
        <v>11777</v>
      </c>
      <c r="D110" s="9" t="s">
        <v>11778</v>
      </c>
      <c r="E110" s="10"/>
      <c r="F110" s="10" t="s">
        <v>11779</v>
      </c>
      <c r="G110" s="8" t="s">
        <v>11780</v>
      </c>
      <c r="H110" s="8" t="s">
        <v>11781</v>
      </c>
      <c r="I110" s="11">
        <v>32382</v>
      </c>
      <c r="J110" s="11">
        <v>44317</v>
      </c>
      <c r="K110" s="11">
        <v>46142</v>
      </c>
    </row>
    <row r="111" spans="1:11" x14ac:dyDescent="0.4">
      <c r="A111" s="8" t="s">
        <v>11776</v>
      </c>
      <c r="B111" s="8"/>
      <c r="C111" s="9" t="s">
        <v>11782</v>
      </c>
      <c r="D111" s="9" t="s">
        <v>11783</v>
      </c>
      <c r="E111" s="10"/>
      <c r="F111" s="10"/>
      <c r="G111" s="8"/>
      <c r="H111" s="8" t="s">
        <v>11784</v>
      </c>
      <c r="I111" s="11">
        <v>32527</v>
      </c>
      <c r="J111" s="11">
        <v>44287</v>
      </c>
      <c r="K111" s="11">
        <v>46112</v>
      </c>
    </row>
    <row r="112" spans="1:11" x14ac:dyDescent="0.4">
      <c r="A112" s="8" t="s">
        <v>11776</v>
      </c>
      <c r="B112" s="8"/>
      <c r="C112" s="9" t="s">
        <v>11785</v>
      </c>
      <c r="D112" s="9" t="s">
        <v>11786</v>
      </c>
      <c r="E112" s="10"/>
      <c r="F112" s="10" t="s">
        <v>11785</v>
      </c>
      <c r="G112" s="8" t="s">
        <v>11786</v>
      </c>
      <c r="H112" s="8" t="s">
        <v>11787</v>
      </c>
      <c r="I112" s="11">
        <v>34302</v>
      </c>
      <c r="J112" s="11">
        <v>43282</v>
      </c>
      <c r="K112" s="11">
        <v>45473</v>
      </c>
    </row>
    <row r="113" spans="1:11" x14ac:dyDescent="0.4">
      <c r="A113" s="8" t="s">
        <v>11776</v>
      </c>
      <c r="B113" s="8"/>
      <c r="C113" s="9" t="s">
        <v>11565</v>
      </c>
      <c r="D113" s="9" t="s">
        <v>11566</v>
      </c>
      <c r="E113" s="10"/>
      <c r="F113" s="10" t="s">
        <v>11565</v>
      </c>
      <c r="G113" s="8" t="s">
        <v>11566</v>
      </c>
      <c r="H113" s="8" t="s">
        <v>11788</v>
      </c>
      <c r="I113" s="11">
        <v>37316</v>
      </c>
      <c r="J113" s="11">
        <v>43586</v>
      </c>
      <c r="K113" s="11">
        <v>45777</v>
      </c>
    </row>
    <row r="114" spans="1:11" x14ac:dyDescent="0.4">
      <c r="A114" s="8" t="s">
        <v>11776</v>
      </c>
      <c r="B114" s="8"/>
      <c r="C114" s="9" t="s">
        <v>11779</v>
      </c>
      <c r="D114" s="9" t="s">
        <v>11789</v>
      </c>
      <c r="E114" s="10"/>
      <c r="F114" s="10" t="s">
        <v>11779</v>
      </c>
      <c r="G114" s="8" t="s">
        <v>11780</v>
      </c>
      <c r="H114" s="8" t="s">
        <v>11790</v>
      </c>
      <c r="I114" s="11">
        <v>38155</v>
      </c>
      <c r="J114" s="11">
        <v>44317</v>
      </c>
      <c r="K114" s="11">
        <v>46142</v>
      </c>
    </row>
    <row r="115" spans="1:11" x14ac:dyDescent="0.4">
      <c r="A115" s="8" t="s">
        <v>11776</v>
      </c>
      <c r="B115" s="8"/>
      <c r="C115" s="9" t="s">
        <v>11791</v>
      </c>
      <c r="D115" s="9" t="s">
        <v>11792</v>
      </c>
      <c r="E115" s="10"/>
      <c r="F115" s="10" t="s">
        <v>11791</v>
      </c>
      <c r="G115" s="8" t="s">
        <v>11792</v>
      </c>
      <c r="H115" s="8" t="s">
        <v>11793</v>
      </c>
      <c r="I115" s="11">
        <v>37288</v>
      </c>
      <c r="J115" s="11">
        <v>43405</v>
      </c>
      <c r="K115" s="11">
        <v>45596</v>
      </c>
    </row>
    <row r="116" spans="1:11" x14ac:dyDescent="0.4">
      <c r="A116" s="8" t="s">
        <v>11776</v>
      </c>
      <c r="B116" s="8"/>
      <c r="C116" s="9" t="s">
        <v>11573</v>
      </c>
      <c r="D116" s="9" t="s">
        <v>11574</v>
      </c>
      <c r="E116" s="10"/>
      <c r="F116" s="10" t="s">
        <v>11573</v>
      </c>
      <c r="G116" s="8" t="s">
        <v>11574</v>
      </c>
      <c r="H116" s="8" t="s">
        <v>11794</v>
      </c>
      <c r="I116" s="11">
        <v>37421</v>
      </c>
      <c r="J116" s="11">
        <v>43770</v>
      </c>
      <c r="K116" s="11">
        <v>45961</v>
      </c>
    </row>
    <row r="117" spans="1:11" x14ac:dyDescent="0.4">
      <c r="A117" s="8" t="s">
        <v>11776</v>
      </c>
      <c r="B117" s="8"/>
      <c r="C117" s="9" t="s">
        <v>11795</v>
      </c>
      <c r="D117" s="9" t="s">
        <v>11796</v>
      </c>
      <c r="E117" s="10"/>
      <c r="F117" s="10" t="s">
        <v>11797</v>
      </c>
      <c r="G117" s="8" t="s">
        <v>11796</v>
      </c>
      <c r="H117" s="8" t="s">
        <v>11798</v>
      </c>
      <c r="I117" s="11">
        <v>36356</v>
      </c>
      <c r="J117" s="11">
        <v>43739</v>
      </c>
      <c r="K117" s="11">
        <v>45565</v>
      </c>
    </row>
    <row r="118" spans="1:11" x14ac:dyDescent="0.4">
      <c r="A118" s="8" t="s">
        <v>11776</v>
      </c>
      <c r="B118" s="8"/>
      <c r="C118" s="9" t="s">
        <v>11799</v>
      </c>
      <c r="D118" s="9" t="s">
        <v>11800</v>
      </c>
      <c r="E118" s="10"/>
      <c r="F118" s="10"/>
      <c r="G118" s="8"/>
      <c r="H118" s="8" t="s">
        <v>11801</v>
      </c>
      <c r="I118" s="11">
        <v>39571</v>
      </c>
      <c r="J118" s="11">
        <v>43647</v>
      </c>
      <c r="K118" s="11">
        <v>45838</v>
      </c>
    </row>
    <row r="119" spans="1:11" x14ac:dyDescent="0.4">
      <c r="A119" s="8" t="s">
        <v>11776</v>
      </c>
      <c r="B119" s="8"/>
      <c r="C119" s="9" t="s">
        <v>11802</v>
      </c>
      <c r="D119" s="9" t="s">
        <v>11803</v>
      </c>
      <c r="E119" s="10"/>
      <c r="F119" s="10"/>
      <c r="G119" s="8"/>
      <c r="H119" s="8" t="s">
        <v>11804</v>
      </c>
      <c r="I119" s="11">
        <v>41991</v>
      </c>
      <c r="J119" s="11">
        <v>44013</v>
      </c>
      <c r="K119" s="11">
        <v>45838</v>
      </c>
    </row>
    <row r="120" spans="1:11" x14ac:dyDescent="0.4">
      <c r="A120" s="8" t="s">
        <v>11776</v>
      </c>
      <c r="B120" s="8"/>
      <c r="C120" s="9" t="s">
        <v>11805</v>
      </c>
      <c r="D120" s="9" t="s">
        <v>11806</v>
      </c>
      <c r="E120" s="10"/>
      <c r="F120" s="10"/>
      <c r="G120" s="8"/>
      <c r="H120" s="8" t="s">
        <v>11807</v>
      </c>
      <c r="I120" s="11">
        <v>43440</v>
      </c>
      <c r="J120" s="11">
        <v>43440</v>
      </c>
      <c r="K120" s="11">
        <v>45961</v>
      </c>
    </row>
    <row r="121" spans="1:11" x14ac:dyDescent="0.4">
      <c r="A121" s="8" t="s">
        <v>11776</v>
      </c>
      <c r="B121" s="8"/>
      <c r="C121" s="9" t="s">
        <v>11808</v>
      </c>
      <c r="D121" s="9" t="s">
        <v>11809</v>
      </c>
      <c r="E121" s="10"/>
      <c r="F121" s="10" t="s">
        <v>11810</v>
      </c>
      <c r="G121" s="8" t="s">
        <v>11811</v>
      </c>
      <c r="H121" s="8" t="s">
        <v>11812</v>
      </c>
      <c r="I121" s="11">
        <v>43930</v>
      </c>
      <c r="J121" s="11">
        <v>43930</v>
      </c>
      <c r="K121" s="11">
        <v>46142</v>
      </c>
    </row>
    <row r="122" spans="1:11" x14ac:dyDescent="0.4">
      <c r="A122" s="8" t="s">
        <v>11776</v>
      </c>
      <c r="B122" s="8"/>
      <c r="C122" s="9" t="s">
        <v>11813</v>
      </c>
      <c r="D122" s="9" t="s">
        <v>11814</v>
      </c>
      <c r="E122" s="10"/>
      <c r="F122" s="10" t="s">
        <v>11815</v>
      </c>
      <c r="G122" s="8" t="s">
        <v>11816</v>
      </c>
      <c r="H122" s="8" t="s">
        <v>11817</v>
      </c>
      <c r="I122" s="11">
        <v>44238</v>
      </c>
      <c r="J122" s="11">
        <v>44238</v>
      </c>
      <c r="K122" s="11">
        <v>46477</v>
      </c>
    </row>
    <row r="123" spans="1:11" x14ac:dyDescent="0.4">
      <c r="A123" s="8" t="s">
        <v>11818</v>
      </c>
      <c r="B123" s="8" t="s">
        <v>48</v>
      </c>
      <c r="C123" s="9" t="s">
        <v>11819</v>
      </c>
      <c r="D123" s="9" t="s">
        <v>11820</v>
      </c>
      <c r="E123" s="10" t="s">
        <v>11821</v>
      </c>
      <c r="F123" s="10"/>
      <c r="G123" s="8"/>
      <c r="H123" s="8" t="s">
        <v>11822</v>
      </c>
      <c r="I123" s="11">
        <v>35544</v>
      </c>
      <c r="J123" s="11">
        <v>44348</v>
      </c>
      <c r="K123" s="11">
        <v>46173</v>
      </c>
    </row>
    <row r="124" spans="1:11" x14ac:dyDescent="0.4">
      <c r="A124" s="8" t="s">
        <v>11818</v>
      </c>
      <c r="B124" s="8" t="s">
        <v>6444</v>
      </c>
      <c r="C124" s="9" t="s">
        <v>11823</v>
      </c>
      <c r="D124" s="9" t="s">
        <v>11824</v>
      </c>
      <c r="E124" s="10"/>
      <c r="F124" s="10"/>
      <c r="G124" s="8"/>
      <c r="H124" s="8" t="s">
        <v>11825</v>
      </c>
      <c r="I124" s="11">
        <v>34318</v>
      </c>
      <c r="J124" s="11">
        <v>43739</v>
      </c>
      <c r="K124" s="11">
        <v>45930</v>
      </c>
    </row>
    <row r="125" spans="1:11" x14ac:dyDescent="0.4">
      <c r="A125" s="8" t="s">
        <v>11818</v>
      </c>
      <c r="B125" s="8" t="s">
        <v>48</v>
      </c>
      <c r="C125" s="9" t="s">
        <v>11826</v>
      </c>
      <c r="D125" s="9" t="s">
        <v>11827</v>
      </c>
      <c r="E125" s="10"/>
      <c r="F125" s="10"/>
      <c r="G125" s="8"/>
      <c r="H125" s="8" t="s">
        <v>11828</v>
      </c>
      <c r="I125" s="11">
        <v>29901</v>
      </c>
      <c r="J125" s="11">
        <v>43374</v>
      </c>
      <c r="K125" s="11">
        <v>45565</v>
      </c>
    </row>
    <row r="126" spans="1:11" x14ac:dyDescent="0.4">
      <c r="A126" s="8" t="s">
        <v>11818</v>
      </c>
      <c r="B126" s="8" t="s">
        <v>3441</v>
      </c>
      <c r="C126" s="9" t="s">
        <v>11829</v>
      </c>
      <c r="D126" s="9" t="s">
        <v>11830</v>
      </c>
      <c r="E126" s="10"/>
      <c r="F126" s="10" t="s">
        <v>2897</v>
      </c>
      <c r="G126" s="8" t="s">
        <v>11830</v>
      </c>
      <c r="H126" s="8" t="s">
        <v>11831</v>
      </c>
      <c r="I126" s="11">
        <v>31341</v>
      </c>
      <c r="J126" s="11">
        <v>43405</v>
      </c>
      <c r="K126" s="11">
        <v>45596</v>
      </c>
    </row>
    <row r="127" spans="1:11" x14ac:dyDescent="0.4">
      <c r="A127" s="8" t="s">
        <v>11818</v>
      </c>
      <c r="B127" s="8" t="s">
        <v>3441</v>
      </c>
      <c r="C127" s="9" t="s">
        <v>11832</v>
      </c>
      <c r="D127" s="9" t="s">
        <v>11833</v>
      </c>
      <c r="E127" s="10"/>
      <c r="F127" s="10" t="s">
        <v>11221</v>
      </c>
      <c r="G127" s="8" t="s">
        <v>11833</v>
      </c>
      <c r="H127" s="8" t="s">
        <v>11834</v>
      </c>
      <c r="I127" s="11">
        <v>32830</v>
      </c>
      <c r="J127" s="11">
        <v>43282</v>
      </c>
      <c r="K127" s="11">
        <v>45473</v>
      </c>
    </row>
    <row r="128" spans="1:11" x14ac:dyDescent="0.4">
      <c r="A128" s="8" t="s">
        <v>11818</v>
      </c>
      <c r="B128" s="8" t="s">
        <v>2044</v>
      </c>
      <c r="C128" s="9" t="s">
        <v>11835</v>
      </c>
      <c r="D128" s="9" t="s">
        <v>11836</v>
      </c>
      <c r="E128" s="10" t="s">
        <v>11837</v>
      </c>
      <c r="F128" s="10" t="s">
        <v>1948</v>
      </c>
      <c r="G128" s="8" t="s">
        <v>11836</v>
      </c>
      <c r="H128" s="8" t="s">
        <v>11838</v>
      </c>
      <c r="I128" s="11">
        <v>32846</v>
      </c>
      <c r="J128" s="11">
        <v>43374</v>
      </c>
      <c r="K128" s="11">
        <v>45565</v>
      </c>
    </row>
    <row r="129" spans="1:11" x14ac:dyDescent="0.4">
      <c r="A129" s="8" t="s">
        <v>11818</v>
      </c>
      <c r="B129" s="8" t="s">
        <v>633</v>
      </c>
      <c r="C129" s="9" t="s">
        <v>11839</v>
      </c>
      <c r="D129" s="9" t="s">
        <v>11840</v>
      </c>
      <c r="E129" s="10"/>
      <c r="F129" s="10"/>
      <c r="G129" s="8"/>
      <c r="H129" s="8" t="s">
        <v>11841</v>
      </c>
      <c r="I129" s="11">
        <v>31387</v>
      </c>
      <c r="J129" s="11">
        <v>43374</v>
      </c>
      <c r="K129" s="11">
        <v>45565</v>
      </c>
    </row>
    <row r="130" spans="1:11" x14ac:dyDescent="0.4">
      <c r="A130" s="8" t="s">
        <v>11818</v>
      </c>
      <c r="B130" s="8" t="s">
        <v>633</v>
      </c>
      <c r="C130" s="9" t="s">
        <v>11842</v>
      </c>
      <c r="D130" s="9" t="s">
        <v>11843</v>
      </c>
      <c r="E130" s="10" t="s">
        <v>11844</v>
      </c>
      <c r="F130" s="10" t="s">
        <v>11845</v>
      </c>
      <c r="G130" s="8" t="s">
        <v>11846</v>
      </c>
      <c r="H130" s="8" t="s">
        <v>11847</v>
      </c>
      <c r="I130" s="11">
        <v>32933</v>
      </c>
      <c r="J130" s="11">
        <v>43739</v>
      </c>
      <c r="K130" s="11">
        <v>45930</v>
      </c>
    </row>
    <row r="131" spans="1:11" x14ac:dyDescent="0.4">
      <c r="A131" s="8" t="s">
        <v>11818</v>
      </c>
      <c r="B131" s="8" t="s">
        <v>5383</v>
      </c>
      <c r="C131" s="9" t="s">
        <v>11848</v>
      </c>
      <c r="D131" s="9" t="s">
        <v>11849</v>
      </c>
      <c r="E131" s="10"/>
      <c r="F131" s="10" t="s">
        <v>11850</v>
      </c>
      <c r="G131" s="8" t="s">
        <v>11849</v>
      </c>
      <c r="H131" s="8" t="s">
        <v>11851</v>
      </c>
      <c r="I131" s="11">
        <v>31488</v>
      </c>
      <c r="J131" s="11">
        <v>43617</v>
      </c>
      <c r="K131" s="11">
        <v>45808</v>
      </c>
    </row>
    <row r="132" spans="1:11" x14ac:dyDescent="0.4">
      <c r="A132" s="8" t="s">
        <v>11818</v>
      </c>
      <c r="B132" s="8" t="s">
        <v>5383</v>
      </c>
      <c r="C132" s="9" t="s">
        <v>11852</v>
      </c>
      <c r="D132" s="9" t="s">
        <v>11853</v>
      </c>
      <c r="E132" s="10"/>
      <c r="F132" s="10" t="s">
        <v>11854</v>
      </c>
      <c r="G132" s="8" t="s">
        <v>11853</v>
      </c>
      <c r="H132" s="8" t="s">
        <v>11855</v>
      </c>
      <c r="I132" s="11">
        <v>32941</v>
      </c>
      <c r="J132" s="11">
        <v>43282</v>
      </c>
      <c r="K132" s="11">
        <v>45473</v>
      </c>
    </row>
    <row r="133" spans="1:11" x14ac:dyDescent="0.4">
      <c r="A133" s="8" t="s">
        <v>11818</v>
      </c>
      <c r="B133" s="8" t="s">
        <v>3441</v>
      </c>
      <c r="C133" s="9" t="s">
        <v>11856</v>
      </c>
      <c r="D133" s="9" t="s">
        <v>11857</v>
      </c>
      <c r="E133" s="10"/>
      <c r="F133" s="10"/>
      <c r="G133" s="8"/>
      <c r="H133" s="8" t="s">
        <v>11858</v>
      </c>
      <c r="I133" s="11">
        <v>34400</v>
      </c>
      <c r="J133" s="11">
        <v>43647</v>
      </c>
      <c r="K133" s="11">
        <v>45838</v>
      </c>
    </row>
    <row r="134" spans="1:11" x14ac:dyDescent="0.4">
      <c r="A134" s="8" t="s">
        <v>11818</v>
      </c>
      <c r="B134" s="8" t="s">
        <v>633</v>
      </c>
      <c r="C134" s="9" t="s">
        <v>11859</v>
      </c>
      <c r="D134" s="9" t="s">
        <v>11860</v>
      </c>
      <c r="E134" s="10"/>
      <c r="F134" s="10" t="s">
        <v>1948</v>
      </c>
      <c r="G134" s="8" t="s">
        <v>11836</v>
      </c>
      <c r="H134" s="8" t="s">
        <v>11861</v>
      </c>
      <c r="I134" s="11">
        <v>34433</v>
      </c>
      <c r="J134" s="11">
        <v>43770</v>
      </c>
      <c r="K134" s="11">
        <v>45961</v>
      </c>
    </row>
    <row r="135" spans="1:11" x14ac:dyDescent="0.4">
      <c r="A135" s="8" t="s">
        <v>11818</v>
      </c>
      <c r="B135" s="8" t="s">
        <v>3083</v>
      </c>
      <c r="C135" s="9" t="s">
        <v>11862</v>
      </c>
      <c r="D135" s="9" t="s">
        <v>11863</v>
      </c>
      <c r="E135" s="10"/>
      <c r="F135" s="10"/>
      <c r="G135" s="8"/>
      <c r="H135" s="8" t="s">
        <v>11864</v>
      </c>
      <c r="I135" s="11">
        <v>30043</v>
      </c>
      <c r="J135" s="11">
        <v>43586</v>
      </c>
      <c r="K135" s="11">
        <v>45777</v>
      </c>
    </row>
    <row r="136" spans="1:11" x14ac:dyDescent="0.4">
      <c r="A136" s="8" t="s">
        <v>11818</v>
      </c>
      <c r="B136" s="8" t="s">
        <v>9278</v>
      </c>
      <c r="C136" s="9" t="s">
        <v>3285</v>
      </c>
      <c r="D136" s="9" t="s">
        <v>11865</v>
      </c>
      <c r="E136" s="10"/>
      <c r="F136" s="10" t="s">
        <v>11866</v>
      </c>
      <c r="G136" s="8" t="s">
        <v>11865</v>
      </c>
      <c r="H136" s="8" t="s">
        <v>11867</v>
      </c>
      <c r="I136" s="11">
        <v>30049</v>
      </c>
      <c r="J136" s="11">
        <v>43617</v>
      </c>
      <c r="K136" s="11">
        <v>45808</v>
      </c>
    </row>
    <row r="137" spans="1:11" x14ac:dyDescent="0.4">
      <c r="A137" s="8" t="s">
        <v>11818</v>
      </c>
      <c r="B137" s="8" t="s">
        <v>48</v>
      </c>
      <c r="C137" s="9" t="s">
        <v>11868</v>
      </c>
      <c r="D137" s="9" t="s">
        <v>11869</v>
      </c>
      <c r="E137" s="10" t="s">
        <v>3130</v>
      </c>
      <c r="F137" s="10"/>
      <c r="G137" s="8"/>
      <c r="H137" s="8" t="s">
        <v>11870</v>
      </c>
      <c r="I137" s="11">
        <v>33001</v>
      </c>
      <c r="J137" s="11">
        <v>43800</v>
      </c>
      <c r="K137" s="11">
        <v>45626</v>
      </c>
    </row>
    <row r="138" spans="1:11" x14ac:dyDescent="0.4">
      <c r="A138" s="8" t="s">
        <v>11818</v>
      </c>
      <c r="B138" s="8" t="s">
        <v>633</v>
      </c>
      <c r="C138" s="9" t="s">
        <v>11871</v>
      </c>
      <c r="D138" s="9" t="s">
        <v>11872</v>
      </c>
      <c r="E138" s="10"/>
      <c r="F138" s="10"/>
      <c r="G138" s="8"/>
      <c r="H138" s="8" t="s">
        <v>11873</v>
      </c>
      <c r="I138" s="11">
        <v>33038</v>
      </c>
      <c r="J138" s="11">
        <v>43739</v>
      </c>
      <c r="K138" s="11">
        <v>45930</v>
      </c>
    </row>
    <row r="139" spans="1:11" x14ac:dyDescent="0.4">
      <c r="A139" s="8" t="s">
        <v>11818</v>
      </c>
      <c r="B139" s="8" t="s">
        <v>9278</v>
      </c>
      <c r="C139" s="9" t="s">
        <v>11874</v>
      </c>
      <c r="D139" s="9" t="s">
        <v>11875</v>
      </c>
      <c r="E139" s="10"/>
      <c r="F139" s="10" t="s">
        <v>11876</v>
      </c>
      <c r="G139" s="8" t="s">
        <v>11875</v>
      </c>
      <c r="H139" s="8" t="s">
        <v>11877</v>
      </c>
      <c r="I139" s="11">
        <v>33403</v>
      </c>
      <c r="J139" s="11">
        <v>43800</v>
      </c>
      <c r="K139" s="11">
        <v>45626</v>
      </c>
    </row>
    <row r="140" spans="1:11" x14ac:dyDescent="0.4">
      <c r="A140" s="8" t="s">
        <v>11818</v>
      </c>
      <c r="B140" s="8" t="s">
        <v>633</v>
      </c>
      <c r="C140" s="9" t="s">
        <v>11878</v>
      </c>
      <c r="D140" s="9" t="s">
        <v>11879</v>
      </c>
      <c r="E140" s="10"/>
      <c r="F140" s="10"/>
      <c r="G140" s="8"/>
      <c r="H140" s="8" t="s">
        <v>11880</v>
      </c>
      <c r="I140" s="11">
        <v>31619</v>
      </c>
      <c r="J140" s="11">
        <v>43405</v>
      </c>
      <c r="K140" s="11">
        <v>45596</v>
      </c>
    </row>
    <row r="141" spans="1:11" x14ac:dyDescent="0.4">
      <c r="A141" s="8" t="s">
        <v>11818</v>
      </c>
      <c r="B141" s="8" t="s">
        <v>2044</v>
      </c>
      <c r="C141" s="9" t="s">
        <v>11881</v>
      </c>
      <c r="D141" s="9" t="s">
        <v>11882</v>
      </c>
      <c r="E141" s="10" t="s">
        <v>11883</v>
      </c>
      <c r="F141" s="10"/>
      <c r="G141" s="8"/>
      <c r="H141" s="8" t="s">
        <v>11884</v>
      </c>
      <c r="I141" s="11">
        <v>31632</v>
      </c>
      <c r="J141" s="11">
        <v>44136</v>
      </c>
      <c r="K141" s="11">
        <v>46326</v>
      </c>
    </row>
    <row r="142" spans="1:11" x14ac:dyDescent="0.4">
      <c r="A142" s="8" t="s">
        <v>11818</v>
      </c>
      <c r="B142" s="8" t="s">
        <v>633</v>
      </c>
      <c r="C142" s="9" t="s">
        <v>11885</v>
      </c>
      <c r="D142" s="9" t="s">
        <v>11886</v>
      </c>
      <c r="E142" s="10"/>
      <c r="F142" s="10" t="s">
        <v>11887</v>
      </c>
      <c r="G142" s="8" t="s">
        <v>11888</v>
      </c>
      <c r="H142" s="8" t="s">
        <v>11889</v>
      </c>
      <c r="I142" s="11">
        <v>30155</v>
      </c>
      <c r="J142" s="11">
        <v>43739</v>
      </c>
      <c r="K142" s="11">
        <v>45930</v>
      </c>
    </row>
    <row r="143" spans="1:11" x14ac:dyDescent="0.4">
      <c r="A143" s="8" t="s">
        <v>11818</v>
      </c>
      <c r="B143" s="8" t="s">
        <v>633</v>
      </c>
      <c r="C143" s="9" t="s">
        <v>11890</v>
      </c>
      <c r="D143" s="9" t="s">
        <v>11886</v>
      </c>
      <c r="E143" s="10"/>
      <c r="F143" s="10" t="s">
        <v>11887</v>
      </c>
      <c r="G143" s="8" t="s">
        <v>11888</v>
      </c>
      <c r="H143" s="8" t="s">
        <v>11891</v>
      </c>
      <c r="I143" s="11">
        <v>30155</v>
      </c>
      <c r="J143" s="11">
        <v>43739</v>
      </c>
      <c r="K143" s="11">
        <v>45930</v>
      </c>
    </row>
    <row r="144" spans="1:11" x14ac:dyDescent="0.4">
      <c r="A144" s="8" t="s">
        <v>11818</v>
      </c>
      <c r="B144" s="8" t="s">
        <v>9278</v>
      </c>
      <c r="C144" s="9" t="s">
        <v>11892</v>
      </c>
      <c r="D144" s="9" t="s">
        <v>11886</v>
      </c>
      <c r="E144" s="10"/>
      <c r="F144" s="10" t="s">
        <v>11887</v>
      </c>
      <c r="G144" s="8" t="s">
        <v>11888</v>
      </c>
      <c r="H144" s="8" t="s">
        <v>11893</v>
      </c>
      <c r="I144" s="11">
        <v>30155</v>
      </c>
      <c r="J144" s="11">
        <v>43739</v>
      </c>
      <c r="K144" s="11">
        <v>45930</v>
      </c>
    </row>
    <row r="145" spans="1:11" x14ac:dyDescent="0.4">
      <c r="A145" s="8" t="s">
        <v>11818</v>
      </c>
      <c r="B145" s="8" t="s">
        <v>793</v>
      </c>
      <c r="C145" s="9" t="s">
        <v>11894</v>
      </c>
      <c r="D145" s="9" t="s">
        <v>11886</v>
      </c>
      <c r="E145" s="10"/>
      <c r="F145" s="10" t="s">
        <v>11887</v>
      </c>
      <c r="G145" s="8" t="s">
        <v>11888</v>
      </c>
      <c r="H145" s="8" t="s">
        <v>11895</v>
      </c>
      <c r="I145" s="11">
        <v>30155</v>
      </c>
      <c r="J145" s="11">
        <v>43739</v>
      </c>
      <c r="K145" s="11">
        <v>45930</v>
      </c>
    </row>
    <row r="146" spans="1:11" x14ac:dyDescent="0.4">
      <c r="A146" s="8" t="s">
        <v>11818</v>
      </c>
      <c r="B146" s="8" t="s">
        <v>5383</v>
      </c>
      <c r="C146" s="9" t="s">
        <v>11896</v>
      </c>
      <c r="D146" s="9" t="s">
        <v>11886</v>
      </c>
      <c r="E146" s="10"/>
      <c r="F146" s="10" t="s">
        <v>11887</v>
      </c>
      <c r="G146" s="8" t="s">
        <v>11888</v>
      </c>
      <c r="H146" s="8" t="s">
        <v>11897</v>
      </c>
      <c r="I146" s="11">
        <v>30155</v>
      </c>
      <c r="J146" s="11">
        <v>43739</v>
      </c>
      <c r="K146" s="11">
        <v>45930</v>
      </c>
    </row>
    <row r="147" spans="1:11" x14ac:dyDescent="0.4">
      <c r="A147" s="8" t="s">
        <v>11818</v>
      </c>
      <c r="B147" s="8" t="s">
        <v>3441</v>
      </c>
      <c r="C147" s="9" t="s">
        <v>11898</v>
      </c>
      <c r="D147" s="9" t="s">
        <v>11899</v>
      </c>
      <c r="E147" s="10"/>
      <c r="F147" s="10"/>
      <c r="G147" s="8"/>
      <c r="H147" s="8" t="s">
        <v>11900</v>
      </c>
      <c r="I147" s="11">
        <v>33115</v>
      </c>
      <c r="J147" s="11">
        <v>43952</v>
      </c>
      <c r="K147" s="11">
        <v>46142</v>
      </c>
    </row>
    <row r="148" spans="1:11" x14ac:dyDescent="0.4">
      <c r="A148" s="8" t="s">
        <v>11818</v>
      </c>
      <c r="B148" s="8" t="s">
        <v>633</v>
      </c>
      <c r="C148" s="9" t="s">
        <v>6134</v>
      </c>
      <c r="D148" s="9" t="s">
        <v>11901</v>
      </c>
      <c r="E148" s="10"/>
      <c r="F148" s="10"/>
      <c r="G148" s="8"/>
      <c r="H148" s="8" t="s">
        <v>11902</v>
      </c>
      <c r="I148" s="11">
        <v>31674</v>
      </c>
      <c r="J148" s="11">
        <v>43952</v>
      </c>
      <c r="K148" s="11">
        <v>46142</v>
      </c>
    </row>
    <row r="149" spans="1:11" x14ac:dyDescent="0.4">
      <c r="A149" s="8" t="s">
        <v>11818</v>
      </c>
      <c r="B149" s="8" t="s">
        <v>633</v>
      </c>
      <c r="C149" s="9" t="s">
        <v>11903</v>
      </c>
      <c r="D149" s="9" t="s">
        <v>11904</v>
      </c>
      <c r="E149" s="10"/>
      <c r="F149" s="10"/>
      <c r="G149" s="8"/>
      <c r="H149" s="8" t="s">
        <v>11905</v>
      </c>
      <c r="I149" s="11">
        <v>30234</v>
      </c>
      <c r="J149" s="11">
        <v>43647</v>
      </c>
      <c r="K149" s="11">
        <v>45473</v>
      </c>
    </row>
    <row r="150" spans="1:11" x14ac:dyDescent="0.4">
      <c r="A150" s="8" t="s">
        <v>11818</v>
      </c>
      <c r="B150" s="8" t="s">
        <v>48</v>
      </c>
      <c r="C150" s="9" t="s">
        <v>11906</v>
      </c>
      <c r="D150" s="9" t="s">
        <v>11907</v>
      </c>
      <c r="E150" s="10" t="s">
        <v>11908</v>
      </c>
      <c r="F150" s="10"/>
      <c r="G150" s="8"/>
      <c r="H150" s="8" t="s">
        <v>11909</v>
      </c>
      <c r="I150" s="11">
        <v>33144</v>
      </c>
      <c r="J150" s="11">
        <v>43800</v>
      </c>
      <c r="K150" s="11">
        <v>45991</v>
      </c>
    </row>
    <row r="151" spans="1:11" x14ac:dyDescent="0.4">
      <c r="A151" s="8" t="s">
        <v>11818</v>
      </c>
      <c r="B151" s="8" t="s">
        <v>633</v>
      </c>
      <c r="C151" s="9" t="s">
        <v>11910</v>
      </c>
      <c r="D151" s="9" t="s">
        <v>11911</v>
      </c>
      <c r="E151" s="10"/>
      <c r="F151" s="10" t="s">
        <v>11912</v>
      </c>
      <c r="G151" s="8" t="s">
        <v>11913</v>
      </c>
      <c r="H151" s="8" t="s">
        <v>11914</v>
      </c>
      <c r="I151" s="11">
        <v>33174</v>
      </c>
      <c r="J151" s="11">
        <v>43952</v>
      </c>
      <c r="K151" s="11">
        <v>46142</v>
      </c>
    </row>
    <row r="152" spans="1:11" x14ac:dyDescent="0.4">
      <c r="A152" s="8" t="s">
        <v>11818</v>
      </c>
      <c r="B152" s="8" t="s">
        <v>2044</v>
      </c>
      <c r="C152" s="9" t="s">
        <v>11915</v>
      </c>
      <c r="D152" s="9" t="s">
        <v>11916</v>
      </c>
      <c r="E152" s="10"/>
      <c r="F152" s="10"/>
      <c r="G152" s="8"/>
      <c r="H152" s="8" t="s">
        <v>11917</v>
      </c>
      <c r="I152" s="11">
        <v>31703</v>
      </c>
      <c r="J152" s="11">
        <v>43647</v>
      </c>
      <c r="K152" s="11">
        <v>45473</v>
      </c>
    </row>
    <row r="153" spans="1:11" x14ac:dyDescent="0.4">
      <c r="A153" s="8" t="s">
        <v>11818</v>
      </c>
      <c r="B153" s="8" t="s">
        <v>633</v>
      </c>
      <c r="C153" s="9" t="s">
        <v>11918</v>
      </c>
      <c r="D153" s="9" t="s">
        <v>11919</v>
      </c>
      <c r="E153" s="10"/>
      <c r="F153" s="10"/>
      <c r="G153" s="8"/>
      <c r="H153" s="8" t="s">
        <v>11920</v>
      </c>
      <c r="I153" s="11">
        <v>31717</v>
      </c>
      <c r="J153" s="11">
        <v>43739</v>
      </c>
      <c r="K153" s="11">
        <v>45565</v>
      </c>
    </row>
    <row r="154" spans="1:11" x14ac:dyDescent="0.4">
      <c r="A154" s="8" t="s">
        <v>11818</v>
      </c>
      <c r="B154" s="8" t="s">
        <v>633</v>
      </c>
      <c r="C154" s="9" t="s">
        <v>11921</v>
      </c>
      <c r="D154" s="9" t="s">
        <v>11922</v>
      </c>
      <c r="E154" s="10"/>
      <c r="F154" s="10" t="s">
        <v>11400</v>
      </c>
      <c r="G154" s="8" t="s">
        <v>11401</v>
      </c>
      <c r="H154" s="8" t="s">
        <v>11923</v>
      </c>
      <c r="I154" s="11">
        <v>31719</v>
      </c>
      <c r="J154" s="11">
        <v>43952</v>
      </c>
      <c r="K154" s="11">
        <v>46142</v>
      </c>
    </row>
    <row r="155" spans="1:11" x14ac:dyDescent="0.4">
      <c r="A155" s="8" t="s">
        <v>11818</v>
      </c>
      <c r="B155" s="8" t="s">
        <v>2044</v>
      </c>
      <c r="C155" s="9" t="s">
        <v>11924</v>
      </c>
      <c r="D155" s="9" t="s">
        <v>11925</v>
      </c>
      <c r="E155" s="10"/>
      <c r="F155" s="10"/>
      <c r="G155" s="8"/>
      <c r="H155" s="8" t="s">
        <v>11926</v>
      </c>
      <c r="I155" s="11">
        <v>31739</v>
      </c>
      <c r="J155" s="11">
        <v>43952</v>
      </c>
      <c r="K155" s="11">
        <v>46142</v>
      </c>
    </row>
    <row r="156" spans="1:11" x14ac:dyDescent="0.4">
      <c r="A156" s="8" t="s">
        <v>11818</v>
      </c>
      <c r="B156" s="8" t="s">
        <v>698</v>
      </c>
      <c r="C156" s="9" t="s">
        <v>11927</v>
      </c>
      <c r="D156" s="9" t="s">
        <v>11928</v>
      </c>
      <c r="E156" s="10"/>
      <c r="F156" s="10"/>
      <c r="G156" s="8"/>
      <c r="H156" s="8" t="s">
        <v>11929</v>
      </c>
      <c r="I156" s="11">
        <v>33204</v>
      </c>
      <c r="J156" s="11">
        <v>43647</v>
      </c>
      <c r="K156" s="11">
        <v>45473</v>
      </c>
    </row>
    <row r="157" spans="1:11" x14ac:dyDescent="0.4">
      <c r="A157" s="8" t="s">
        <v>11818</v>
      </c>
      <c r="B157" s="8" t="s">
        <v>698</v>
      </c>
      <c r="C157" s="9" t="s">
        <v>11930</v>
      </c>
      <c r="D157" s="9" t="s">
        <v>11931</v>
      </c>
      <c r="E157" s="10"/>
      <c r="F157" s="10" t="s">
        <v>11932</v>
      </c>
      <c r="G157" s="8" t="s">
        <v>11931</v>
      </c>
      <c r="H157" s="8" t="s">
        <v>11933</v>
      </c>
      <c r="I157" s="11">
        <v>33198</v>
      </c>
      <c r="J157" s="11">
        <v>43435</v>
      </c>
      <c r="K157" s="11">
        <v>45626</v>
      </c>
    </row>
    <row r="158" spans="1:11" x14ac:dyDescent="0.4">
      <c r="A158" s="8" t="s">
        <v>11818</v>
      </c>
      <c r="B158" s="8" t="s">
        <v>3083</v>
      </c>
      <c r="C158" s="9" t="s">
        <v>11934</v>
      </c>
      <c r="D158" s="9" t="s">
        <v>11935</v>
      </c>
      <c r="E158" s="10"/>
      <c r="F158" s="10"/>
      <c r="G158" s="8"/>
      <c r="H158" s="8" t="s">
        <v>11936</v>
      </c>
      <c r="I158" s="11">
        <v>31737</v>
      </c>
      <c r="J158" s="11">
        <v>43739</v>
      </c>
      <c r="K158" s="11">
        <v>45565</v>
      </c>
    </row>
    <row r="159" spans="1:11" x14ac:dyDescent="0.4">
      <c r="A159" s="8" t="s">
        <v>11818</v>
      </c>
      <c r="B159" s="8" t="s">
        <v>2044</v>
      </c>
      <c r="C159" s="9" t="s">
        <v>11937</v>
      </c>
      <c r="D159" s="9" t="s">
        <v>11938</v>
      </c>
      <c r="E159" s="10"/>
      <c r="F159" s="10"/>
      <c r="G159" s="8"/>
      <c r="H159" s="8" t="s">
        <v>11939</v>
      </c>
      <c r="I159" s="11">
        <v>28844</v>
      </c>
      <c r="J159" s="11">
        <v>43739</v>
      </c>
      <c r="K159" s="11">
        <v>45565</v>
      </c>
    </row>
    <row r="160" spans="1:11" x14ac:dyDescent="0.4">
      <c r="A160" s="8" t="s">
        <v>11818</v>
      </c>
      <c r="B160" s="8" t="s">
        <v>3083</v>
      </c>
      <c r="C160" s="9" t="s">
        <v>11940</v>
      </c>
      <c r="D160" s="9" t="s">
        <v>11941</v>
      </c>
      <c r="E160" s="10"/>
      <c r="F160" s="10"/>
      <c r="G160" s="8"/>
      <c r="H160" s="8" t="s">
        <v>11942</v>
      </c>
      <c r="I160" s="11">
        <v>30288</v>
      </c>
      <c r="J160" s="11">
        <v>43739</v>
      </c>
      <c r="K160" s="11">
        <v>45565</v>
      </c>
    </row>
    <row r="161" spans="1:11" x14ac:dyDescent="0.4">
      <c r="A161" s="8" t="s">
        <v>11818</v>
      </c>
      <c r="B161" s="8" t="s">
        <v>2044</v>
      </c>
      <c r="C161" s="9" t="s">
        <v>11943</v>
      </c>
      <c r="D161" s="9" t="s">
        <v>11944</v>
      </c>
      <c r="E161" s="10"/>
      <c r="F161" s="10"/>
      <c r="G161" s="8"/>
      <c r="H161" s="8" t="s">
        <v>11945</v>
      </c>
      <c r="I161" s="11">
        <v>31769</v>
      </c>
      <c r="J161" s="11">
        <v>43647</v>
      </c>
      <c r="K161" s="11">
        <v>45473</v>
      </c>
    </row>
    <row r="162" spans="1:11" x14ac:dyDescent="0.4">
      <c r="A162" s="8" t="s">
        <v>11818</v>
      </c>
      <c r="B162" s="8" t="s">
        <v>5383</v>
      </c>
      <c r="C162" s="9" t="s">
        <v>11946</v>
      </c>
      <c r="D162" s="9" t="s">
        <v>11947</v>
      </c>
      <c r="E162" s="10"/>
      <c r="F162" s="10" t="s">
        <v>11948</v>
      </c>
      <c r="G162" s="8" t="s">
        <v>11947</v>
      </c>
      <c r="H162" s="8" t="s">
        <v>11949</v>
      </c>
      <c r="I162" s="11">
        <v>33242</v>
      </c>
      <c r="J162" s="11">
        <v>44105</v>
      </c>
      <c r="K162" s="11">
        <v>46295</v>
      </c>
    </row>
    <row r="163" spans="1:11" x14ac:dyDescent="0.4">
      <c r="A163" s="8" t="s">
        <v>11818</v>
      </c>
      <c r="B163" s="8" t="s">
        <v>9278</v>
      </c>
      <c r="C163" s="9" t="s">
        <v>11950</v>
      </c>
      <c r="D163" s="9" t="s">
        <v>11951</v>
      </c>
      <c r="E163" s="10"/>
      <c r="F163" s="10" t="s">
        <v>11952</v>
      </c>
      <c r="G163" s="8" t="s">
        <v>11953</v>
      </c>
      <c r="H163" s="8" t="s">
        <v>11954</v>
      </c>
      <c r="I163" s="11">
        <v>33223</v>
      </c>
      <c r="J163" s="11">
        <v>44013</v>
      </c>
      <c r="K163" s="11">
        <v>46203</v>
      </c>
    </row>
    <row r="164" spans="1:11" x14ac:dyDescent="0.4">
      <c r="A164" s="8" t="s">
        <v>11818</v>
      </c>
      <c r="B164" s="8" t="s">
        <v>3441</v>
      </c>
      <c r="C164" s="9" t="s">
        <v>11955</v>
      </c>
      <c r="D164" s="9" t="s">
        <v>11956</v>
      </c>
      <c r="E164" s="10"/>
      <c r="F164" s="10" t="s">
        <v>11955</v>
      </c>
      <c r="G164" s="8" t="s">
        <v>11957</v>
      </c>
      <c r="H164" s="8" t="s">
        <v>11958</v>
      </c>
      <c r="I164" s="11">
        <v>33232</v>
      </c>
      <c r="J164" s="11">
        <v>43952</v>
      </c>
      <c r="K164" s="11">
        <v>46142</v>
      </c>
    </row>
    <row r="165" spans="1:11" x14ac:dyDescent="0.4">
      <c r="A165" s="8" t="s">
        <v>11818</v>
      </c>
      <c r="B165" s="8" t="s">
        <v>633</v>
      </c>
      <c r="C165" s="9" t="s">
        <v>11959</v>
      </c>
      <c r="D165" s="9" t="s">
        <v>11960</v>
      </c>
      <c r="E165" s="10"/>
      <c r="F165" s="10" t="s">
        <v>6000</v>
      </c>
      <c r="G165" s="8" t="s">
        <v>11961</v>
      </c>
      <c r="H165" s="8" t="s">
        <v>11962</v>
      </c>
      <c r="I165" s="11">
        <v>30383</v>
      </c>
      <c r="J165" s="11">
        <v>44166</v>
      </c>
      <c r="K165" s="11">
        <v>46356</v>
      </c>
    </row>
    <row r="166" spans="1:11" x14ac:dyDescent="0.4">
      <c r="A166" s="8" t="s">
        <v>11818</v>
      </c>
      <c r="B166" s="8" t="s">
        <v>48</v>
      </c>
      <c r="C166" s="9" t="s">
        <v>11963</v>
      </c>
      <c r="D166" s="9" t="s">
        <v>11964</v>
      </c>
      <c r="E166" s="10"/>
      <c r="F166" s="10"/>
      <c r="G166" s="8"/>
      <c r="H166" s="8" t="s">
        <v>11965</v>
      </c>
      <c r="I166" s="11">
        <v>28934</v>
      </c>
      <c r="J166" s="11">
        <v>43983</v>
      </c>
      <c r="K166" s="11">
        <v>46173</v>
      </c>
    </row>
    <row r="167" spans="1:11" x14ac:dyDescent="0.4">
      <c r="A167" s="8" t="s">
        <v>11818</v>
      </c>
      <c r="B167" s="8" t="s">
        <v>48</v>
      </c>
      <c r="C167" s="9" t="s">
        <v>11966</v>
      </c>
      <c r="D167" s="9" t="s">
        <v>11967</v>
      </c>
      <c r="E167" s="10" t="s">
        <v>3130</v>
      </c>
      <c r="F167" s="10"/>
      <c r="G167" s="8"/>
      <c r="H167" s="8" t="s">
        <v>11968</v>
      </c>
      <c r="I167" s="11">
        <v>28929</v>
      </c>
      <c r="J167" s="11">
        <v>44166</v>
      </c>
      <c r="K167" s="11">
        <v>46356</v>
      </c>
    </row>
    <row r="168" spans="1:11" x14ac:dyDescent="0.4">
      <c r="A168" s="8" t="s">
        <v>11818</v>
      </c>
      <c r="B168" s="8" t="s">
        <v>633</v>
      </c>
      <c r="C168" s="9" t="s">
        <v>11969</v>
      </c>
      <c r="D168" s="9" t="s">
        <v>11970</v>
      </c>
      <c r="E168" s="10"/>
      <c r="F168" s="10"/>
      <c r="G168" s="8"/>
      <c r="H168" s="8" t="s">
        <v>11971</v>
      </c>
      <c r="I168" s="11">
        <v>31854</v>
      </c>
      <c r="J168" s="11">
        <v>43739</v>
      </c>
      <c r="K168" s="11">
        <v>45565</v>
      </c>
    </row>
    <row r="169" spans="1:11" x14ac:dyDescent="0.4">
      <c r="A169" s="8" t="s">
        <v>11818</v>
      </c>
      <c r="B169" s="8" t="s">
        <v>1926</v>
      </c>
      <c r="C169" s="9" t="s">
        <v>11972</v>
      </c>
      <c r="D169" s="9" t="s">
        <v>11973</v>
      </c>
      <c r="E169" s="10"/>
      <c r="F169" s="10"/>
      <c r="G169" s="8"/>
      <c r="H169" s="8" t="s">
        <v>11974</v>
      </c>
      <c r="I169" s="11">
        <v>30411</v>
      </c>
      <c r="J169" s="11">
        <v>43647</v>
      </c>
      <c r="K169" s="11">
        <v>45473</v>
      </c>
    </row>
    <row r="170" spans="1:11" x14ac:dyDescent="0.4">
      <c r="A170" s="8" t="s">
        <v>11818</v>
      </c>
      <c r="B170" s="8" t="s">
        <v>633</v>
      </c>
      <c r="C170" s="9" t="s">
        <v>11975</v>
      </c>
      <c r="D170" s="9" t="s">
        <v>11976</v>
      </c>
      <c r="E170" s="10"/>
      <c r="F170" s="10"/>
      <c r="G170" s="8"/>
      <c r="H170" s="8" t="s">
        <v>11977</v>
      </c>
      <c r="I170" s="11">
        <v>31873</v>
      </c>
      <c r="J170" s="11">
        <v>43647</v>
      </c>
      <c r="K170" s="11">
        <v>45473</v>
      </c>
    </row>
    <row r="171" spans="1:11" x14ac:dyDescent="0.4">
      <c r="A171" s="8" t="s">
        <v>11818</v>
      </c>
      <c r="B171" s="8" t="s">
        <v>793</v>
      </c>
      <c r="C171" s="9" t="s">
        <v>11978</v>
      </c>
      <c r="D171" s="9" t="s">
        <v>11979</v>
      </c>
      <c r="E171" s="10"/>
      <c r="F171" s="10" t="s">
        <v>11980</v>
      </c>
      <c r="G171" s="8" t="s">
        <v>11981</v>
      </c>
      <c r="H171" s="8" t="s">
        <v>11982</v>
      </c>
      <c r="I171" s="11">
        <v>31898</v>
      </c>
      <c r="J171" s="11">
        <v>44287</v>
      </c>
      <c r="K171" s="11">
        <v>46477</v>
      </c>
    </row>
    <row r="172" spans="1:11" x14ac:dyDescent="0.4">
      <c r="A172" s="8" t="s">
        <v>11818</v>
      </c>
      <c r="B172" s="8" t="s">
        <v>2044</v>
      </c>
      <c r="C172" s="9" t="s">
        <v>11983</v>
      </c>
      <c r="D172" s="9" t="s">
        <v>11984</v>
      </c>
      <c r="E172" s="10"/>
      <c r="F172" s="10"/>
      <c r="G172" s="8"/>
      <c r="H172" s="8" t="s">
        <v>11985</v>
      </c>
      <c r="I172" s="11">
        <v>31917</v>
      </c>
      <c r="J172" s="11">
        <v>43739</v>
      </c>
      <c r="K172" s="11">
        <v>45565</v>
      </c>
    </row>
    <row r="173" spans="1:11" x14ac:dyDescent="0.4">
      <c r="A173" s="8" t="s">
        <v>11818</v>
      </c>
      <c r="B173" s="8" t="s">
        <v>793</v>
      </c>
      <c r="C173" s="9" t="s">
        <v>11986</v>
      </c>
      <c r="D173" s="9" t="s">
        <v>11987</v>
      </c>
      <c r="E173" s="10"/>
      <c r="F173" s="10"/>
      <c r="G173" s="8"/>
      <c r="H173" s="8" t="s">
        <v>11988</v>
      </c>
      <c r="I173" s="11">
        <v>33360</v>
      </c>
      <c r="J173" s="11">
        <v>43952</v>
      </c>
      <c r="K173" s="11">
        <v>45777</v>
      </c>
    </row>
    <row r="174" spans="1:11" x14ac:dyDescent="0.4">
      <c r="A174" s="8" t="s">
        <v>11818</v>
      </c>
      <c r="B174" s="8" t="s">
        <v>5383</v>
      </c>
      <c r="C174" s="9" t="s">
        <v>11989</v>
      </c>
      <c r="D174" s="9" t="s">
        <v>11990</v>
      </c>
      <c r="E174" s="10"/>
      <c r="F174" s="10"/>
      <c r="G174" s="8"/>
      <c r="H174" s="8" t="s">
        <v>11991</v>
      </c>
      <c r="I174" s="11">
        <v>33367</v>
      </c>
      <c r="J174" s="11">
        <v>43800</v>
      </c>
      <c r="K174" s="11">
        <v>45626</v>
      </c>
    </row>
    <row r="175" spans="1:11" x14ac:dyDescent="0.4">
      <c r="A175" s="8" t="s">
        <v>11818</v>
      </c>
      <c r="B175" s="8" t="s">
        <v>5383</v>
      </c>
      <c r="C175" s="9" t="s">
        <v>11992</v>
      </c>
      <c r="D175" s="9" t="s">
        <v>11993</v>
      </c>
      <c r="E175" s="10"/>
      <c r="F175" s="10" t="s">
        <v>11994</v>
      </c>
      <c r="G175" s="8" t="s">
        <v>11993</v>
      </c>
      <c r="H175" s="8" t="s">
        <v>11995</v>
      </c>
      <c r="I175" s="11">
        <v>33378</v>
      </c>
      <c r="J175" s="11">
        <v>43922</v>
      </c>
      <c r="K175" s="11">
        <v>45747</v>
      </c>
    </row>
    <row r="176" spans="1:11" x14ac:dyDescent="0.4">
      <c r="A176" s="8" t="s">
        <v>11818</v>
      </c>
      <c r="B176" s="8" t="s">
        <v>48</v>
      </c>
      <c r="C176" s="9" t="s">
        <v>11996</v>
      </c>
      <c r="D176" s="9" t="s">
        <v>11997</v>
      </c>
      <c r="E176" s="10"/>
      <c r="F176" s="10"/>
      <c r="G176" s="8"/>
      <c r="H176" s="8" t="s">
        <v>11998</v>
      </c>
      <c r="I176" s="11">
        <v>31929</v>
      </c>
      <c r="J176" s="11">
        <v>43739</v>
      </c>
      <c r="K176" s="11">
        <v>45565</v>
      </c>
    </row>
    <row r="177" spans="1:11" x14ac:dyDescent="0.4">
      <c r="A177" s="8" t="s">
        <v>11818</v>
      </c>
      <c r="B177" s="8" t="s">
        <v>2044</v>
      </c>
      <c r="C177" s="9" t="s">
        <v>11999</v>
      </c>
      <c r="D177" s="9" t="s">
        <v>12000</v>
      </c>
      <c r="E177" s="10"/>
      <c r="F177" s="10"/>
      <c r="G177" s="8"/>
      <c r="H177" s="8" t="s">
        <v>12001</v>
      </c>
      <c r="I177" s="11">
        <v>30496</v>
      </c>
      <c r="J177" s="11">
        <v>43739</v>
      </c>
      <c r="K177" s="11">
        <v>45565</v>
      </c>
    </row>
    <row r="178" spans="1:11" x14ac:dyDescent="0.4">
      <c r="A178" s="8" t="s">
        <v>11818</v>
      </c>
      <c r="B178" s="8" t="s">
        <v>5383</v>
      </c>
      <c r="C178" s="9" t="s">
        <v>12002</v>
      </c>
      <c r="D178" s="9" t="s">
        <v>12003</v>
      </c>
      <c r="E178" s="10"/>
      <c r="F178" s="10" t="s">
        <v>12004</v>
      </c>
      <c r="G178" s="8" t="s">
        <v>12003</v>
      </c>
      <c r="H178" s="8" t="s">
        <v>12005</v>
      </c>
      <c r="I178" s="11">
        <v>31938</v>
      </c>
      <c r="J178" s="11">
        <v>43983</v>
      </c>
      <c r="K178" s="11">
        <v>45808</v>
      </c>
    </row>
    <row r="179" spans="1:11" x14ac:dyDescent="0.4">
      <c r="A179" s="8" t="s">
        <v>11818</v>
      </c>
      <c r="B179" s="8" t="s">
        <v>48</v>
      </c>
      <c r="C179" s="9" t="s">
        <v>12006</v>
      </c>
      <c r="D179" s="9" t="s">
        <v>12007</v>
      </c>
      <c r="E179" s="10"/>
      <c r="F179" s="10"/>
      <c r="G179" s="8"/>
      <c r="H179" s="8" t="s">
        <v>12008</v>
      </c>
      <c r="I179" s="11">
        <v>31959</v>
      </c>
      <c r="J179" s="11">
        <v>44136</v>
      </c>
      <c r="K179" s="11">
        <v>46326</v>
      </c>
    </row>
    <row r="180" spans="1:11" x14ac:dyDescent="0.4">
      <c r="A180" s="8" t="s">
        <v>11818</v>
      </c>
      <c r="B180" s="8" t="s">
        <v>633</v>
      </c>
      <c r="C180" s="9" t="s">
        <v>12009</v>
      </c>
      <c r="D180" s="9" t="s">
        <v>12010</v>
      </c>
      <c r="E180" s="10"/>
      <c r="F180" s="10"/>
      <c r="G180" s="8"/>
      <c r="H180" s="8" t="s">
        <v>12011</v>
      </c>
      <c r="I180" s="11">
        <v>40299</v>
      </c>
      <c r="J180" s="11">
        <v>43952</v>
      </c>
      <c r="K180" s="11">
        <v>45777</v>
      </c>
    </row>
    <row r="181" spans="1:11" x14ac:dyDescent="0.4">
      <c r="A181" s="8" t="s">
        <v>11818</v>
      </c>
      <c r="B181" s="8" t="s">
        <v>698</v>
      </c>
      <c r="C181" s="9" t="s">
        <v>12012</v>
      </c>
      <c r="D181" s="9" t="s">
        <v>12013</v>
      </c>
      <c r="E181" s="10"/>
      <c r="F181" s="10"/>
      <c r="G181" s="8"/>
      <c r="H181" s="8" t="s">
        <v>12014</v>
      </c>
      <c r="I181" s="11">
        <v>33425</v>
      </c>
      <c r="J181" s="11">
        <v>43952</v>
      </c>
      <c r="K181" s="11">
        <v>45777</v>
      </c>
    </row>
    <row r="182" spans="1:11" x14ac:dyDescent="0.4">
      <c r="A182" s="8" t="s">
        <v>11818</v>
      </c>
      <c r="B182" s="8" t="s">
        <v>3441</v>
      </c>
      <c r="C182" s="9" t="s">
        <v>12015</v>
      </c>
      <c r="D182" s="9" t="s">
        <v>12016</v>
      </c>
      <c r="E182" s="10"/>
      <c r="F182" s="10" t="s">
        <v>12017</v>
      </c>
      <c r="G182" s="8" t="s">
        <v>12018</v>
      </c>
      <c r="H182" s="8" t="s">
        <v>12019</v>
      </c>
      <c r="I182" s="11">
        <v>33436</v>
      </c>
      <c r="J182" s="11">
        <v>44105</v>
      </c>
      <c r="K182" s="11">
        <v>46295</v>
      </c>
    </row>
    <row r="183" spans="1:11" x14ac:dyDescent="0.4">
      <c r="A183" s="8" t="s">
        <v>11818</v>
      </c>
      <c r="B183" s="8" t="s">
        <v>48</v>
      </c>
      <c r="C183" s="9" t="s">
        <v>12020</v>
      </c>
      <c r="D183" s="9" t="s">
        <v>12021</v>
      </c>
      <c r="E183" s="10"/>
      <c r="F183" s="10"/>
      <c r="G183" s="8"/>
      <c r="H183" s="8" t="s">
        <v>12022</v>
      </c>
      <c r="I183" s="11">
        <v>31997</v>
      </c>
      <c r="J183" s="11">
        <v>43922</v>
      </c>
      <c r="K183" s="11">
        <v>45747</v>
      </c>
    </row>
    <row r="184" spans="1:11" x14ac:dyDescent="0.4">
      <c r="A184" s="8" t="s">
        <v>11818</v>
      </c>
      <c r="B184" s="8" t="s">
        <v>633</v>
      </c>
      <c r="C184" s="9" t="s">
        <v>12023</v>
      </c>
      <c r="D184" s="9" t="s">
        <v>12024</v>
      </c>
      <c r="E184" s="10"/>
      <c r="F184" s="10"/>
      <c r="G184" s="8"/>
      <c r="H184" s="8" t="s">
        <v>12025</v>
      </c>
      <c r="I184" s="11">
        <v>33442</v>
      </c>
      <c r="J184" s="11">
        <v>43952</v>
      </c>
      <c r="K184" s="11">
        <v>45777</v>
      </c>
    </row>
    <row r="185" spans="1:11" x14ac:dyDescent="0.4">
      <c r="A185" s="8" t="s">
        <v>11818</v>
      </c>
      <c r="B185" s="8" t="s">
        <v>633</v>
      </c>
      <c r="C185" s="9" t="s">
        <v>12026</v>
      </c>
      <c r="D185" s="9" t="s">
        <v>12027</v>
      </c>
      <c r="E185" s="10"/>
      <c r="F185" s="10"/>
      <c r="G185" s="8"/>
      <c r="H185" s="8" t="s">
        <v>12028</v>
      </c>
      <c r="I185" s="11">
        <v>31979</v>
      </c>
      <c r="J185" s="11">
        <v>43770</v>
      </c>
      <c r="K185" s="11">
        <v>45596</v>
      </c>
    </row>
    <row r="186" spans="1:11" x14ac:dyDescent="0.4">
      <c r="A186" s="8" t="s">
        <v>11818</v>
      </c>
      <c r="B186" s="8" t="s">
        <v>3441</v>
      </c>
      <c r="C186" s="9" t="s">
        <v>12029</v>
      </c>
      <c r="D186" s="9" t="s">
        <v>12030</v>
      </c>
      <c r="E186" s="10"/>
      <c r="F186" s="10" t="s">
        <v>12031</v>
      </c>
      <c r="G186" s="8" t="s">
        <v>12030</v>
      </c>
      <c r="H186" s="8" t="s">
        <v>12032</v>
      </c>
      <c r="I186" s="11">
        <v>33463</v>
      </c>
      <c r="J186" s="11">
        <v>44105</v>
      </c>
      <c r="K186" s="11">
        <v>45930</v>
      </c>
    </row>
    <row r="187" spans="1:11" x14ac:dyDescent="0.4">
      <c r="A187" s="8" t="s">
        <v>11818</v>
      </c>
      <c r="B187" s="8" t="s">
        <v>48</v>
      </c>
      <c r="C187" s="9" t="s">
        <v>12033</v>
      </c>
      <c r="D187" s="9" t="s">
        <v>12034</v>
      </c>
      <c r="E187" s="10"/>
      <c r="F187" s="10"/>
      <c r="G187" s="8"/>
      <c r="H187" s="8" t="s">
        <v>12035</v>
      </c>
      <c r="I187" s="11">
        <v>32029</v>
      </c>
      <c r="J187" s="11">
        <v>43922</v>
      </c>
      <c r="K187" s="11">
        <v>46112</v>
      </c>
    </row>
    <row r="188" spans="1:11" x14ac:dyDescent="0.4">
      <c r="A188" s="8" t="s">
        <v>11818</v>
      </c>
      <c r="B188" s="8" t="s">
        <v>633</v>
      </c>
      <c r="C188" s="9" t="s">
        <v>12036</v>
      </c>
      <c r="D188" s="9" t="s">
        <v>12037</v>
      </c>
      <c r="E188" s="10"/>
      <c r="F188" s="10"/>
      <c r="G188" s="8"/>
      <c r="H188" s="8" t="s">
        <v>12038</v>
      </c>
      <c r="I188" s="11">
        <v>30578</v>
      </c>
      <c r="J188" s="11">
        <v>43800</v>
      </c>
      <c r="K188" s="11">
        <v>45626</v>
      </c>
    </row>
    <row r="189" spans="1:11" x14ac:dyDescent="0.4">
      <c r="A189" s="8" t="s">
        <v>11818</v>
      </c>
      <c r="B189" s="8" t="s">
        <v>3083</v>
      </c>
      <c r="C189" s="9" t="s">
        <v>12039</v>
      </c>
      <c r="D189" s="9" t="s">
        <v>12040</v>
      </c>
      <c r="E189" s="10"/>
      <c r="F189" s="10" t="s">
        <v>12041</v>
      </c>
      <c r="G189" s="8" t="s">
        <v>12042</v>
      </c>
      <c r="H189" s="8" t="s">
        <v>12043</v>
      </c>
      <c r="I189" s="11">
        <v>32065</v>
      </c>
      <c r="J189" s="11">
        <v>44287</v>
      </c>
      <c r="K189" s="11">
        <v>46112</v>
      </c>
    </row>
    <row r="190" spans="1:11" x14ac:dyDescent="0.4">
      <c r="A190" s="8" t="s">
        <v>11818</v>
      </c>
      <c r="B190" s="8" t="s">
        <v>698</v>
      </c>
      <c r="C190" s="9" t="s">
        <v>12044</v>
      </c>
      <c r="D190" s="9" t="s">
        <v>12045</v>
      </c>
      <c r="E190" s="10" t="s">
        <v>2674</v>
      </c>
      <c r="F190" s="10"/>
      <c r="G190" s="8"/>
      <c r="H190" s="8" t="s">
        <v>12046</v>
      </c>
      <c r="I190" s="11">
        <v>33501</v>
      </c>
      <c r="J190" s="11">
        <v>44378</v>
      </c>
      <c r="K190" s="11">
        <v>46203</v>
      </c>
    </row>
    <row r="191" spans="1:11" x14ac:dyDescent="0.4">
      <c r="A191" s="8" t="s">
        <v>11818</v>
      </c>
      <c r="B191" s="8" t="s">
        <v>48</v>
      </c>
      <c r="C191" s="9" t="s">
        <v>12047</v>
      </c>
      <c r="D191" s="9" t="s">
        <v>12048</v>
      </c>
      <c r="E191" s="10" t="s">
        <v>12049</v>
      </c>
      <c r="F191" s="10"/>
      <c r="G191" s="8"/>
      <c r="H191" s="8" t="s">
        <v>12050</v>
      </c>
      <c r="I191" s="11">
        <v>32064</v>
      </c>
      <c r="J191" s="11">
        <v>43800</v>
      </c>
      <c r="K191" s="11">
        <v>45626</v>
      </c>
    </row>
    <row r="192" spans="1:11" x14ac:dyDescent="0.4">
      <c r="A192" s="8" t="s">
        <v>11818</v>
      </c>
      <c r="B192" s="8" t="s">
        <v>2044</v>
      </c>
      <c r="C192" s="9" t="s">
        <v>12051</v>
      </c>
      <c r="D192" s="9" t="s">
        <v>12052</v>
      </c>
      <c r="E192" s="10"/>
      <c r="F192" s="10" t="s">
        <v>12053</v>
      </c>
      <c r="G192" s="8" t="s">
        <v>12054</v>
      </c>
      <c r="H192" s="8" t="s">
        <v>12055</v>
      </c>
      <c r="I192" s="11">
        <v>40269</v>
      </c>
      <c r="J192" s="11">
        <v>43922</v>
      </c>
      <c r="K192" s="11">
        <v>45747</v>
      </c>
    </row>
    <row r="193" spans="1:11" x14ac:dyDescent="0.4">
      <c r="A193" s="8" t="s">
        <v>11818</v>
      </c>
      <c r="B193" s="8" t="s">
        <v>5383</v>
      </c>
      <c r="C193" s="9" t="s">
        <v>12056</v>
      </c>
      <c r="D193" s="9" t="s">
        <v>12057</v>
      </c>
      <c r="E193" s="10"/>
      <c r="F193" s="10" t="s">
        <v>12058</v>
      </c>
      <c r="G193" s="8" t="s">
        <v>12059</v>
      </c>
      <c r="H193" s="8" t="s">
        <v>12060</v>
      </c>
      <c r="I193" s="11">
        <v>30597</v>
      </c>
      <c r="J193" s="11">
        <v>44287</v>
      </c>
      <c r="K193" s="11">
        <v>46112</v>
      </c>
    </row>
    <row r="194" spans="1:11" x14ac:dyDescent="0.4">
      <c r="A194" s="8" t="s">
        <v>11818</v>
      </c>
      <c r="B194" s="8" t="s">
        <v>3441</v>
      </c>
      <c r="C194" s="9" t="s">
        <v>12061</v>
      </c>
      <c r="D194" s="9" t="s">
        <v>12062</v>
      </c>
      <c r="E194" s="10"/>
      <c r="F194" s="10"/>
      <c r="G194" s="8"/>
      <c r="H194" s="8" t="s">
        <v>12063</v>
      </c>
      <c r="I194" s="11">
        <v>27677</v>
      </c>
      <c r="J194" s="11">
        <v>44287</v>
      </c>
      <c r="K194" s="11">
        <v>46477</v>
      </c>
    </row>
    <row r="195" spans="1:11" x14ac:dyDescent="0.4">
      <c r="A195" s="8" t="s">
        <v>11818</v>
      </c>
      <c r="B195" s="8" t="s">
        <v>3441</v>
      </c>
      <c r="C195" s="9" t="s">
        <v>12064</v>
      </c>
      <c r="D195" s="9" t="s">
        <v>12065</v>
      </c>
      <c r="E195" s="10"/>
      <c r="F195" s="10" t="s">
        <v>12066</v>
      </c>
      <c r="G195" s="8" t="s">
        <v>12065</v>
      </c>
      <c r="H195" s="8" t="s">
        <v>12067</v>
      </c>
      <c r="I195" s="11">
        <v>33534</v>
      </c>
      <c r="J195" s="11">
        <v>43770</v>
      </c>
      <c r="K195" s="11">
        <v>45596</v>
      </c>
    </row>
    <row r="196" spans="1:11" x14ac:dyDescent="0.4">
      <c r="A196" s="8" t="s">
        <v>11818</v>
      </c>
      <c r="B196" s="8" t="s">
        <v>9278</v>
      </c>
      <c r="C196" s="9" t="s">
        <v>12068</v>
      </c>
      <c r="D196" s="9" t="s">
        <v>12069</v>
      </c>
      <c r="E196" s="10"/>
      <c r="F196" s="10" t="s">
        <v>12070</v>
      </c>
      <c r="G196" s="8" t="s">
        <v>12071</v>
      </c>
      <c r="H196" s="8" t="s">
        <v>12072</v>
      </c>
      <c r="I196" s="11">
        <v>30650</v>
      </c>
      <c r="J196" s="11">
        <v>43952</v>
      </c>
      <c r="K196" s="11">
        <v>45777</v>
      </c>
    </row>
    <row r="197" spans="1:11" x14ac:dyDescent="0.4">
      <c r="A197" s="8" t="s">
        <v>11818</v>
      </c>
      <c r="B197" s="8" t="s">
        <v>48</v>
      </c>
      <c r="C197" s="9" t="s">
        <v>12073</v>
      </c>
      <c r="D197" s="9" t="s">
        <v>12074</v>
      </c>
      <c r="E197" s="10" t="s">
        <v>12075</v>
      </c>
      <c r="F197" s="10"/>
      <c r="G197" s="8"/>
      <c r="H197" s="8" t="s">
        <v>12076</v>
      </c>
      <c r="I197" s="11">
        <v>32090</v>
      </c>
      <c r="J197" s="11">
        <v>44348</v>
      </c>
      <c r="K197" s="11">
        <v>46173</v>
      </c>
    </row>
    <row r="198" spans="1:11" x14ac:dyDescent="0.4">
      <c r="A198" s="8" t="s">
        <v>11818</v>
      </c>
      <c r="B198" s="8" t="s">
        <v>48</v>
      </c>
      <c r="C198" s="9" t="s">
        <v>12077</v>
      </c>
      <c r="D198" s="9" t="s">
        <v>12078</v>
      </c>
      <c r="E198" s="10"/>
      <c r="F198" s="10"/>
      <c r="G198" s="8"/>
      <c r="H198" s="8" t="s">
        <v>12079</v>
      </c>
      <c r="I198" s="11">
        <v>33549</v>
      </c>
      <c r="J198" s="11">
        <v>44105</v>
      </c>
      <c r="K198" s="11">
        <v>45930</v>
      </c>
    </row>
    <row r="199" spans="1:11" x14ac:dyDescent="0.4">
      <c r="A199" s="8" t="s">
        <v>11818</v>
      </c>
      <c r="B199" s="8" t="s">
        <v>2044</v>
      </c>
      <c r="C199" s="9" t="s">
        <v>12080</v>
      </c>
      <c r="D199" s="9" t="s">
        <v>12081</v>
      </c>
      <c r="E199" s="10"/>
      <c r="F199" s="10"/>
      <c r="G199" s="8"/>
      <c r="H199" s="8" t="s">
        <v>12082</v>
      </c>
      <c r="I199" s="11">
        <v>32084</v>
      </c>
      <c r="J199" s="11">
        <v>43922</v>
      </c>
      <c r="K199" s="11">
        <v>45747</v>
      </c>
    </row>
    <row r="200" spans="1:11" x14ac:dyDescent="0.4">
      <c r="A200" s="8" t="s">
        <v>11818</v>
      </c>
      <c r="B200" s="8" t="s">
        <v>2044</v>
      </c>
      <c r="C200" s="9" t="s">
        <v>12083</v>
      </c>
      <c r="D200" s="9" t="s">
        <v>12084</v>
      </c>
      <c r="E200" s="10"/>
      <c r="F200" s="10"/>
      <c r="G200" s="8"/>
      <c r="H200" s="8" t="s">
        <v>12085</v>
      </c>
      <c r="I200" s="11">
        <v>32093</v>
      </c>
      <c r="J200" s="11">
        <v>44013</v>
      </c>
      <c r="K200" s="11">
        <v>45838</v>
      </c>
    </row>
    <row r="201" spans="1:11" x14ac:dyDescent="0.4">
      <c r="A201" s="8" t="s">
        <v>11818</v>
      </c>
      <c r="B201" s="8" t="s">
        <v>3441</v>
      </c>
      <c r="C201" s="9" t="s">
        <v>12086</v>
      </c>
      <c r="D201" s="9" t="s">
        <v>12087</v>
      </c>
      <c r="E201" s="10"/>
      <c r="F201" s="10"/>
      <c r="G201" s="8"/>
      <c r="H201" s="8" t="s">
        <v>12088</v>
      </c>
      <c r="I201" s="11">
        <v>33556</v>
      </c>
      <c r="J201" s="11">
        <v>44105</v>
      </c>
      <c r="K201" s="11">
        <v>45930</v>
      </c>
    </row>
    <row r="202" spans="1:11" x14ac:dyDescent="0.4">
      <c r="A202" s="8" t="s">
        <v>11818</v>
      </c>
      <c r="B202" s="8" t="s">
        <v>48</v>
      </c>
      <c r="C202" s="9" t="s">
        <v>12089</v>
      </c>
      <c r="D202" s="9" t="s">
        <v>12090</v>
      </c>
      <c r="E202" s="10"/>
      <c r="F202" s="10" t="s">
        <v>8143</v>
      </c>
      <c r="G202" s="8" t="s">
        <v>12090</v>
      </c>
      <c r="H202" s="8" t="s">
        <v>12091</v>
      </c>
      <c r="I202" s="11">
        <v>32103</v>
      </c>
      <c r="J202" s="11">
        <v>43800</v>
      </c>
      <c r="K202" s="11">
        <v>45626</v>
      </c>
    </row>
    <row r="203" spans="1:11" x14ac:dyDescent="0.4">
      <c r="A203" s="8" t="s">
        <v>11818</v>
      </c>
      <c r="B203" s="8" t="s">
        <v>3441</v>
      </c>
      <c r="C203" s="9" t="s">
        <v>12092</v>
      </c>
      <c r="D203" s="9" t="s">
        <v>12093</v>
      </c>
      <c r="E203" s="10"/>
      <c r="F203" s="10"/>
      <c r="G203" s="8"/>
      <c r="H203" s="8" t="s">
        <v>12094</v>
      </c>
      <c r="I203" s="11">
        <v>27724</v>
      </c>
      <c r="J203" s="11">
        <v>44013</v>
      </c>
      <c r="K203" s="11">
        <v>46203</v>
      </c>
    </row>
    <row r="204" spans="1:11" x14ac:dyDescent="0.4">
      <c r="A204" s="8" t="s">
        <v>11818</v>
      </c>
      <c r="B204" s="8" t="s">
        <v>2044</v>
      </c>
      <c r="C204" s="9" t="s">
        <v>12095</v>
      </c>
      <c r="D204" s="9" t="s">
        <v>12096</v>
      </c>
      <c r="E204" s="10"/>
      <c r="F204" s="10"/>
      <c r="G204" s="8"/>
      <c r="H204" s="8" t="s">
        <v>12097</v>
      </c>
      <c r="I204" s="11">
        <v>29194</v>
      </c>
      <c r="J204" s="11">
        <v>43922</v>
      </c>
      <c r="K204" s="11">
        <v>45747</v>
      </c>
    </row>
    <row r="205" spans="1:11" x14ac:dyDescent="0.4">
      <c r="A205" s="8" t="s">
        <v>11818</v>
      </c>
      <c r="B205" s="8" t="s">
        <v>2044</v>
      </c>
      <c r="C205" s="9" t="s">
        <v>12098</v>
      </c>
      <c r="D205" s="9" t="s">
        <v>12099</v>
      </c>
      <c r="E205" s="10"/>
      <c r="F205" s="10"/>
      <c r="G205" s="8"/>
      <c r="H205" s="8" t="s">
        <v>12100</v>
      </c>
      <c r="I205" s="11">
        <v>40269</v>
      </c>
      <c r="J205" s="11">
        <v>43922</v>
      </c>
      <c r="K205" s="11">
        <v>45747</v>
      </c>
    </row>
    <row r="206" spans="1:11" x14ac:dyDescent="0.4">
      <c r="A206" s="8" t="s">
        <v>11818</v>
      </c>
      <c r="B206" s="8" t="s">
        <v>2044</v>
      </c>
      <c r="C206" s="9" t="s">
        <v>11403</v>
      </c>
      <c r="D206" s="9" t="s">
        <v>11404</v>
      </c>
      <c r="E206" s="10"/>
      <c r="F206" s="10"/>
      <c r="G206" s="8"/>
      <c r="H206" s="8" t="s">
        <v>12101</v>
      </c>
      <c r="I206" s="11">
        <v>38342</v>
      </c>
      <c r="J206" s="11">
        <v>43952</v>
      </c>
      <c r="K206" s="11">
        <v>45777</v>
      </c>
    </row>
    <row r="207" spans="1:11" x14ac:dyDescent="0.4">
      <c r="A207" s="8" t="s">
        <v>11818</v>
      </c>
      <c r="B207" s="8" t="s">
        <v>2044</v>
      </c>
      <c r="C207" s="9" t="s">
        <v>12102</v>
      </c>
      <c r="D207" s="9" t="s">
        <v>12103</v>
      </c>
      <c r="E207" s="10"/>
      <c r="F207" s="10"/>
      <c r="G207" s="8"/>
      <c r="H207" s="8" t="s">
        <v>12104</v>
      </c>
      <c r="I207" s="11">
        <v>32138</v>
      </c>
      <c r="J207" s="11">
        <v>43922</v>
      </c>
      <c r="K207" s="11">
        <v>45747</v>
      </c>
    </row>
    <row r="208" spans="1:11" x14ac:dyDescent="0.4">
      <c r="A208" s="8" t="s">
        <v>11818</v>
      </c>
      <c r="B208" s="8" t="s">
        <v>9278</v>
      </c>
      <c r="C208" s="9" t="s">
        <v>12105</v>
      </c>
      <c r="D208" s="9" t="s">
        <v>12106</v>
      </c>
      <c r="E208" s="10"/>
      <c r="F208" s="10"/>
      <c r="G208" s="8"/>
      <c r="H208" s="8" t="s">
        <v>12107</v>
      </c>
      <c r="I208" s="11">
        <v>33598</v>
      </c>
      <c r="J208" s="11">
        <v>43922</v>
      </c>
      <c r="K208" s="11">
        <v>45747</v>
      </c>
    </row>
    <row r="209" spans="1:11" x14ac:dyDescent="0.4">
      <c r="A209" s="8" t="s">
        <v>11818</v>
      </c>
      <c r="B209" s="8" t="s">
        <v>1926</v>
      </c>
      <c r="C209" s="9" t="s">
        <v>12108</v>
      </c>
      <c r="D209" s="9" t="s">
        <v>12109</v>
      </c>
      <c r="E209" s="10"/>
      <c r="F209" s="10"/>
      <c r="G209" s="8"/>
      <c r="H209" s="8" t="s">
        <v>12110</v>
      </c>
      <c r="I209" s="11">
        <v>35035</v>
      </c>
      <c r="J209" s="11">
        <v>43282</v>
      </c>
      <c r="K209" s="11">
        <v>45473</v>
      </c>
    </row>
    <row r="210" spans="1:11" x14ac:dyDescent="0.4">
      <c r="A210" s="8" t="s">
        <v>11818</v>
      </c>
      <c r="B210" s="8" t="s">
        <v>48</v>
      </c>
      <c r="C210" s="9" t="s">
        <v>12111</v>
      </c>
      <c r="D210" s="9" t="s">
        <v>12112</v>
      </c>
      <c r="E210" s="10"/>
      <c r="F210" s="10"/>
      <c r="G210" s="8"/>
      <c r="H210" s="8" t="s">
        <v>12113</v>
      </c>
      <c r="I210" s="11">
        <v>33598</v>
      </c>
      <c r="J210" s="11">
        <v>43922</v>
      </c>
      <c r="K210" s="11">
        <v>45747</v>
      </c>
    </row>
    <row r="211" spans="1:11" x14ac:dyDescent="0.4">
      <c r="A211" s="8" t="s">
        <v>11818</v>
      </c>
      <c r="B211" s="8" t="s">
        <v>48</v>
      </c>
      <c r="C211" s="9" t="s">
        <v>12114</v>
      </c>
      <c r="D211" s="9" t="s">
        <v>12115</v>
      </c>
      <c r="E211" s="10"/>
      <c r="F211" s="10"/>
      <c r="G211" s="8"/>
      <c r="H211" s="8" t="s">
        <v>12116</v>
      </c>
      <c r="I211" s="11">
        <v>32223</v>
      </c>
      <c r="J211" s="11">
        <v>44378</v>
      </c>
      <c r="K211" s="11">
        <v>46203</v>
      </c>
    </row>
    <row r="212" spans="1:11" x14ac:dyDescent="0.4">
      <c r="A212" s="8" t="s">
        <v>11818</v>
      </c>
      <c r="B212" s="8" t="s">
        <v>793</v>
      </c>
      <c r="C212" s="9" t="s">
        <v>12117</v>
      </c>
      <c r="D212" s="9" t="s">
        <v>12118</v>
      </c>
      <c r="E212" s="10"/>
      <c r="F212" s="10"/>
      <c r="G212" s="8"/>
      <c r="H212" s="8" t="s">
        <v>12119</v>
      </c>
      <c r="I212" s="11">
        <v>33674</v>
      </c>
      <c r="J212" s="11">
        <v>44136</v>
      </c>
      <c r="K212" s="11">
        <v>45961</v>
      </c>
    </row>
    <row r="213" spans="1:11" x14ac:dyDescent="0.4">
      <c r="A213" s="8" t="s">
        <v>11818</v>
      </c>
      <c r="B213" s="8" t="s">
        <v>48</v>
      </c>
      <c r="C213" s="9" t="s">
        <v>12120</v>
      </c>
      <c r="D213" s="9" t="s">
        <v>12121</v>
      </c>
      <c r="E213" s="10"/>
      <c r="F213" s="10"/>
      <c r="G213" s="8"/>
      <c r="H213" s="8" t="s">
        <v>12122</v>
      </c>
      <c r="I213" s="11">
        <v>27853</v>
      </c>
      <c r="J213" s="11">
        <v>44105</v>
      </c>
      <c r="K213" s="11">
        <v>45930</v>
      </c>
    </row>
    <row r="214" spans="1:11" x14ac:dyDescent="0.4">
      <c r="A214" s="8" t="s">
        <v>11818</v>
      </c>
      <c r="B214" s="8" t="s">
        <v>3083</v>
      </c>
      <c r="C214" s="9" t="s">
        <v>12123</v>
      </c>
      <c r="D214" s="9" t="s">
        <v>12124</v>
      </c>
      <c r="E214" s="10" t="s">
        <v>12125</v>
      </c>
      <c r="F214" s="10"/>
      <c r="G214" s="8"/>
      <c r="H214" s="8" t="s">
        <v>12126</v>
      </c>
      <c r="I214" s="11">
        <v>33707</v>
      </c>
      <c r="J214" s="11">
        <v>44166</v>
      </c>
      <c r="K214" s="11">
        <v>45991</v>
      </c>
    </row>
    <row r="215" spans="1:11" x14ac:dyDescent="0.4">
      <c r="A215" s="8" t="s">
        <v>11818</v>
      </c>
      <c r="B215" s="8" t="s">
        <v>48</v>
      </c>
      <c r="C215" s="9" t="s">
        <v>12127</v>
      </c>
      <c r="D215" s="9" t="s">
        <v>12128</v>
      </c>
      <c r="E215" s="10"/>
      <c r="F215" s="10"/>
      <c r="G215" s="8"/>
      <c r="H215" s="8" t="s">
        <v>12129</v>
      </c>
      <c r="I215" s="11">
        <v>29340</v>
      </c>
      <c r="J215" s="11">
        <v>44013</v>
      </c>
      <c r="K215" s="11">
        <v>45838</v>
      </c>
    </row>
    <row r="216" spans="1:11" x14ac:dyDescent="0.4">
      <c r="A216" s="8" t="s">
        <v>11818</v>
      </c>
      <c r="B216" s="8" t="s">
        <v>9278</v>
      </c>
      <c r="C216" s="9" t="s">
        <v>12130</v>
      </c>
      <c r="D216" s="9" t="s">
        <v>12131</v>
      </c>
      <c r="E216" s="10"/>
      <c r="F216" s="10"/>
      <c r="G216" s="8"/>
      <c r="H216" s="8" t="s">
        <v>12132</v>
      </c>
      <c r="I216" s="11">
        <v>30794</v>
      </c>
      <c r="J216" s="11">
        <v>43952</v>
      </c>
      <c r="K216" s="11">
        <v>45777</v>
      </c>
    </row>
    <row r="217" spans="1:11" x14ac:dyDescent="0.4">
      <c r="A217" s="8" t="s">
        <v>11818</v>
      </c>
      <c r="B217" s="8" t="s">
        <v>3441</v>
      </c>
      <c r="C217" s="9" t="s">
        <v>12133</v>
      </c>
      <c r="D217" s="9" t="s">
        <v>12134</v>
      </c>
      <c r="E217" s="10"/>
      <c r="F217" s="10"/>
      <c r="G217" s="8"/>
      <c r="H217" s="8" t="s">
        <v>12135</v>
      </c>
      <c r="I217" s="11">
        <v>26451</v>
      </c>
      <c r="J217" s="11">
        <v>44317</v>
      </c>
      <c r="K217" s="11">
        <v>46142</v>
      </c>
    </row>
    <row r="218" spans="1:11" x14ac:dyDescent="0.4">
      <c r="A218" s="8" t="s">
        <v>11818</v>
      </c>
      <c r="B218" s="8" t="s">
        <v>698</v>
      </c>
      <c r="C218" s="9" t="s">
        <v>12136</v>
      </c>
      <c r="D218" s="9" t="s">
        <v>12137</v>
      </c>
      <c r="E218" s="10"/>
      <c r="F218" s="10"/>
      <c r="G218" s="8"/>
      <c r="H218" s="8" t="s">
        <v>12138</v>
      </c>
      <c r="I218" s="11">
        <v>32266</v>
      </c>
      <c r="J218" s="11">
        <v>44317</v>
      </c>
      <c r="K218" s="11">
        <v>46142</v>
      </c>
    </row>
    <row r="219" spans="1:11" x14ac:dyDescent="0.4">
      <c r="A219" s="8" t="s">
        <v>11818</v>
      </c>
      <c r="B219" s="8" t="s">
        <v>48</v>
      </c>
      <c r="C219" s="9" t="s">
        <v>12139</v>
      </c>
      <c r="D219" s="9" t="s">
        <v>12140</v>
      </c>
      <c r="E219" s="10"/>
      <c r="F219" s="10"/>
      <c r="G219" s="8"/>
      <c r="H219" s="8" t="s">
        <v>12141</v>
      </c>
      <c r="I219" s="11">
        <v>30833</v>
      </c>
      <c r="J219" s="11">
        <v>43983</v>
      </c>
      <c r="K219" s="11">
        <v>45808</v>
      </c>
    </row>
    <row r="220" spans="1:11" x14ac:dyDescent="0.4">
      <c r="A220" s="8" t="s">
        <v>11818</v>
      </c>
      <c r="B220" s="8" t="s">
        <v>2044</v>
      </c>
      <c r="C220" s="9" t="s">
        <v>12142</v>
      </c>
      <c r="D220" s="9" t="s">
        <v>12143</v>
      </c>
      <c r="E220" s="10"/>
      <c r="F220" s="10"/>
      <c r="G220" s="8"/>
      <c r="H220" s="8" t="s">
        <v>12144</v>
      </c>
      <c r="I220" s="11">
        <v>27907</v>
      </c>
      <c r="J220" s="11">
        <v>43983</v>
      </c>
      <c r="K220" s="11">
        <v>45808</v>
      </c>
    </row>
    <row r="221" spans="1:11" x14ac:dyDescent="0.4">
      <c r="A221" s="8" t="s">
        <v>11818</v>
      </c>
      <c r="B221" s="8" t="s">
        <v>48</v>
      </c>
      <c r="C221" s="9" t="s">
        <v>12145</v>
      </c>
      <c r="D221" s="9" t="s">
        <v>12146</v>
      </c>
      <c r="E221" s="10" t="s">
        <v>12147</v>
      </c>
      <c r="F221" s="10"/>
      <c r="G221" s="8"/>
      <c r="H221" s="8" t="s">
        <v>12148</v>
      </c>
      <c r="I221" s="11">
        <v>29381</v>
      </c>
      <c r="J221" s="11">
        <v>44348</v>
      </c>
      <c r="K221" s="11">
        <v>46173</v>
      </c>
    </row>
    <row r="222" spans="1:11" x14ac:dyDescent="0.4">
      <c r="A222" s="8" t="s">
        <v>11818</v>
      </c>
      <c r="B222" s="8" t="s">
        <v>3441</v>
      </c>
      <c r="C222" s="9" t="s">
        <v>12149</v>
      </c>
      <c r="D222" s="9" t="s">
        <v>12150</v>
      </c>
      <c r="E222" s="10"/>
      <c r="F222" s="10"/>
      <c r="G222" s="8"/>
      <c r="H222" s="8" t="s">
        <v>12151</v>
      </c>
      <c r="I222" s="11">
        <v>32311</v>
      </c>
      <c r="J222" s="11">
        <v>44287</v>
      </c>
      <c r="K222" s="11">
        <v>46112</v>
      </c>
    </row>
    <row r="223" spans="1:11" x14ac:dyDescent="0.4">
      <c r="A223" s="8" t="s">
        <v>11818</v>
      </c>
      <c r="B223" s="8" t="s">
        <v>5383</v>
      </c>
      <c r="C223" s="9" t="s">
        <v>12152</v>
      </c>
      <c r="D223" s="9" t="s">
        <v>12153</v>
      </c>
      <c r="E223" s="10"/>
      <c r="F223" s="10" t="s">
        <v>983</v>
      </c>
      <c r="G223" s="8" t="s">
        <v>12154</v>
      </c>
      <c r="H223" s="8" t="s">
        <v>12155</v>
      </c>
      <c r="I223" s="11">
        <v>33778</v>
      </c>
      <c r="J223" s="11">
        <v>44287</v>
      </c>
      <c r="K223" s="11">
        <v>46112</v>
      </c>
    </row>
    <row r="224" spans="1:11" x14ac:dyDescent="0.4">
      <c r="A224" s="8" t="s">
        <v>11818</v>
      </c>
      <c r="B224" s="8" t="s">
        <v>5383</v>
      </c>
      <c r="C224" s="9" t="s">
        <v>12156</v>
      </c>
      <c r="D224" s="9" t="s">
        <v>12157</v>
      </c>
      <c r="E224" s="10"/>
      <c r="F224" s="10" t="s">
        <v>983</v>
      </c>
      <c r="G224" s="8" t="s">
        <v>12154</v>
      </c>
      <c r="H224" s="8" t="s">
        <v>12158</v>
      </c>
      <c r="I224" s="11">
        <v>33781</v>
      </c>
      <c r="J224" s="11">
        <v>44287</v>
      </c>
      <c r="K224" s="11">
        <v>46112</v>
      </c>
    </row>
    <row r="225" spans="1:11" x14ac:dyDescent="0.4">
      <c r="A225" s="8" t="s">
        <v>11818</v>
      </c>
      <c r="B225" s="8" t="s">
        <v>48</v>
      </c>
      <c r="C225" s="9" t="s">
        <v>12159</v>
      </c>
      <c r="D225" s="9" t="s">
        <v>12160</v>
      </c>
      <c r="E225" s="10"/>
      <c r="F225" s="10"/>
      <c r="G225" s="8"/>
      <c r="H225" s="8" t="s">
        <v>12161</v>
      </c>
      <c r="I225" s="11">
        <v>33790</v>
      </c>
      <c r="J225" s="11">
        <v>44317</v>
      </c>
      <c r="K225" s="11">
        <v>46142</v>
      </c>
    </row>
    <row r="226" spans="1:11" x14ac:dyDescent="0.4">
      <c r="A226" s="8" t="s">
        <v>11818</v>
      </c>
      <c r="B226" s="8" t="s">
        <v>9278</v>
      </c>
      <c r="C226" s="9" t="s">
        <v>12162</v>
      </c>
      <c r="D226" s="9" t="s">
        <v>12163</v>
      </c>
      <c r="E226" s="10"/>
      <c r="F226" s="10" t="s">
        <v>12041</v>
      </c>
      <c r="G226" s="8" t="s">
        <v>12040</v>
      </c>
      <c r="H226" s="8" t="s">
        <v>12164</v>
      </c>
      <c r="I226" s="11">
        <v>30888</v>
      </c>
      <c r="J226" s="11">
        <v>44287</v>
      </c>
      <c r="K226" s="11">
        <v>46112</v>
      </c>
    </row>
    <row r="227" spans="1:11" x14ac:dyDescent="0.4">
      <c r="A227" s="8" t="s">
        <v>11818</v>
      </c>
      <c r="B227" s="8" t="s">
        <v>793</v>
      </c>
      <c r="C227" s="9" t="s">
        <v>12165</v>
      </c>
      <c r="D227" s="9" t="s">
        <v>12166</v>
      </c>
      <c r="E227" s="10"/>
      <c r="F227" s="10"/>
      <c r="G227" s="8"/>
      <c r="H227" s="8" t="s">
        <v>12167</v>
      </c>
      <c r="I227" s="11">
        <v>29437</v>
      </c>
      <c r="J227" s="11">
        <v>44136</v>
      </c>
      <c r="K227" s="11">
        <v>45961</v>
      </c>
    </row>
    <row r="228" spans="1:11" x14ac:dyDescent="0.4">
      <c r="A228" s="8" t="s">
        <v>11818</v>
      </c>
      <c r="B228" s="8" t="s">
        <v>48</v>
      </c>
      <c r="C228" s="9" t="s">
        <v>12168</v>
      </c>
      <c r="D228" s="9" t="s">
        <v>12169</v>
      </c>
      <c r="E228" s="10"/>
      <c r="F228" s="10"/>
      <c r="G228" s="8"/>
      <c r="H228" s="8" t="s">
        <v>12170</v>
      </c>
      <c r="I228" s="11">
        <v>33816</v>
      </c>
      <c r="J228" s="11">
        <v>44317</v>
      </c>
      <c r="K228" s="11">
        <v>46142</v>
      </c>
    </row>
    <row r="229" spans="1:11" x14ac:dyDescent="0.4">
      <c r="A229" s="8" t="s">
        <v>11818</v>
      </c>
      <c r="B229" s="8" t="s">
        <v>2044</v>
      </c>
      <c r="C229" s="9" t="s">
        <v>12171</v>
      </c>
      <c r="D229" s="9" t="s">
        <v>12172</v>
      </c>
      <c r="E229" s="10"/>
      <c r="F229" s="10"/>
      <c r="G229" s="8"/>
      <c r="H229" s="8" t="s">
        <v>12173</v>
      </c>
      <c r="I229" s="11">
        <v>30901</v>
      </c>
      <c r="J229" s="11">
        <v>44105</v>
      </c>
      <c r="K229" s="11">
        <v>46295</v>
      </c>
    </row>
    <row r="230" spans="1:11" x14ac:dyDescent="0.4">
      <c r="A230" s="8" t="s">
        <v>11818</v>
      </c>
      <c r="B230" s="8" t="s">
        <v>3083</v>
      </c>
      <c r="C230" s="9" t="s">
        <v>12174</v>
      </c>
      <c r="D230" s="9" t="s">
        <v>12175</v>
      </c>
      <c r="E230" s="10"/>
      <c r="F230" s="10"/>
      <c r="G230" s="8"/>
      <c r="H230" s="8" t="s">
        <v>12176</v>
      </c>
      <c r="I230" s="11">
        <v>33817</v>
      </c>
      <c r="J230" s="11">
        <v>44287</v>
      </c>
      <c r="K230" s="11">
        <v>46112</v>
      </c>
    </row>
    <row r="231" spans="1:11" x14ac:dyDescent="0.4">
      <c r="A231" s="8" t="s">
        <v>11818</v>
      </c>
      <c r="B231" s="8" t="s">
        <v>3441</v>
      </c>
      <c r="C231" s="9" t="s">
        <v>12177</v>
      </c>
      <c r="D231" s="9" t="s">
        <v>12178</v>
      </c>
      <c r="E231" s="10"/>
      <c r="F231" s="10"/>
      <c r="G231" s="8"/>
      <c r="H231" s="8" t="s">
        <v>12179</v>
      </c>
      <c r="I231" s="11">
        <v>32373</v>
      </c>
      <c r="J231" s="11">
        <v>43556</v>
      </c>
      <c r="K231" s="11">
        <v>45747</v>
      </c>
    </row>
    <row r="232" spans="1:11" x14ac:dyDescent="0.4">
      <c r="A232" s="8" t="s">
        <v>11818</v>
      </c>
      <c r="B232" s="8" t="s">
        <v>633</v>
      </c>
      <c r="C232" s="9" t="s">
        <v>12180</v>
      </c>
      <c r="D232" s="9" t="s">
        <v>12181</v>
      </c>
      <c r="E232" s="10"/>
      <c r="F232" s="10" t="s">
        <v>12182</v>
      </c>
      <c r="G232" s="8" t="s">
        <v>12183</v>
      </c>
      <c r="H232" s="8" t="s">
        <v>12184</v>
      </c>
      <c r="I232" s="11">
        <v>32417</v>
      </c>
      <c r="J232" s="11">
        <v>43374</v>
      </c>
      <c r="K232" s="11">
        <v>45565</v>
      </c>
    </row>
    <row r="233" spans="1:11" x14ac:dyDescent="0.4">
      <c r="A233" s="8" t="s">
        <v>11818</v>
      </c>
      <c r="B233" s="8" t="s">
        <v>793</v>
      </c>
      <c r="C233" s="9" t="s">
        <v>10657</v>
      </c>
      <c r="D233" s="9" t="s">
        <v>12185</v>
      </c>
      <c r="E233" s="10"/>
      <c r="F233" s="10"/>
      <c r="G233" s="8"/>
      <c r="H233" s="8" t="s">
        <v>12186</v>
      </c>
      <c r="I233" s="11">
        <v>30973</v>
      </c>
      <c r="J233" s="11">
        <v>43374</v>
      </c>
      <c r="K233" s="11">
        <v>45565</v>
      </c>
    </row>
    <row r="234" spans="1:11" x14ac:dyDescent="0.4">
      <c r="A234" s="8" t="s">
        <v>11818</v>
      </c>
      <c r="B234" s="8" t="s">
        <v>793</v>
      </c>
      <c r="C234" s="9" t="s">
        <v>12187</v>
      </c>
      <c r="D234" s="9" t="s">
        <v>12188</v>
      </c>
      <c r="E234" s="10"/>
      <c r="F234" s="10" t="s">
        <v>12187</v>
      </c>
      <c r="G234" s="8" t="s">
        <v>12189</v>
      </c>
      <c r="H234" s="8" t="s">
        <v>12190</v>
      </c>
      <c r="I234" s="11">
        <v>29500</v>
      </c>
      <c r="J234" s="11">
        <v>44287</v>
      </c>
      <c r="K234" s="11">
        <v>46112</v>
      </c>
    </row>
    <row r="235" spans="1:11" x14ac:dyDescent="0.4">
      <c r="A235" s="8" t="s">
        <v>11818</v>
      </c>
      <c r="B235" s="8" t="s">
        <v>5383</v>
      </c>
      <c r="C235" s="9" t="s">
        <v>12191</v>
      </c>
      <c r="D235" s="9" t="s">
        <v>12192</v>
      </c>
      <c r="E235" s="10"/>
      <c r="F235" s="10" t="s">
        <v>12193</v>
      </c>
      <c r="G235" s="8" t="s">
        <v>12194</v>
      </c>
      <c r="H235" s="8" t="s">
        <v>12195</v>
      </c>
      <c r="I235" s="11">
        <v>30960</v>
      </c>
      <c r="J235" s="11">
        <v>44287</v>
      </c>
      <c r="K235" s="11">
        <v>46112</v>
      </c>
    </row>
    <row r="236" spans="1:11" x14ac:dyDescent="0.4">
      <c r="A236" s="8" t="s">
        <v>11818</v>
      </c>
      <c r="B236" s="8" t="s">
        <v>3441</v>
      </c>
      <c r="C236" s="9" t="s">
        <v>11540</v>
      </c>
      <c r="D236" s="9" t="s">
        <v>11541</v>
      </c>
      <c r="E236" s="10"/>
      <c r="F236" s="10" t="s">
        <v>11540</v>
      </c>
      <c r="G236" s="8" t="s">
        <v>11542</v>
      </c>
      <c r="H236" s="8" t="s">
        <v>12196</v>
      </c>
      <c r="I236" s="11">
        <v>33932</v>
      </c>
      <c r="J236" s="11">
        <v>43739</v>
      </c>
      <c r="K236" s="11">
        <v>45930</v>
      </c>
    </row>
    <row r="237" spans="1:11" x14ac:dyDescent="0.4">
      <c r="A237" s="8" t="s">
        <v>11818</v>
      </c>
      <c r="B237" s="8" t="s">
        <v>3083</v>
      </c>
      <c r="C237" s="9" t="s">
        <v>12197</v>
      </c>
      <c r="D237" s="9" t="s">
        <v>12198</v>
      </c>
      <c r="E237" s="10"/>
      <c r="F237" s="10"/>
      <c r="G237" s="8"/>
      <c r="H237" s="8" t="s">
        <v>12199</v>
      </c>
      <c r="I237" s="11">
        <v>28084</v>
      </c>
      <c r="J237" s="11">
        <v>44378</v>
      </c>
      <c r="K237" s="11">
        <v>46203</v>
      </c>
    </row>
    <row r="238" spans="1:11" x14ac:dyDescent="0.4">
      <c r="A238" s="8" t="s">
        <v>11818</v>
      </c>
      <c r="B238" s="8" t="s">
        <v>3441</v>
      </c>
      <c r="C238" s="9" t="s">
        <v>12200</v>
      </c>
      <c r="D238" s="9" t="s">
        <v>12201</v>
      </c>
      <c r="E238" s="10"/>
      <c r="F238" s="10" t="s">
        <v>12200</v>
      </c>
      <c r="G238" s="8" t="s">
        <v>12201</v>
      </c>
      <c r="H238" s="8" t="s">
        <v>12202</v>
      </c>
      <c r="I238" s="11">
        <v>31012</v>
      </c>
      <c r="J238" s="11">
        <v>43374</v>
      </c>
      <c r="K238" s="11">
        <v>45565</v>
      </c>
    </row>
    <row r="239" spans="1:11" x14ac:dyDescent="0.4">
      <c r="A239" s="8" t="s">
        <v>11818</v>
      </c>
      <c r="B239" s="8" t="s">
        <v>3441</v>
      </c>
      <c r="C239" s="9" t="s">
        <v>12203</v>
      </c>
      <c r="D239" s="9" t="s">
        <v>12204</v>
      </c>
      <c r="E239" s="10"/>
      <c r="F239" s="10"/>
      <c r="G239" s="8"/>
      <c r="H239" s="8" t="s">
        <v>12205</v>
      </c>
      <c r="I239" s="11">
        <v>32477</v>
      </c>
      <c r="J239" s="11">
        <v>43647</v>
      </c>
      <c r="K239" s="11">
        <v>45838</v>
      </c>
    </row>
    <row r="240" spans="1:11" x14ac:dyDescent="0.4">
      <c r="A240" s="8" t="s">
        <v>11818</v>
      </c>
      <c r="B240" s="8" t="s">
        <v>633</v>
      </c>
      <c r="C240" s="9" t="s">
        <v>12206</v>
      </c>
      <c r="D240" s="9" t="s">
        <v>12207</v>
      </c>
      <c r="E240" s="10"/>
      <c r="F240" s="10" t="s">
        <v>12208</v>
      </c>
      <c r="G240" s="8" t="s">
        <v>12209</v>
      </c>
      <c r="H240" s="8" t="s">
        <v>12210</v>
      </c>
      <c r="I240" s="11">
        <v>33961</v>
      </c>
      <c r="J240" s="11">
        <v>44378</v>
      </c>
      <c r="K240" s="11">
        <v>46203</v>
      </c>
    </row>
    <row r="241" spans="1:11" x14ac:dyDescent="0.4">
      <c r="A241" s="8" t="s">
        <v>11818</v>
      </c>
      <c r="B241" s="8" t="s">
        <v>48</v>
      </c>
      <c r="C241" s="9" t="s">
        <v>12211</v>
      </c>
      <c r="D241" s="9" t="s">
        <v>12212</v>
      </c>
      <c r="E241" s="10"/>
      <c r="F241" s="10"/>
      <c r="G241" s="8"/>
      <c r="H241" s="8" t="s">
        <v>12213</v>
      </c>
      <c r="I241" s="11">
        <v>26674</v>
      </c>
      <c r="J241" s="11">
        <v>44348</v>
      </c>
      <c r="K241" s="11">
        <v>46173</v>
      </c>
    </row>
    <row r="242" spans="1:11" x14ac:dyDescent="0.4">
      <c r="A242" s="8" t="s">
        <v>11818</v>
      </c>
      <c r="B242" s="8" t="s">
        <v>633</v>
      </c>
      <c r="C242" s="9" t="s">
        <v>12214</v>
      </c>
      <c r="D242" s="9" t="s">
        <v>12215</v>
      </c>
      <c r="E242" s="10" t="s">
        <v>12216</v>
      </c>
      <c r="F242" s="10" t="s">
        <v>12217</v>
      </c>
      <c r="G242" s="8" t="s">
        <v>12218</v>
      </c>
      <c r="H242" s="8" t="s">
        <v>12219</v>
      </c>
      <c r="I242" s="11">
        <v>32531</v>
      </c>
      <c r="J242" s="11">
        <v>43739</v>
      </c>
      <c r="K242" s="11">
        <v>45930</v>
      </c>
    </row>
    <row r="243" spans="1:11" x14ac:dyDescent="0.4">
      <c r="A243" s="8" t="s">
        <v>11818</v>
      </c>
      <c r="B243" s="8" t="s">
        <v>633</v>
      </c>
      <c r="C243" s="9" t="s">
        <v>12220</v>
      </c>
      <c r="D243" s="9" t="s">
        <v>12221</v>
      </c>
      <c r="E243" s="10"/>
      <c r="F243" s="10"/>
      <c r="G243" s="8"/>
      <c r="H243" s="8" t="s">
        <v>12222</v>
      </c>
      <c r="I243" s="11">
        <v>31059</v>
      </c>
      <c r="J243" s="11">
        <v>44287</v>
      </c>
      <c r="K243" s="11">
        <v>46112</v>
      </c>
    </row>
    <row r="244" spans="1:11" x14ac:dyDescent="0.4">
      <c r="A244" s="8" t="s">
        <v>11818</v>
      </c>
      <c r="B244" s="8" t="s">
        <v>5383</v>
      </c>
      <c r="C244" s="9" t="s">
        <v>12223</v>
      </c>
      <c r="D244" s="9" t="s">
        <v>12224</v>
      </c>
      <c r="E244" s="10"/>
      <c r="F244" s="10" t="s">
        <v>12225</v>
      </c>
      <c r="G244" s="8" t="s">
        <v>12226</v>
      </c>
      <c r="H244" s="8" t="s">
        <v>12227</v>
      </c>
      <c r="I244" s="11">
        <v>31061</v>
      </c>
      <c r="J244" s="11">
        <v>44287</v>
      </c>
      <c r="K244" s="11">
        <v>46112</v>
      </c>
    </row>
    <row r="245" spans="1:11" x14ac:dyDescent="0.4">
      <c r="A245" s="8" t="s">
        <v>11818</v>
      </c>
      <c r="B245" s="8" t="s">
        <v>6444</v>
      </c>
      <c r="C245" s="9" t="s">
        <v>11395</v>
      </c>
      <c r="D245" s="9" t="s">
        <v>11396</v>
      </c>
      <c r="E245" s="10"/>
      <c r="F245" s="10"/>
      <c r="G245" s="8"/>
      <c r="H245" s="8" t="s">
        <v>12228</v>
      </c>
      <c r="I245" s="11">
        <v>32524</v>
      </c>
      <c r="J245" s="11">
        <v>44317</v>
      </c>
      <c r="K245" s="11">
        <v>46142</v>
      </c>
    </row>
    <row r="246" spans="1:11" x14ac:dyDescent="0.4">
      <c r="A246" s="8" t="s">
        <v>11818</v>
      </c>
      <c r="B246" s="8" t="s">
        <v>48</v>
      </c>
      <c r="C246" s="9" t="s">
        <v>12229</v>
      </c>
      <c r="D246" s="9" t="s">
        <v>12230</v>
      </c>
      <c r="E246" s="10" t="s">
        <v>12231</v>
      </c>
      <c r="F246" s="10" t="s">
        <v>8143</v>
      </c>
      <c r="G246" s="8" t="s">
        <v>12090</v>
      </c>
      <c r="H246" s="8" t="s">
        <v>12232</v>
      </c>
      <c r="I246" s="11">
        <v>31097</v>
      </c>
      <c r="J246" s="11">
        <v>44348</v>
      </c>
      <c r="K246" s="11">
        <v>46173</v>
      </c>
    </row>
    <row r="247" spans="1:11" x14ac:dyDescent="0.4">
      <c r="A247" s="8" t="s">
        <v>11818</v>
      </c>
      <c r="B247" s="8" t="s">
        <v>5383</v>
      </c>
      <c r="C247" s="9" t="s">
        <v>12233</v>
      </c>
      <c r="D247" s="9" t="s">
        <v>12234</v>
      </c>
      <c r="E247" s="10"/>
      <c r="F247" s="10" t="s">
        <v>12235</v>
      </c>
      <c r="G247" s="8" t="s">
        <v>11993</v>
      </c>
      <c r="H247" s="8" t="s">
        <v>12236</v>
      </c>
      <c r="I247" s="11">
        <v>31087</v>
      </c>
      <c r="J247" s="11">
        <v>44287</v>
      </c>
      <c r="K247" s="11">
        <v>46112</v>
      </c>
    </row>
    <row r="248" spans="1:11" x14ac:dyDescent="0.4">
      <c r="A248" s="8" t="s">
        <v>11818</v>
      </c>
      <c r="B248" s="8" t="s">
        <v>5383</v>
      </c>
      <c r="C248" s="9" t="s">
        <v>12237</v>
      </c>
      <c r="D248" s="9" t="s">
        <v>12238</v>
      </c>
      <c r="E248" s="10"/>
      <c r="F248" s="10" t="s">
        <v>12239</v>
      </c>
      <c r="G248" s="8" t="s">
        <v>12240</v>
      </c>
      <c r="H248" s="8" t="s">
        <v>12241</v>
      </c>
      <c r="I248" s="11">
        <v>31087</v>
      </c>
      <c r="J248" s="11">
        <v>44317</v>
      </c>
      <c r="K248" s="11">
        <v>46142</v>
      </c>
    </row>
    <row r="249" spans="1:11" x14ac:dyDescent="0.4">
      <c r="A249" s="8" t="s">
        <v>11818</v>
      </c>
      <c r="B249" s="8" t="s">
        <v>633</v>
      </c>
      <c r="C249" s="9" t="s">
        <v>12242</v>
      </c>
      <c r="D249" s="9" t="s">
        <v>12243</v>
      </c>
      <c r="E249" s="10" t="s">
        <v>12244</v>
      </c>
      <c r="F249" s="10" t="s">
        <v>1234</v>
      </c>
      <c r="G249" s="8" t="s">
        <v>12245</v>
      </c>
      <c r="H249" s="8" t="s">
        <v>12246</v>
      </c>
      <c r="I249" s="11">
        <v>34026</v>
      </c>
      <c r="J249" s="11">
        <v>44317</v>
      </c>
      <c r="K249" s="11">
        <v>46142</v>
      </c>
    </row>
    <row r="250" spans="1:11" x14ac:dyDescent="0.4">
      <c r="A250" s="8" t="s">
        <v>11818</v>
      </c>
      <c r="B250" s="8" t="s">
        <v>2044</v>
      </c>
      <c r="C250" s="9" t="s">
        <v>12247</v>
      </c>
      <c r="D250" s="9" t="s">
        <v>12248</v>
      </c>
      <c r="E250" s="10"/>
      <c r="F250" s="10"/>
      <c r="G250" s="8"/>
      <c r="H250" s="8" t="s">
        <v>12249</v>
      </c>
      <c r="I250" s="11">
        <v>34036</v>
      </c>
      <c r="J250" s="11">
        <v>43739</v>
      </c>
      <c r="K250" s="11">
        <v>45930</v>
      </c>
    </row>
    <row r="251" spans="1:11" x14ac:dyDescent="0.4">
      <c r="A251" s="8" t="s">
        <v>11818</v>
      </c>
      <c r="B251" s="8" t="s">
        <v>2044</v>
      </c>
      <c r="C251" s="9" t="s">
        <v>12250</v>
      </c>
      <c r="D251" s="9" t="s">
        <v>12251</v>
      </c>
      <c r="E251" s="10"/>
      <c r="F251" s="10"/>
      <c r="G251" s="8"/>
      <c r="H251" s="8" t="s">
        <v>12252</v>
      </c>
      <c r="I251" s="11">
        <v>31128</v>
      </c>
      <c r="J251" s="11">
        <v>44287</v>
      </c>
      <c r="K251" s="11">
        <v>46112</v>
      </c>
    </row>
    <row r="252" spans="1:11" x14ac:dyDescent="0.4">
      <c r="A252" s="8" t="s">
        <v>11818</v>
      </c>
      <c r="B252" s="8" t="s">
        <v>1926</v>
      </c>
      <c r="C252" s="9" t="s">
        <v>12253</v>
      </c>
      <c r="D252" s="9" t="s">
        <v>12254</v>
      </c>
      <c r="E252" s="10"/>
      <c r="F252" s="10"/>
      <c r="G252" s="8"/>
      <c r="H252" s="8" t="s">
        <v>12255</v>
      </c>
      <c r="I252" s="11">
        <v>31133</v>
      </c>
      <c r="J252" s="11">
        <v>44378</v>
      </c>
      <c r="K252" s="11">
        <v>46203</v>
      </c>
    </row>
    <row r="253" spans="1:11" x14ac:dyDescent="0.4">
      <c r="A253" s="8" t="s">
        <v>11818</v>
      </c>
      <c r="B253" s="8" t="s">
        <v>5383</v>
      </c>
      <c r="C253" s="9" t="s">
        <v>12256</v>
      </c>
      <c r="D253" s="9" t="s">
        <v>12257</v>
      </c>
      <c r="E253" s="10"/>
      <c r="F253" s="10" t="s">
        <v>12258</v>
      </c>
      <c r="G253" s="8" t="s">
        <v>12257</v>
      </c>
      <c r="H253" s="8" t="s">
        <v>12259</v>
      </c>
      <c r="I253" s="11">
        <v>29766</v>
      </c>
      <c r="J253" s="11">
        <v>43617</v>
      </c>
      <c r="K253" s="11">
        <v>45808</v>
      </c>
    </row>
    <row r="254" spans="1:11" x14ac:dyDescent="0.4">
      <c r="A254" s="8" t="s">
        <v>11818</v>
      </c>
      <c r="B254" s="8" t="s">
        <v>698</v>
      </c>
      <c r="C254" s="9" t="s">
        <v>12260</v>
      </c>
      <c r="D254" s="9" t="s">
        <v>12261</v>
      </c>
      <c r="E254" s="10"/>
      <c r="F254" s="10"/>
      <c r="G254" s="8"/>
      <c r="H254" s="8" t="s">
        <v>12262</v>
      </c>
      <c r="I254" s="11">
        <v>29819</v>
      </c>
      <c r="J254" s="11">
        <v>43556</v>
      </c>
      <c r="K254" s="11">
        <v>45747</v>
      </c>
    </row>
    <row r="255" spans="1:11" x14ac:dyDescent="0.4">
      <c r="A255" s="8" t="s">
        <v>11818</v>
      </c>
      <c r="B255" s="8" t="s">
        <v>633</v>
      </c>
      <c r="C255" s="9" t="s">
        <v>12263</v>
      </c>
      <c r="D255" s="9" t="s">
        <v>12264</v>
      </c>
      <c r="E255" s="10"/>
      <c r="F255" s="10" t="s">
        <v>6000</v>
      </c>
      <c r="G255" s="8" t="s">
        <v>11961</v>
      </c>
      <c r="H255" s="8" t="s">
        <v>12265</v>
      </c>
      <c r="I255" s="11">
        <v>26983</v>
      </c>
      <c r="J255" s="11">
        <v>43739</v>
      </c>
      <c r="K255" s="11">
        <v>45930</v>
      </c>
    </row>
    <row r="256" spans="1:11" x14ac:dyDescent="0.4">
      <c r="A256" s="8" t="s">
        <v>11818</v>
      </c>
      <c r="B256" s="8" t="s">
        <v>633</v>
      </c>
      <c r="C256" s="9" t="s">
        <v>12266</v>
      </c>
      <c r="D256" s="9" t="s">
        <v>12267</v>
      </c>
      <c r="E256" s="10" t="s">
        <v>12268</v>
      </c>
      <c r="F256" s="10" t="s">
        <v>8045</v>
      </c>
      <c r="G256" s="8" t="s">
        <v>12267</v>
      </c>
      <c r="H256" s="8" t="s">
        <v>12269</v>
      </c>
      <c r="I256" s="11">
        <v>34316</v>
      </c>
      <c r="J256" s="11">
        <v>43983</v>
      </c>
      <c r="K256" s="11">
        <v>46173</v>
      </c>
    </row>
    <row r="257" spans="1:11" x14ac:dyDescent="0.4">
      <c r="A257" s="8" t="s">
        <v>11818</v>
      </c>
      <c r="B257" s="8" t="s">
        <v>2044</v>
      </c>
      <c r="C257" s="9" t="s">
        <v>12270</v>
      </c>
      <c r="D257" s="9" t="s">
        <v>12271</v>
      </c>
      <c r="E257" s="10"/>
      <c r="F257" s="10"/>
      <c r="G257" s="8"/>
      <c r="H257" s="8" t="s">
        <v>12272</v>
      </c>
      <c r="I257" s="11">
        <v>29707</v>
      </c>
      <c r="J257" s="11">
        <v>44317</v>
      </c>
      <c r="K257" s="11">
        <v>46142</v>
      </c>
    </row>
    <row r="258" spans="1:11" x14ac:dyDescent="0.4">
      <c r="A258" s="8" t="s">
        <v>11818</v>
      </c>
      <c r="B258" s="8" t="s">
        <v>2044</v>
      </c>
      <c r="C258" s="9" t="s">
        <v>12273</v>
      </c>
      <c r="D258" s="9" t="s">
        <v>12274</v>
      </c>
      <c r="E258" s="10"/>
      <c r="F258" s="10"/>
      <c r="G258" s="8"/>
      <c r="H258" s="8" t="s">
        <v>12275</v>
      </c>
      <c r="I258" s="11">
        <v>29694</v>
      </c>
      <c r="J258" s="11">
        <v>44378</v>
      </c>
      <c r="K258" s="11">
        <v>46203</v>
      </c>
    </row>
    <row r="259" spans="1:11" x14ac:dyDescent="0.4">
      <c r="A259" s="8" t="s">
        <v>11818</v>
      </c>
      <c r="B259" s="8" t="s">
        <v>3441</v>
      </c>
      <c r="C259" s="9" t="s">
        <v>12276</v>
      </c>
      <c r="D259" s="9" t="s">
        <v>12277</v>
      </c>
      <c r="E259" s="10"/>
      <c r="F259" s="10" t="s">
        <v>12278</v>
      </c>
      <c r="G259" s="8" t="s">
        <v>12279</v>
      </c>
      <c r="H259" s="8" t="s">
        <v>12280</v>
      </c>
      <c r="I259" s="11">
        <v>34079</v>
      </c>
      <c r="J259" s="11">
        <v>43374</v>
      </c>
      <c r="K259" s="11">
        <v>45565</v>
      </c>
    </row>
    <row r="260" spans="1:11" x14ac:dyDescent="0.4">
      <c r="A260" s="8" t="s">
        <v>11818</v>
      </c>
      <c r="B260" s="8" t="s">
        <v>633</v>
      </c>
      <c r="C260" s="9" t="s">
        <v>12281</v>
      </c>
      <c r="D260" s="9" t="s">
        <v>12282</v>
      </c>
      <c r="E260" s="10"/>
      <c r="F260" s="10" t="s">
        <v>7841</v>
      </c>
      <c r="G260" s="8" t="s">
        <v>12283</v>
      </c>
      <c r="H260" s="8" t="s">
        <v>12284</v>
      </c>
      <c r="I260" s="11">
        <v>32630</v>
      </c>
      <c r="J260" s="11">
        <v>43405</v>
      </c>
      <c r="K260" s="11">
        <v>45596</v>
      </c>
    </row>
    <row r="261" spans="1:11" x14ac:dyDescent="0.4">
      <c r="A261" s="8" t="s">
        <v>11818</v>
      </c>
      <c r="B261" s="8" t="s">
        <v>633</v>
      </c>
      <c r="C261" s="9" t="s">
        <v>12285</v>
      </c>
      <c r="D261" s="9" t="s">
        <v>12286</v>
      </c>
      <c r="E261" s="10"/>
      <c r="F261" s="10"/>
      <c r="G261" s="8"/>
      <c r="H261" s="8" t="s">
        <v>12287</v>
      </c>
      <c r="I261" s="11">
        <v>29738</v>
      </c>
      <c r="J261" s="11">
        <v>44378</v>
      </c>
      <c r="K261" s="11">
        <v>46203</v>
      </c>
    </row>
    <row r="262" spans="1:11" x14ac:dyDescent="0.4">
      <c r="A262" s="8" t="s">
        <v>11818</v>
      </c>
      <c r="B262" s="8" t="s">
        <v>48</v>
      </c>
      <c r="C262" s="9" t="s">
        <v>12288</v>
      </c>
      <c r="D262" s="9" t="s">
        <v>12289</v>
      </c>
      <c r="E262" s="10" t="s">
        <v>12290</v>
      </c>
      <c r="F262" s="10"/>
      <c r="G262" s="8"/>
      <c r="H262" s="8" t="s">
        <v>12291</v>
      </c>
      <c r="I262" s="11">
        <v>31225</v>
      </c>
      <c r="J262" s="11">
        <v>43617</v>
      </c>
      <c r="K262" s="11">
        <v>45808</v>
      </c>
    </row>
    <row r="263" spans="1:11" x14ac:dyDescent="0.4">
      <c r="A263" s="8" t="s">
        <v>11818</v>
      </c>
      <c r="B263" s="8" t="s">
        <v>633</v>
      </c>
      <c r="C263" s="9" t="s">
        <v>12292</v>
      </c>
      <c r="D263" s="9" t="s">
        <v>12293</v>
      </c>
      <c r="E263" s="10"/>
      <c r="F263" s="10" t="s">
        <v>6000</v>
      </c>
      <c r="G263" s="8" t="s">
        <v>11961</v>
      </c>
      <c r="H263" s="8" t="s">
        <v>12294</v>
      </c>
      <c r="I263" s="11">
        <v>34151</v>
      </c>
      <c r="J263" s="11">
        <v>43647</v>
      </c>
      <c r="K263" s="11">
        <v>45838</v>
      </c>
    </row>
    <row r="264" spans="1:11" x14ac:dyDescent="0.4">
      <c r="A264" s="8" t="s">
        <v>11818</v>
      </c>
      <c r="B264" s="8" t="s">
        <v>3441</v>
      </c>
      <c r="C264" s="9" t="s">
        <v>12295</v>
      </c>
      <c r="D264" s="9" t="s">
        <v>11401</v>
      </c>
      <c r="E264" s="10"/>
      <c r="F264" s="10" t="s">
        <v>11400</v>
      </c>
      <c r="G264" s="8" t="s">
        <v>11401</v>
      </c>
      <c r="H264" s="8" t="s">
        <v>12296</v>
      </c>
      <c r="I264" s="11">
        <v>34348</v>
      </c>
      <c r="J264" s="11">
        <v>43586</v>
      </c>
      <c r="K264" s="11">
        <v>45777</v>
      </c>
    </row>
    <row r="265" spans="1:11" x14ac:dyDescent="0.4">
      <c r="A265" s="8" t="s">
        <v>11818</v>
      </c>
      <c r="B265" s="8" t="s">
        <v>48</v>
      </c>
      <c r="C265" s="9" t="s">
        <v>12297</v>
      </c>
      <c r="D265" s="9" t="s">
        <v>12124</v>
      </c>
      <c r="E265" s="10" t="s">
        <v>12125</v>
      </c>
      <c r="F265" s="10"/>
      <c r="G265" s="8"/>
      <c r="H265" s="8" t="s">
        <v>12298</v>
      </c>
      <c r="I265" s="11">
        <v>34526</v>
      </c>
      <c r="J265" s="11">
        <v>43800</v>
      </c>
      <c r="K265" s="11">
        <v>45991</v>
      </c>
    </row>
    <row r="266" spans="1:11" x14ac:dyDescent="0.4">
      <c r="A266" s="8" t="s">
        <v>11818</v>
      </c>
      <c r="B266" s="8" t="s">
        <v>5383</v>
      </c>
      <c r="C266" s="9" t="s">
        <v>12299</v>
      </c>
      <c r="D266" s="9" t="s">
        <v>12300</v>
      </c>
      <c r="E266" s="10"/>
      <c r="F266" s="10" t="s">
        <v>12301</v>
      </c>
      <c r="G266" s="8" t="s">
        <v>12302</v>
      </c>
      <c r="H266" s="8" t="s">
        <v>12303</v>
      </c>
      <c r="I266" s="11">
        <v>34801</v>
      </c>
      <c r="J266" s="11">
        <v>43739</v>
      </c>
      <c r="K266" s="11">
        <v>45565</v>
      </c>
    </row>
    <row r="267" spans="1:11" x14ac:dyDescent="0.4">
      <c r="A267" s="8" t="s">
        <v>11818</v>
      </c>
      <c r="B267" s="8" t="s">
        <v>2044</v>
      </c>
      <c r="C267" s="9" t="s">
        <v>12304</v>
      </c>
      <c r="D267" s="9" t="s">
        <v>12305</v>
      </c>
      <c r="E267" s="10"/>
      <c r="F267" s="10"/>
      <c r="G267" s="8"/>
      <c r="H267" s="8" t="s">
        <v>12306</v>
      </c>
      <c r="I267" s="11">
        <v>34814</v>
      </c>
      <c r="J267" s="11">
        <v>43647</v>
      </c>
      <c r="K267" s="11">
        <v>45473</v>
      </c>
    </row>
    <row r="268" spans="1:11" x14ac:dyDescent="0.4">
      <c r="A268" s="8" t="s">
        <v>11818</v>
      </c>
      <c r="B268" s="8" t="s">
        <v>2044</v>
      </c>
      <c r="C268" s="9" t="s">
        <v>12307</v>
      </c>
      <c r="D268" s="9" t="s">
        <v>12308</v>
      </c>
      <c r="E268" s="10"/>
      <c r="F268" s="10"/>
      <c r="G268" s="8"/>
      <c r="H268" s="8" t="s">
        <v>12309</v>
      </c>
      <c r="I268" s="11">
        <v>34648</v>
      </c>
      <c r="J268" s="11">
        <v>43647</v>
      </c>
      <c r="K268" s="11">
        <v>45473</v>
      </c>
    </row>
    <row r="269" spans="1:11" x14ac:dyDescent="0.4">
      <c r="A269" s="8" t="s">
        <v>11818</v>
      </c>
      <c r="B269" s="8" t="s">
        <v>9278</v>
      </c>
      <c r="C269" s="9" t="s">
        <v>12310</v>
      </c>
      <c r="D269" s="9" t="s">
        <v>12311</v>
      </c>
      <c r="E269" s="10"/>
      <c r="F269" s="10" t="s">
        <v>12312</v>
      </c>
      <c r="G269" s="8" t="s">
        <v>12311</v>
      </c>
      <c r="H269" s="8" t="s">
        <v>12313</v>
      </c>
      <c r="I269" s="11">
        <v>34700</v>
      </c>
      <c r="J269" s="11">
        <v>44013</v>
      </c>
      <c r="K269" s="11">
        <v>46203</v>
      </c>
    </row>
    <row r="270" spans="1:11" x14ac:dyDescent="0.4">
      <c r="A270" s="8" t="s">
        <v>11818</v>
      </c>
      <c r="B270" s="8" t="s">
        <v>3441</v>
      </c>
      <c r="C270" s="9" t="s">
        <v>12314</v>
      </c>
      <c r="D270" s="9" t="s">
        <v>12315</v>
      </c>
      <c r="E270" s="10" t="s">
        <v>5985</v>
      </c>
      <c r="F270" s="10" t="s">
        <v>12316</v>
      </c>
      <c r="G270" s="8" t="s">
        <v>12317</v>
      </c>
      <c r="H270" s="8" t="s">
        <v>12318</v>
      </c>
      <c r="I270" s="11">
        <v>34654</v>
      </c>
      <c r="J270" s="11">
        <v>43647</v>
      </c>
      <c r="K270" s="11">
        <v>45473</v>
      </c>
    </row>
    <row r="271" spans="1:11" x14ac:dyDescent="0.4">
      <c r="A271" s="8" t="s">
        <v>11818</v>
      </c>
      <c r="B271" s="8" t="s">
        <v>3441</v>
      </c>
      <c r="C271" s="9" t="s">
        <v>12319</v>
      </c>
      <c r="D271" s="9" t="s">
        <v>12320</v>
      </c>
      <c r="E271" s="10"/>
      <c r="F271" s="10" t="s">
        <v>12321</v>
      </c>
      <c r="G271" s="8" t="s">
        <v>12320</v>
      </c>
      <c r="H271" s="8" t="s">
        <v>12322</v>
      </c>
      <c r="I271" s="11">
        <v>34656</v>
      </c>
      <c r="J271" s="11">
        <v>43739</v>
      </c>
      <c r="K271" s="11">
        <v>45565</v>
      </c>
    </row>
    <row r="272" spans="1:11" x14ac:dyDescent="0.4">
      <c r="A272" s="8" t="s">
        <v>11818</v>
      </c>
      <c r="B272" s="8" t="s">
        <v>633</v>
      </c>
      <c r="C272" s="9" t="s">
        <v>12323</v>
      </c>
      <c r="D272" s="9" t="s">
        <v>12324</v>
      </c>
      <c r="E272" s="10"/>
      <c r="F272" s="10" t="s">
        <v>2634</v>
      </c>
      <c r="G272" s="8" t="s">
        <v>12325</v>
      </c>
      <c r="H272" s="8" t="s">
        <v>12326</v>
      </c>
      <c r="I272" s="11">
        <v>34421</v>
      </c>
      <c r="J272" s="11">
        <v>43586</v>
      </c>
      <c r="K272" s="11">
        <v>45777</v>
      </c>
    </row>
    <row r="273" spans="1:11" x14ac:dyDescent="0.4">
      <c r="A273" s="8" t="s">
        <v>11818</v>
      </c>
      <c r="B273" s="8" t="s">
        <v>633</v>
      </c>
      <c r="C273" s="9" t="s">
        <v>12327</v>
      </c>
      <c r="D273" s="9" t="s">
        <v>12315</v>
      </c>
      <c r="E273" s="10" t="s">
        <v>5985</v>
      </c>
      <c r="F273" s="10" t="s">
        <v>5644</v>
      </c>
      <c r="G273" s="8" t="s">
        <v>12328</v>
      </c>
      <c r="H273" s="8" t="s">
        <v>12329</v>
      </c>
      <c r="I273" s="11">
        <v>34654</v>
      </c>
      <c r="J273" s="11">
        <v>43647</v>
      </c>
      <c r="K273" s="11">
        <v>45838</v>
      </c>
    </row>
    <row r="274" spans="1:11" x14ac:dyDescent="0.4">
      <c r="A274" s="8" t="s">
        <v>11818</v>
      </c>
      <c r="B274" s="8" t="s">
        <v>48</v>
      </c>
      <c r="C274" s="9" t="s">
        <v>12330</v>
      </c>
      <c r="D274" s="9" t="s">
        <v>12331</v>
      </c>
      <c r="E274" s="10" t="s">
        <v>10117</v>
      </c>
      <c r="F274" s="10"/>
      <c r="G274" s="8"/>
      <c r="H274" s="8" t="s">
        <v>12332</v>
      </c>
      <c r="I274" s="11">
        <v>34731</v>
      </c>
      <c r="J274" s="11">
        <v>43800</v>
      </c>
      <c r="K274" s="11">
        <v>45626</v>
      </c>
    </row>
    <row r="275" spans="1:11" x14ac:dyDescent="0.4">
      <c r="A275" s="8" t="s">
        <v>11818</v>
      </c>
      <c r="B275" s="8" t="s">
        <v>48</v>
      </c>
      <c r="C275" s="9" t="s">
        <v>12333</v>
      </c>
      <c r="D275" s="9" t="s">
        <v>12334</v>
      </c>
      <c r="E275" s="10" t="s">
        <v>12335</v>
      </c>
      <c r="F275" s="10"/>
      <c r="G275" s="8"/>
      <c r="H275" s="8" t="s">
        <v>12336</v>
      </c>
      <c r="I275" s="11">
        <v>34790</v>
      </c>
      <c r="J275" s="11">
        <v>43800</v>
      </c>
      <c r="K275" s="11">
        <v>45626</v>
      </c>
    </row>
    <row r="276" spans="1:11" x14ac:dyDescent="0.4">
      <c r="A276" s="8" t="s">
        <v>11818</v>
      </c>
      <c r="B276" s="8" t="s">
        <v>633</v>
      </c>
      <c r="C276" s="9" t="s">
        <v>12337</v>
      </c>
      <c r="D276" s="9" t="s">
        <v>12338</v>
      </c>
      <c r="E276" s="10"/>
      <c r="F276" s="10" t="s">
        <v>12339</v>
      </c>
      <c r="G276" s="8" t="s">
        <v>12340</v>
      </c>
      <c r="H276" s="8" t="s">
        <v>12341</v>
      </c>
      <c r="I276" s="11">
        <v>34790</v>
      </c>
      <c r="J276" s="11">
        <v>44105</v>
      </c>
      <c r="K276" s="11">
        <v>46295</v>
      </c>
    </row>
    <row r="277" spans="1:11" x14ac:dyDescent="0.4">
      <c r="A277" s="8" t="s">
        <v>11818</v>
      </c>
      <c r="B277" s="8" t="s">
        <v>633</v>
      </c>
      <c r="C277" s="9" t="s">
        <v>12342</v>
      </c>
      <c r="D277" s="9" t="s">
        <v>12343</v>
      </c>
      <c r="E277" s="10"/>
      <c r="F277" s="10" t="s">
        <v>2634</v>
      </c>
      <c r="G277" s="8" t="s">
        <v>12325</v>
      </c>
      <c r="H277" s="8" t="s">
        <v>12344</v>
      </c>
      <c r="I277" s="11">
        <v>34857</v>
      </c>
      <c r="J277" s="11">
        <v>44013</v>
      </c>
      <c r="K277" s="11">
        <v>46203</v>
      </c>
    </row>
    <row r="278" spans="1:11" x14ac:dyDescent="0.4">
      <c r="A278" s="8" t="s">
        <v>11818</v>
      </c>
      <c r="B278" s="8" t="s">
        <v>48</v>
      </c>
      <c r="C278" s="9" t="s">
        <v>12345</v>
      </c>
      <c r="D278" s="9" t="s">
        <v>12346</v>
      </c>
      <c r="E278" s="10"/>
      <c r="F278" s="10" t="s">
        <v>9273</v>
      </c>
      <c r="G278" s="8" t="s">
        <v>12347</v>
      </c>
      <c r="H278" s="8" t="s">
        <v>12348</v>
      </c>
      <c r="I278" s="11">
        <v>34870</v>
      </c>
      <c r="J278" s="11">
        <v>44136</v>
      </c>
      <c r="K278" s="11">
        <v>46326</v>
      </c>
    </row>
    <row r="279" spans="1:11" x14ac:dyDescent="0.4">
      <c r="A279" s="8" t="s">
        <v>11818</v>
      </c>
      <c r="B279" s="8" t="s">
        <v>633</v>
      </c>
      <c r="C279" s="9" t="s">
        <v>12349</v>
      </c>
      <c r="D279" s="9" t="s">
        <v>12350</v>
      </c>
      <c r="E279" s="10" t="s">
        <v>12351</v>
      </c>
      <c r="F279" s="10"/>
      <c r="G279" s="8"/>
      <c r="H279" s="8" t="s">
        <v>12352</v>
      </c>
      <c r="I279" s="11">
        <v>34890</v>
      </c>
      <c r="J279" s="11">
        <v>43739</v>
      </c>
      <c r="K279" s="11">
        <v>45565</v>
      </c>
    </row>
    <row r="280" spans="1:11" x14ac:dyDescent="0.4">
      <c r="A280" s="8" t="s">
        <v>11818</v>
      </c>
      <c r="B280" s="8" t="s">
        <v>3441</v>
      </c>
      <c r="C280" s="9" t="s">
        <v>12353</v>
      </c>
      <c r="D280" s="9" t="s">
        <v>12354</v>
      </c>
      <c r="E280" s="10"/>
      <c r="F280" s="10"/>
      <c r="G280" s="8"/>
      <c r="H280" s="8" t="s">
        <v>12355</v>
      </c>
      <c r="I280" s="11">
        <v>34887</v>
      </c>
      <c r="J280" s="11">
        <v>43770</v>
      </c>
      <c r="K280" s="11">
        <v>45596</v>
      </c>
    </row>
    <row r="281" spans="1:11" x14ac:dyDescent="0.4">
      <c r="A281" s="8" t="s">
        <v>11818</v>
      </c>
      <c r="B281" s="8" t="s">
        <v>48</v>
      </c>
      <c r="C281" s="9" t="s">
        <v>12356</v>
      </c>
      <c r="D281" s="9" t="s">
        <v>12357</v>
      </c>
      <c r="E281" s="10" t="s">
        <v>12358</v>
      </c>
      <c r="F281" s="10"/>
      <c r="G281" s="8"/>
      <c r="H281" s="8" t="s">
        <v>12359</v>
      </c>
      <c r="I281" s="11">
        <v>34919</v>
      </c>
      <c r="J281" s="11">
        <v>43800</v>
      </c>
      <c r="K281" s="11">
        <v>45626</v>
      </c>
    </row>
    <row r="282" spans="1:11" x14ac:dyDescent="0.4">
      <c r="A282" s="8" t="s">
        <v>11818</v>
      </c>
      <c r="B282" s="8" t="s">
        <v>5454</v>
      </c>
      <c r="C282" s="9" t="s">
        <v>12360</v>
      </c>
      <c r="D282" s="9" t="s">
        <v>12361</v>
      </c>
      <c r="E282" s="10" t="s">
        <v>12362</v>
      </c>
      <c r="F282" s="10" t="s">
        <v>12363</v>
      </c>
      <c r="G282" s="8" t="s">
        <v>12364</v>
      </c>
      <c r="H282" s="8" t="s">
        <v>12365</v>
      </c>
      <c r="I282" s="11">
        <v>34943</v>
      </c>
      <c r="J282" s="11">
        <v>43800</v>
      </c>
      <c r="K282" s="11">
        <v>45626</v>
      </c>
    </row>
    <row r="283" spans="1:11" x14ac:dyDescent="0.4">
      <c r="A283" s="8" t="s">
        <v>11818</v>
      </c>
      <c r="B283" s="8" t="s">
        <v>2044</v>
      </c>
      <c r="C283" s="9" t="s">
        <v>12366</v>
      </c>
      <c r="D283" s="9" t="s">
        <v>12367</v>
      </c>
      <c r="E283" s="10" t="s">
        <v>12368</v>
      </c>
      <c r="F283" s="10"/>
      <c r="G283" s="8"/>
      <c r="H283" s="8" t="s">
        <v>12369</v>
      </c>
      <c r="I283" s="11">
        <v>35030</v>
      </c>
      <c r="J283" s="11">
        <v>43952</v>
      </c>
      <c r="K283" s="11">
        <v>45777</v>
      </c>
    </row>
    <row r="284" spans="1:11" x14ac:dyDescent="0.4">
      <c r="A284" s="8" t="s">
        <v>11818</v>
      </c>
      <c r="B284" s="8" t="s">
        <v>9278</v>
      </c>
      <c r="C284" s="9" t="s">
        <v>9709</v>
      </c>
      <c r="D284" s="9" t="s">
        <v>12370</v>
      </c>
      <c r="E284" s="10"/>
      <c r="F284" s="10" t="s">
        <v>9707</v>
      </c>
      <c r="G284" s="8" t="s">
        <v>11967</v>
      </c>
      <c r="H284" s="8" t="s">
        <v>12371</v>
      </c>
      <c r="I284" s="11">
        <v>35033</v>
      </c>
      <c r="J284" s="11">
        <v>43800</v>
      </c>
      <c r="K284" s="11">
        <v>45626</v>
      </c>
    </row>
    <row r="285" spans="1:11" x14ac:dyDescent="0.4">
      <c r="A285" s="8" t="s">
        <v>11818</v>
      </c>
      <c r="B285" s="8" t="s">
        <v>2044</v>
      </c>
      <c r="C285" s="9" t="s">
        <v>12372</v>
      </c>
      <c r="D285" s="9" t="s">
        <v>12373</v>
      </c>
      <c r="E285" s="10"/>
      <c r="F285" s="10"/>
      <c r="G285" s="8"/>
      <c r="H285" s="8" t="s">
        <v>12374</v>
      </c>
      <c r="I285" s="11">
        <v>35038</v>
      </c>
      <c r="J285" s="11">
        <v>43922</v>
      </c>
      <c r="K285" s="11">
        <v>45747</v>
      </c>
    </row>
    <row r="286" spans="1:11" x14ac:dyDescent="0.4">
      <c r="A286" s="8" t="s">
        <v>11818</v>
      </c>
      <c r="B286" s="8" t="s">
        <v>2044</v>
      </c>
      <c r="C286" s="9" t="s">
        <v>12375</v>
      </c>
      <c r="D286" s="9" t="s">
        <v>12376</v>
      </c>
      <c r="E286" s="10"/>
      <c r="F286" s="10"/>
      <c r="G286" s="8"/>
      <c r="H286" s="8" t="s">
        <v>12377</v>
      </c>
      <c r="I286" s="11">
        <v>35070</v>
      </c>
      <c r="J286" s="11">
        <v>43952</v>
      </c>
      <c r="K286" s="11">
        <v>45777</v>
      </c>
    </row>
    <row r="287" spans="1:11" x14ac:dyDescent="0.4">
      <c r="A287" s="8" t="s">
        <v>11818</v>
      </c>
      <c r="B287" s="8" t="s">
        <v>48</v>
      </c>
      <c r="C287" s="9" t="s">
        <v>12378</v>
      </c>
      <c r="D287" s="9" t="s">
        <v>12379</v>
      </c>
      <c r="E287" s="10"/>
      <c r="F287" s="10"/>
      <c r="G287" s="8"/>
      <c r="H287" s="8" t="s">
        <v>12380</v>
      </c>
      <c r="I287" s="11">
        <v>35081</v>
      </c>
      <c r="J287" s="11">
        <v>44105</v>
      </c>
      <c r="K287" s="11">
        <v>45930</v>
      </c>
    </row>
    <row r="288" spans="1:11" x14ac:dyDescent="0.4">
      <c r="A288" s="8" t="s">
        <v>11818</v>
      </c>
      <c r="B288" s="8" t="s">
        <v>48</v>
      </c>
      <c r="C288" s="9" t="s">
        <v>12381</v>
      </c>
      <c r="D288" s="9" t="s">
        <v>12382</v>
      </c>
      <c r="E288" s="10"/>
      <c r="F288" s="10"/>
      <c r="G288" s="8"/>
      <c r="H288" s="8" t="s">
        <v>12383</v>
      </c>
      <c r="I288" s="11">
        <v>34970</v>
      </c>
      <c r="J288" s="11">
        <v>43952</v>
      </c>
      <c r="K288" s="11">
        <v>45777</v>
      </c>
    </row>
    <row r="289" spans="1:11" x14ac:dyDescent="0.4">
      <c r="A289" s="8" t="s">
        <v>11818</v>
      </c>
      <c r="B289" s="8" t="s">
        <v>1926</v>
      </c>
      <c r="C289" s="9" t="s">
        <v>12384</v>
      </c>
      <c r="D289" s="9" t="s">
        <v>12385</v>
      </c>
      <c r="E289" s="10" t="s">
        <v>12386</v>
      </c>
      <c r="F289" s="10"/>
      <c r="G289" s="8"/>
      <c r="H289" s="8" t="s">
        <v>12387</v>
      </c>
      <c r="I289" s="11">
        <v>35121</v>
      </c>
      <c r="J289" s="11">
        <v>43983</v>
      </c>
      <c r="K289" s="11">
        <v>45808</v>
      </c>
    </row>
    <row r="290" spans="1:11" x14ac:dyDescent="0.4">
      <c r="A290" s="8" t="s">
        <v>11818</v>
      </c>
      <c r="B290" s="8" t="s">
        <v>3441</v>
      </c>
      <c r="C290" s="9" t="s">
        <v>12388</v>
      </c>
      <c r="D290" s="9" t="s">
        <v>12389</v>
      </c>
      <c r="E290" s="10"/>
      <c r="F290" s="10" t="s">
        <v>12390</v>
      </c>
      <c r="G290" s="8" t="s">
        <v>12389</v>
      </c>
      <c r="H290" s="8" t="s">
        <v>12391</v>
      </c>
      <c r="I290" s="11">
        <v>35149</v>
      </c>
      <c r="J290" s="11">
        <v>43374</v>
      </c>
      <c r="K290" s="11">
        <v>45565</v>
      </c>
    </row>
    <row r="291" spans="1:11" x14ac:dyDescent="0.4">
      <c r="A291" s="8" t="s">
        <v>11818</v>
      </c>
      <c r="B291" s="8" t="s">
        <v>1926</v>
      </c>
      <c r="C291" s="9" t="s">
        <v>12392</v>
      </c>
      <c r="D291" s="9" t="s">
        <v>12393</v>
      </c>
      <c r="E291" s="10"/>
      <c r="F291" s="10"/>
      <c r="G291" s="8"/>
      <c r="H291" s="8" t="s">
        <v>12394</v>
      </c>
      <c r="I291" s="11">
        <v>35230</v>
      </c>
      <c r="J291" s="11">
        <v>43405</v>
      </c>
      <c r="K291" s="11">
        <v>45596</v>
      </c>
    </row>
    <row r="292" spans="1:11" x14ac:dyDescent="0.4">
      <c r="A292" s="8" t="s">
        <v>11818</v>
      </c>
      <c r="B292" s="8" t="s">
        <v>48</v>
      </c>
      <c r="C292" s="9" t="s">
        <v>12395</v>
      </c>
      <c r="D292" s="9" t="s">
        <v>12396</v>
      </c>
      <c r="E292" s="10" t="s">
        <v>12397</v>
      </c>
      <c r="F292" s="10"/>
      <c r="G292" s="8"/>
      <c r="H292" s="8" t="s">
        <v>12398</v>
      </c>
      <c r="I292" s="11">
        <v>35230</v>
      </c>
      <c r="J292" s="11">
        <v>44348</v>
      </c>
      <c r="K292" s="11">
        <v>46173</v>
      </c>
    </row>
    <row r="293" spans="1:11" x14ac:dyDescent="0.4">
      <c r="A293" s="8" t="s">
        <v>11818</v>
      </c>
      <c r="B293" s="8" t="s">
        <v>633</v>
      </c>
      <c r="C293" s="9" t="s">
        <v>12399</v>
      </c>
      <c r="D293" s="9" t="s">
        <v>12400</v>
      </c>
      <c r="E293" s="10"/>
      <c r="F293" s="10"/>
      <c r="G293" s="8"/>
      <c r="H293" s="8" t="s">
        <v>12401</v>
      </c>
      <c r="I293" s="11">
        <v>35250</v>
      </c>
      <c r="J293" s="11">
        <v>43405</v>
      </c>
      <c r="K293" s="11">
        <v>45596</v>
      </c>
    </row>
    <row r="294" spans="1:11" x14ac:dyDescent="0.4">
      <c r="A294" s="8" t="s">
        <v>11818</v>
      </c>
      <c r="B294" s="8" t="s">
        <v>633</v>
      </c>
      <c r="C294" s="9" t="s">
        <v>12402</v>
      </c>
      <c r="D294" s="9" t="s">
        <v>12403</v>
      </c>
      <c r="E294" s="10"/>
      <c r="F294" s="10"/>
      <c r="G294" s="8"/>
      <c r="H294" s="8" t="s">
        <v>12404</v>
      </c>
      <c r="I294" s="11">
        <v>35322</v>
      </c>
      <c r="J294" s="11">
        <v>44378</v>
      </c>
      <c r="K294" s="11">
        <v>46203</v>
      </c>
    </row>
    <row r="295" spans="1:11" x14ac:dyDescent="0.4">
      <c r="A295" s="8" t="s">
        <v>11818</v>
      </c>
      <c r="B295" s="8" t="s">
        <v>48</v>
      </c>
      <c r="C295" s="9" t="s">
        <v>12405</v>
      </c>
      <c r="D295" s="9" t="s">
        <v>12406</v>
      </c>
      <c r="E295" s="10"/>
      <c r="F295" s="10"/>
      <c r="G295" s="8"/>
      <c r="H295" s="8" t="s">
        <v>12407</v>
      </c>
      <c r="I295" s="11">
        <v>35348</v>
      </c>
      <c r="J295" s="11">
        <v>44317</v>
      </c>
      <c r="K295" s="11">
        <v>46142</v>
      </c>
    </row>
    <row r="296" spans="1:11" x14ac:dyDescent="0.4">
      <c r="A296" s="8" t="s">
        <v>11818</v>
      </c>
      <c r="B296" s="8" t="s">
        <v>633</v>
      </c>
      <c r="C296" s="9" t="s">
        <v>12408</v>
      </c>
      <c r="D296" s="9" t="s">
        <v>12409</v>
      </c>
      <c r="E296" s="10"/>
      <c r="F296" s="10" t="s">
        <v>12410</v>
      </c>
      <c r="G296" s="8" t="s">
        <v>12409</v>
      </c>
      <c r="H296" s="8" t="s">
        <v>12411</v>
      </c>
      <c r="I296" s="11">
        <v>35339</v>
      </c>
      <c r="J296" s="11">
        <v>44348</v>
      </c>
      <c r="K296" s="11">
        <v>46173</v>
      </c>
    </row>
    <row r="297" spans="1:11" x14ac:dyDescent="0.4">
      <c r="A297" s="8" t="s">
        <v>11818</v>
      </c>
      <c r="B297" s="8" t="s">
        <v>633</v>
      </c>
      <c r="C297" s="9" t="s">
        <v>12412</v>
      </c>
      <c r="D297" s="9" t="s">
        <v>12413</v>
      </c>
      <c r="E297" s="10"/>
      <c r="F297" s="10" t="s">
        <v>12414</v>
      </c>
      <c r="G297" s="8" t="s">
        <v>12415</v>
      </c>
      <c r="H297" s="8" t="s">
        <v>12416</v>
      </c>
      <c r="I297" s="11">
        <v>35340</v>
      </c>
      <c r="J297" s="11">
        <v>43405</v>
      </c>
      <c r="K297" s="11">
        <v>45596</v>
      </c>
    </row>
    <row r="298" spans="1:11" x14ac:dyDescent="0.4">
      <c r="A298" s="8" t="s">
        <v>11818</v>
      </c>
      <c r="B298" s="8" t="s">
        <v>3441</v>
      </c>
      <c r="C298" s="9" t="s">
        <v>12417</v>
      </c>
      <c r="D298" s="9" t="s">
        <v>12418</v>
      </c>
      <c r="E298" s="10"/>
      <c r="F298" s="10"/>
      <c r="G298" s="8"/>
      <c r="H298" s="8" t="s">
        <v>12419</v>
      </c>
      <c r="I298" s="11">
        <v>35370</v>
      </c>
      <c r="J298" s="11">
        <v>43739</v>
      </c>
      <c r="K298" s="11">
        <v>45930</v>
      </c>
    </row>
    <row r="299" spans="1:11" x14ac:dyDescent="0.4">
      <c r="A299" s="8" t="s">
        <v>11818</v>
      </c>
      <c r="B299" s="8" t="s">
        <v>698</v>
      </c>
      <c r="C299" s="9" t="s">
        <v>12420</v>
      </c>
      <c r="D299" s="9" t="s">
        <v>12421</v>
      </c>
      <c r="E299" s="10"/>
      <c r="F299" s="10" t="s">
        <v>12422</v>
      </c>
      <c r="G299" s="8" t="s">
        <v>12423</v>
      </c>
      <c r="H299" s="8" t="s">
        <v>12424</v>
      </c>
      <c r="I299" s="11">
        <v>35403</v>
      </c>
      <c r="J299" s="11">
        <v>44287</v>
      </c>
      <c r="K299" s="11">
        <v>46112</v>
      </c>
    </row>
    <row r="300" spans="1:11" x14ac:dyDescent="0.4">
      <c r="A300" s="8" t="s">
        <v>11818</v>
      </c>
      <c r="B300" s="8" t="s">
        <v>633</v>
      </c>
      <c r="C300" s="9" t="s">
        <v>12425</v>
      </c>
      <c r="D300" s="9" t="s">
        <v>12426</v>
      </c>
      <c r="E300" s="10"/>
      <c r="F300" s="10"/>
      <c r="G300" s="8"/>
      <c r="H300" s="8" t="s">
        <v>12427</v>
      </c>
      <c r="I300" s="11">
        <v>35412</v>
      </c>
      <c r="J300" s="11">
        <v>43374</v>
      </c>
      <c r="K300" s="11">
        <v>45565</v>
      </c>
    </row>
    <row r="301" spans="1:11" x14ac:dyDescent="0.4">
      <c r="A301" s="8" t="s">
        <v>11818</v>
      </c>
      <c r="B301" s="8" t="s">
        <v>793</v>
      </c>
      <c r="C301" s="9" t="s">
        <v>12428</v>
      </c>
      <c r="D301" s="9" t="s">
        <v>12429</v>
      </c>
      <c r="E301" s="10" t="s">
        <v>12430</v>
      </c>
      <c r="F301" s="10" t="s">
        <v>12431</v>
      </c>
      <c r="G301" s="8" t="s">
        <v>12432</v>
      </c>
      <c r="H301" s="8" t="s">
        <v>12433</v>
      </c>
      <c r="I301" s="11">
        <v>35502</v>
      </c>
      <c r="J301" s="11">
        <v>44348</v>
      </c>
      <c r="K301" s="11">
        <v>46173</v>
      </c>
    </row>
    <row r="302" spans="1:11" x14ac:dyDescent="0.4">
      <c r="A302" s="8" t="s">
        <v>11818</v>
      </c>
      <c r="B302" s="8" t="s">
        <v>3441</v>
      </c>
      <c r="C302" s="9" t="s">
        <v>12434</v>
      </c>
      <c r="D302" s="9" t="s">
        <v>12435</v>
      </c>
      <c r="E302" s="10"/>
      <c r="F302" s="10"/>
      <c r="G302" s="8"/>
      <c r="H302" s="8" t="s">
        <v>12436</v>
      </c>
      <c r="I302" s="11">
        <v>35507</v>
      </c>
      <c r="J302" s="11">
        <v>43405</v>
      </c>
      <c r="K302" s="11">
        <v>45596</v>
      </c>
    </row>
    <row r="303" spans="1:11" x14ac:dyDescent="0.4">
      <c r="A303" s="8" t="s">
        <v>11818</v>
      </c>
      <c r="B303" s="8" t="s">
        <v>633</v>
      </c>
      <c r="C303" s="9" t="s">
        <v>12437</v>
      </c>
      <c r="D303" s="9" t="s">
        <v>12438</v>
      </c>
      <c r="E303" s="10"/>
      <c r="F303" s="10" t="s">
        <v>6000</v>
      </c>
      <c r="G303" s="8" t="s">
        <v>11961</v>
      </c>
      <c r="H303" s="8" t="s">
        <v>12439</v>
      </c>
      <c r="I303" s="11">
        <v>35548</v>
      </c>
      <c r="J303" s="11">
        <v>43647</v>
      </c>
      <c r="K303" s="11">
        <v>45838</v>
      </c>
    </row>
    <row r="304" spans="1:11" x14ac:dyDescent="0.4">
      <c r="A304" s="8" t="s">
        <v>11818</v>
      </c>
      <c r="B304" s="8" t="s">
        <v>48</v>
      </c>
      <c r="C304" s="9" t="s">
        <v>12440</v>
      </c>
      <c r="D304" s="9" t="s">
        <v>12441</v>
      </c>
      <c r="E304" s="10" t="s">
        <v>12442</v>
      </c>
      <c r="F304" s="10" t="s">
        <v>12443</v>
      </c>
      <c r="G304" s="8" t="s">
        <v>12444</v>
      </c>
      <c r="H304" s="8" t="s">
        <v>12445</v>
      </c>
      <c r="I304" s="11">
        <v>35620</v>
      </c>
      <c r="J304" s="11">
        <v>43739</v>
      </c>
      <c r="K304" s="11">
        <v>45930</v>
      </c>
    </row>
    <row r="305" spans="1:11" x14ac:dyDescent="0.4">
      <c r="A305" s="8" t="s">
        <v>11818</v>
      </c>
      <c r="B305" s="8" t="s">
        <v>698</v>
      </c>
      <c r="C305" s="9" t="s">
        <v>12446</v>
      </c>
      <c r="D305" s="9" t="s">
        <v>12447</v>
      </c>
      <c r="E305" s="10" t="s">
        <v>12448</v>
      </c>
      <c r="F305" s="10" t="s">
        <v>12449</v>
      </c>
      <c r="G305" s="8" t="s">
        <v>12450</v>
      </c>
      <c r="H305" s="8" t="s">
        <v>12451</v>
      </c>
      <c r="I305" s="11">
        <v>35629</v>
      </c>
      <c r="J305" s="11">
        <v>43282</v>
      </c>
      <c r="K305" s="11">
        <v>45473</v>
      </c>
    </row>
    <row r="306" spans="1:11" x14ac:dyDescent="0.4">
      <c r="A306" s="8" t="s">
        <v>11818</v>
      </c>
      <c r="B306" s="8" t="s">
        <v>3441</v>
      </c>
      <c r="C306" s="9" t="s">
        <v>12452</v>
      </c>
      <c r="D306" s="9" t="s">
        <v>12453</v>
      </c>
      <c r="E306" s="10"/>
      <c r="F306" s="10" t="s">
        <v>12454</v>
      </c>
      <c r="G306" s="8" t="s">
        <v>12455</v>
      </c>
      <c r="H306" s="8" t="s">
        <v>12456</v>
      </c>
      <c r="I306" s="11">
        <v>35696</v>
      </c>
      <c r="J306" s="11">
        <v>43952</v>
      </c>
      <c r="K306" s="11">
        <v>46142</v>
      </c>
    </row>
    <row r="307" spans="1:11" x14ac:dyDescent="0.4">
      <c r="A307" s="8" t="s">
        <v>11818</v>
      </c>
      <c r="B307" s="8" t="s">
        <v>1926</v>
      </c>
      <c r="C307" s="9" t="s">
        <v>12452</v>
      </c>
      <c r="D307" s="9" t="s">
        <v>12453</v>
      </c>
      <c r="E307" s="10"/>
      <c r="F307" s="10" t="s">
        <v>12454</v>
      </c>
      <c r="G307" s="8" t="s">
        <v>12455</v>
      </c>
      <c r="H307" s="8" t="s">
        <v>12457</v>
      </c>
      <c r="I307" s="11">
        <v>35696</v>
      </c>
      <c r="J307" s="11">
        <v>43952</v>
      </c>
      <c r="K307" s="11">
        <v>46142</v>
      </c>
    </row>
    <row r="308" spans="1:11" x14ac:dyDescent="0.4">
      <c r="A308" s="8" t="s">
        <v>11818</v>
      </c>
      <c r="B308" s="8" t="s">
        <v>3441</v>
      </c>
      <c r="C308" s="9" t="s">
        <v>12458</v>
      </c>
      <c r="D308" s="9" t="s">
        <v>12459</v>
      </c>
      <c r="E308" s="10"/>
      <c r="F308" s="10"/>
      <c r="G308" s="8"/>
      <c r="H308" s="8" t="s">
        <v>12460</v>
      </c>
      <c r="I308" s="11">
        <v>35741</v>
      </c>
      <c r="J308" s="11">
        <v>43586</v>
      </c>
      <c r="K308" s="11">
        <v>45777</v>
      </c>
    </row>
    <row r="309" spans="1:11" x14ac:dyDescent="0.4">
      <c r="A309" s="8" t="s">
        <v>11818</v>
      </c>
      <c r="B309" s="8" t="s">
        <v>1926</v>
      </c>
      <c r="C309" s="9" t="s">
        <v>12461</v>
      </c>
      <c r="D309" s="9" t="s">
        <v>12462</v>
      </c>
      <c r="E309" s="10"/>
      <c r="F309" s="10" t="s">
        <v>11593</v>
      </c>
      <c r="G309" s="8" t="s">
        <v>11594</v>
      </c>
      <c r="H309" s="8" t="s">
        <v>12463</v>
      </c>
      <c r="I309" s="11">
        <v>35747</v>
      </c>
      <c r="J309" s="11">
        <v>44105</v>
      </c>
      <c r="K309" s="11">
        <v>46295</v>
      </c>
    </row>
    <row r="310" spans="1:11" x14ac:dyDescent="0.4">
      <c r="A310" s="8" t="s">
        <v>11818</v>
      </c>
      <c r="B310" s="8" t="s">
        <v>3441</v>
      </c>
      <c r="C310" s="9" t="s">
        <v>12461</v>
      </c>
      <c r="D310" s="9" t="s">
        <v>12462</v>
      </c>
      <c r="E310" s="10"/>
      <c r="F310" s="10" t="s">
        <v>11593</v>
      </c>
      <c r="G310" s="8" t="s">
        <v>11594</v>
      </c>
      <c r="H310" s="8" t="s">
        <v>12464</v>
      </c>
      <c r="I310" s="11">
        <v>35747</v>
      </c>
      <c r="J310" s="11">
        <v>44105</v>
      </c>
      <c r="K310" s="11">
        <v>46295</v>
      </c>
    </row>
    <row r="311" spans="1:11" x14ac:dyDescent="0.4">
      <c r="A311" s="8" t="s">
        <v>11818</v>
      </c>
      <c r="B311" s="8" t="s">
        <v>3441</v>
      </c>
      <c r="C311" s="9" t="s">
        <v>12465</v>
      </c>
      <c r="D311" s="9" t="s">
        <v>12466</v>
      </c>
      <c r="E311" s="10"/>
      <c r="F311" s="10" t="s">
        <v>12467</v>
      </c>
      <c r="G311" s="8" t="s">
        <v>12466</v>
      </c>
      <c r="H311" s="8" t="s">
        <v>12468</v>
      </c>
      <c r="I311" s="11">
        <v>35747</v>
      </c>
      <c r="J311" s="11">
        <v>43922</v>
      </c>
      <c r="K311" s="11">
        <v>46112</v>
      </c>
    </row>
    <row r="312" spans="1:11" x14ac:dyDescent="0.4">
      <c r="A312" s="8" t="s">
        <v>11818</v>
      </c>
      <c r="B312" s="8" t="s">
        <v>633</v>
      </c>
      <c r="C312" s="9" t="s">
        <v>12469</v>
      </c>
      <c r="D312" s="9" t="s">
        <v>12470</v>
      </c>
      <c r="E312" s="10"/>
      <c r="F312" s="10" t="s">
        <v>12471</v>
      </c>
      <c r="G312" s="8" t="s">
        <v>12472</v>
      </c>
      <c r="H312" s="8" t="s">
        <v>12473</v>
      </c>
      <c r="I312" s="11">
        <v>35760</v>
      </c>
      <c r="J312" s="11">
        <v>43556</v>
      </c>
      <c r="K312" s="11">
        <v>45747</v>
      </c>
    </row>
    <row r="313" spans="1:11" x14ac:dyDescent="0.4">
      <c r="A313" s="8" t="s">
        <v>11818</v>
      </c>
      <c r="B313" s="8" t="s">
        <v>633</v>
      </c>
      <c r="C313" s="9" t="s">
        <v>12474</v>
      </c>
      <c r="D313" s="9" t="s">
        <v>12475</v>
      </c>
      <c r="E313" s="10" t="s">
        <v>12476</v>
      </c>
      <c r="F313" s="10" t="s">
        <v>2634</v>
      </c>
      <c r="G313" s="8" t="s">
        <v>12325</v>
      </c>
      <c r="H313" s="8" t="s">
        <v>12477</v>
      </c>
      <c r="I313" s="11">
        <v>35828</v>
      </c>
      <c r="J313" s="11">
        <v>43282</v>
      </c>
      <c r="K313" s="11">
        <v>45473</v>
      </c>
    </row>
    <row r="314" spans="1:11" x14ac:dyDescent="0.4">
      <c r="A314" s="8" t="s">
        <v>11818</v>
      </c>
      <c r="B314" s="8" t="s">
        <v>5383</v>
      </c>
      <c r="C314" s="9" t="s">
        <v>12478</v>
      </c>
      <c r="D314" s="9" t="s">
        <v>12479</v>
      </c>
      <c r="E314" s="10"/>
      <c r="F314" s="10" t="s">
        <v>1886</v>
      </c>
      <c r="G314" s="8" t="s">
        <v>12480</v>
      </c>
      <c r="H314" s="8" t="s">
        <v>12481</v>
      </c>
      <c r="I314" s="11">
        <v>35853</v>
      </c>
      <c r="J314" s="11">
        <v>43374</v>
      </c>
      <c r="K314" s="11">
        <v>45565</v>
      </c>
    </row>
    <row r="315" spans="1:11" x14ac:dyDescent="0.4">
      <c r="A315" s="8" t="s">
        <v>11818</v>
      </c>
      <c r="B315" s="8" t="s">
        <v>793</v>
      </c>
      <c r="C315" s="9" t="s">
        <v>12478</v>
      </c>
      <c r="D315" s="9" t="s">
        <v>12479</v>
      </c>
      <c r="E315" s="10"/>
      <c r="F315" s="10" t="s">
        <v>1886</v>
      </c>
      <c r="G315" s="8" t="s">
        <v>12480</v>
      </c>
      <c r="H315" s="8" t="s">
        <v>12482</v>
      </c>
      <c r="I315" s="11">
        <v>35853</v>
      </c>
      <c r="J315" s="11">
        <v>43739</v>
      </c>
      <c r="K315" s="11">
        <v>45930</v>
      </c>
    </row>
    <row r="316" spans="1:11" x14ac:dyDescent="0.4">
      <c r="A316" s="8" t="s">
        <v>11818</v>
      </c>
      <c r="B316" s="8" t="s">
        <v>633</v>
      </c>
      <c r="C316" s="9" t="s">
        <v>12483</v>
      </c>
      <c r="D316" s="9" t="s">
        <v>12484</v>
      </c>
      <c r="E316" s="10"/>
      <c r="F316" s="10" t="s">
        <v>2634</v>
      </c>
      <c r="G316" s="8" t="s">
        <v>12325</v>
      </c>
      <c r="H316" s="8" t="s">
        <v>12485</v>
      </c>
      <c r="I316" s="11">
        <v>35901</v>
      </c>
      <c r="J316" s="11">
        <v>43586</v>
      </c>
      <c r="K316" s="11">
        <v>45777</v>
      </c>
    </row>
    <row r="317" spans="1:11" x14ac:dyDescent="0.4">
      <c r="A317" s="8" t="s">
        <v>11818</v>
      </c>
      <c r="B317" s="8" t="s">
        <v>48</v>
      </c>
      <c r="C317" s="9" t="s">
        <v>12486</v>
      </c>
      <c r="D317" s="9" t="s">
        <v>12487</v>
      </c>
      <c r="E317" s="10"/>
      <c r="F317" s="10"/>
      <c r="G317" s="8"/>
      <c r="H317" s="8" t="s">
        <v>12488</v>
      </c>
      <c r="I317" s="11">
        <v>35933</v>
      </c>
      <c r="J317" s="11">
        <v>43922</v>
      </c>
      <c r="K317" s="11">
        <v>46112</v>
      </c>
    </row>
    <row r="318" spans="1:11" x14ac:dyDescent="0.4">
      <c r="A318" s="8" t="s">
        <v>11818</v>
      </c>
      <c r="B318" s="8" t="s">
        <v>6444</v>
      </c>
      <c r="C318" s="9" t="s">
        <v>12489</v>
      </c>
      <c r="D318" s="9" t="s">
        <v>12490</v>
      </c>
      <c r="E318" s="10"/>
      <c r="F318" s="10"/>
      <c r="G318" s="8"/>
      <c r="H318" s="8" t="s">
        <v>12491</v>
      </c>
      <c r="I318" s="11">
        <v>35987</v>
      </c>
      <c r="J318" s="11">
        <v>43647</v>
      </c>
      <c r="K318" s="11">
        <v>45473</v>
      </c>
    </row>
    <row r="319" spans="1:11" x14ac:dyDescent="0.4">
      <c r="A319" s="8" t="s">
        <v>11818</v>
      </c>
      <c r="B319" s="8" t="s">
        <v>633</v>
      </c>
      <c r="C319" s="9" t="s">
        <v>12492</v>
      </c>
      <c r="D319" s="9" t="s">
        <v>12493</v>
      </c>
      <c r="E319" s="10"/>
      <c r="F319" s="10"/>
      <c r="G319" s="8"/>
      <c r="H319" s="8" t="s">
        <v>12494</v>
      </c>
      <c r="I319" s="11">
        <v>35994</v>
      </c>
      <c r="J319" s="11">
        <v>43800</v>
      </c>
      <c r="K319" s="11">
        <v>45991</v>
      </c>
    </row>
    <row r="320" spans="1:11" x14ac:dyDescent="0.4">
      <c r="A320" s="8" t="s">
        <v>11818</v>
      </c>
      <c r="B320" s="8" t="s">
        <v>48</v>
      </c>
      <c r="C320" s="9" t="s">
        <v>12495</v>
      </c>
      <c r="D320" s="9" t="s">
        <v>12496</v>
      </c>
      <c r="E320" s="10"/>
      <c r="F320" s="10"/>
      <c r="G320" s="8"/>
      <c r="H320" s="8" t="s">
        <v>12497</v>
      </c>
      <c r="I320" s="11">
        <v>36008</v>
      </c>
      <c r="J320" s="11">
        <v>43922</v>
      </c>
      <c r="K320" s="11">
        <v>46112</v>
      </c>
    </row>
    <row r="321" spans="1:11" x14ac:dyDescent="0.4">
      <c r="A321" s="8" t="s">
        <v>11818</v>
      </c>
      <c r="B321" s="8" t="s">
        <v>633</v>
      </c>
      <c r="C321" s="9" t="s">
        <v>12498</v>
      </c>
      <c r="D321" s="9" t="s">
        <v>12499</v>
      </c>
      <c r="E321" s="10" t="s">
        <v>12500</v>
      </c>
      <c r="F321" s="10" t="s">
        <v>3976</v>
      </c>
      <c r="G321" s="8" t="s">
        <v>12501</v>
      </c>
      <c r="H321" s="8" t="s">
        <v>12502</v>
      </c>
      <c r="I321" s="11">
        <v>36024</v>
      </c>
      <c r="J321" s="11">
        <v>43983</v>
      </c>
      <c r="K321" s="11">
        <v>46173</v>
      </c>
    </row>
    <row r="322" spans="1:11" x14ac:dyDescent="0.4">
      <c r="A322" s="8" t="s">
        <v>11818</v>
      </c>
      <c r="B322" s="8" t="s">
        <v>633</v>
      </c>
      <c r="C322" s="9" t="s">
        <v>12503</v>
      </c>
      <c r="D322" s="9" t="s">
        <v>12504</v>
      </c>
      <c r="E322" s="10" t="s">
        <v>12505</v>
      </c>
      <c r="F322" s="10" t="s">
        <v>12506</v>
      </c>
      <c r="G322" s="8" t="s">
        <v>12507</v>
      </c>
      <c r="H322" s="8" t="s">
        <v>12508</v>
      </c>
      <c r="I322" s="11">
        <v>36013</v>
      </c>
      <c r="J322" s="11">
        <v>43800</v>
      </c>
      <c r="K322" s="11">
        <v>45991</v>
      </c>
    </row>
    <row r="323" spans="1:11" x14ac:dyDescent="0.4">
      <c r="A323" s="8" t="s">
        <v>11818</v>
      </c>
      <c r="B323" s="8" t="s">
        <v>633</v>
      </c>
      <c r="C323" s="9" t="s">
        <v>12503</v>
      </c>
      <c r="D323" s="9" t="s">
        <v>12509</v>
      </c>
      <c r="E323" s="10" t="s">
        <v>12510</v>
      </c>
      <c r="F323" s="10" t="s">
        <v>12506</v>
      </c>
      <c r="G323" s="8" t="s">
        <v>12511</v>
      </c>
      <c r="H323" s="8" t="s">
        <v>12512</v>
      </c>
      <c r="I323" s="11">
        <v>36014</v>
      </c>
      <c r="J323" s="11">
        <v>43739</v>
      </c>
      <c r="K323" s="11">
        <v>45930</v>
      </c>
    </row>
    <row r="324" spans="1:11" x14ac:dyDescent="0.4">
      <c r="A324" s="8" t="s">
        <v>11818</v>
      </c>
      <c r="B324" s="8" t="s">
        <v>2044</v>
      </c>
      <c r="C324" s="9" t="s">
        <v>12513</v>
      </c>
      <c r="D324" s="9" t="s">
        <v>12514</v>
      </c>
      <c r="E324" s="10"/>
      <c r="F324" s="10" t="s">
        <v>1310</v>
      </c>
      <c r="G324" s="8" t="s">
        <v>12514</v>
      </c>
      <c r="H324" s="8" t="s">
        <v>12515</v>
      </c>
      <c r="I324" s="11">
        <v>36069</v>
      </c>
      <c r="J324" s="11">
        <v>44136</v>
      </c>
      <c r="K324" s="11">
        <v>46326</v>
      </c>
    </row>
    <row r="325" spans="1:11" x14ac:dyDescent="0.4">
      <c r="A325" s="8" t="s">
        <v>11818</v>
      </c>
      <c r="B325" s="8" t="s">
        <v>3441</v>
      </c>
      <c r="C325" s="9" t="s">
        <v>12516</v>
      </c>
      <c r="D325" s="9" t="s">
        <v>12517</v>
      </c>
      <c r="E325" s="10" t="s">
        <v>9431</v>
      </c>
      <c r="F325" s="10" t="s">
        <v>12518</v>
      </c>
      <c r="G325" s="8" t="s">
        <v>12519</v>
      </c>
      <c r="H325" s="8" t="s">
        <v>12520</v>
      </c>
      <c r="I325" s="11">
        <v>36083</v>
      </c>
      <c r="J325" s="11">
        <v>43952</v>
      </c>
      <c r="K325" s="11">
        <v>46142</v>
      </c>
    </row>
    <row r="326" spans="1:11" x14ac:dyDescent="0.4">
      <c r="A326" s="8" t="s">
        <v>11818</v>
      </c>
      <c r="B326" s="8" t="s">
        <v>2044</v>
      </c>
      <c r="C326" s="9" t="s">
        <v>12521</v>
      </c>
      <c r="D326" s="9" t="s">
        <v>12517</v>
      </c>
      <c r="E326" s="10" t="s">
        <v>12522</v>
      </c>
      <c r="F326" s="10" t="s">
        <v>4038</v>
      </c>
      <c r="G326" s="8" t="s">
        <v>12523</v>
      </c>
      <c r="H326" s="8" t="s">
        <v>12524</v>
      </c>
      <c r="I326" s="11">
        <v>36083</v>
      </c>
      <c r="J326" s="11">
        <v>43952</v>
      </c>
      <c r="K326" s="11">
        <v>46142</v>
      </c>
    </row>
    <row r="327" spans="1:11" x14ac:dyDescent="0.4">
      <c r="A327" s="8" t="s">
        <v>11818</v>
      </c>
      <c r="B327" s="8" t="s">
        <v>2044</v>
      </c>
      <c r="C327" s="9" t="s">
        <v>12525</v>
      </c>
      <c r="D327" s="9" t="s">
        <v>12526</v>
      </c>
      <c r="E327" s="10" t="s">
        <v>12527</v>
      </c>
      <c r="F327" s="10"/>
      <c r="G327" s="8"/>
      <c r="H327" s="8" t="s">
        <v>12528</v>
      </c>
      <c r="I327" s="11">
        <v>36083</v>
      </c>
      <c r="J327" s="11">
        <v>43952</v>
      </c>
      <c r="K327" s="11">
        <v>46142</v>
      </c>
    </row>
    <row r="328" spans="1:11" x14ac:dyDescent="0.4">
      <c r="A328" s="8" t="s">
        <v>11818</v>
      </c>
      <c r="B328" s="8" t="s">
        <v>1926</v>
      </c>
      <c r="C328" s="9" t="s">
        <v>12529</v>
      </c>
      <c r="D328" s="9" t="s">
        <v>12530</v>
      </c>
      <c r="E328" s="10"/>
      <c r="F328" s="10" t="s">
        <v>12531</v>
      </c>
      <c r="G328" s="8" t="s">
        <v>12532</v>
      </c>
      <c r="H328" s="8" t="s">
        <v>12533</v>
      </c>
      <c r="I328" s="11">
        <v>36083</v>
      </c>
      <c r="J328" s="11">
        <v>43952</v>
      </c>
      <c r="K328" s="11">
        <v>46142</v>
      </c>
    </row>
    <row r="329" spans="1:11" x14ac:dyDescent="0.4">
      <c r="A329" s="8" t="s">
        <v>11818</v>
      </c>
      <c r="B329" s="8" t="s">
        <v>633</v>
      </c>
      <c r="C329" s="9" t="s">
        <v>12534</v>
      </c>
      <c r="D329" s="9" t="s">
        <v>12535</v>
      </c>
      <c r="E329" s="10"/>
      <c r="F329" s="10" t="s">
        <v>12536</v>
      </c>
      <c r="G329" s="8" t="s">
        <v>12537</v>
      </c>
      <c r="H329" s="8" t="s">
        <v>12538</v>
      </c>
      <c r="I329" s="11">
        <v>36092</v>
      </c>
      <c r="J329" s="11">
        <v>43952</v>
      </c>
      <c r="K329" s="11">
        <v>46142</v>
      </c>
    </row>
    <row r="330" spans="1:11" x14ac:dyDescent="0.4">
      <c r="A330" s="8" t="s">
        <v>11818</v>
      </c>
      <c r="B330" s="8" t="s">
        <v>48</v>
      </c>
      <c r="C330" s="9" t="s">
        <v>12539</v>
      </c>
      <c r="D330" s="9" t="s">
        <v>12540</v>
      </c>
      <c r="E330" s="10" t="s">
        <v>12541</v>
      </c>
      <c r="F330" s="10"/>
      <c r="G330" s="8"/>
      <c r="H330" s="8" t="s">
        <v>12542</v>
      </c>
      <c r="I330" s="11">
        <v>36096</v>
      </c>
      <c r="J330" s="11">
        <v>43800</v>
      </c>
      <c r="K330" s="11">
        <v>45991</v>
      </c>
    </row>
    <row r="331" spans="1:11" x14ac:dyDescent="0.4">
      <c r="A331" s="8" t="s">
        <v>11818</v>
      </c>
      <c r="B331" s="8" t="s">
        <v>633</v>
      </c>
      <c r="C331" s="9" t="s">
        <v>12543</v>
      </c>
      <c r="D331" s="9" t="s">
        <v>12544</v>
      </c>
      <c r="E331" s="10"/>
      <c r="F331" s="10"/>
      <c r="G331" s="8"/>
      <c r="H331" s="8" t="s">
        <v>12545</v>
      </c>
      <c r="I331" s="11">
        <v>36111</v>
      </c>
      <c r="J331" s="11">
        <v>44105</v>
      </c>
      <c r="K331" s="11">
        <v>46295</v>
      </c>
    </row>
    <row r="332" spans="1:11" x14ac:dyDescent="0.4">
      <c r="A332" s="8" t="s">
        <v>11818</v>
      </c>
      <c r="B332" s="8" t="s">
        <v>698</v>
      </c>
      <c r="C332" s="9" t="s">
        <v>12546</v>
      </c>
      <c r="D332" s="9" t="s">
        <v>12547</v>
      </c>
      <c r="E332" s="10"/>
      <c r="F332" s="10"/>
      <c r="G332" s="8"/>
      <c r="H332" s="8" t="s">
        <v>12548</v>
      </c>
      <c r="I332" s="11">
        <v>36111</v>
      </c>
      <c r="J332" s="11">
        <v>43983</v>
      </c>
      <c r="K332" s="11">
        <v>46173</v>
      </c>
    </row>
    <row r="333" spans="1:11" x14ac:dyDescent="0.4">
      <c r="A333" s="8" t="s">
        <v>11818</v>
      </c>
      <c r="B333" s="8" t="s">
        <v>2044</v>
      </c>
      <c r="C333" s="9" t="s">
        <v>12549</v>
      </c>
      <c r="D333" s="9" t="s">
        <v>12517</v>
      </c>
      <c r="E333" s="10" t="s">
        <v>12522</v>
      </c>
      <c r="F333" s="10" t="s">
        <v>7974</v>
      </c>
      <c r="G333" s="8" t="s">
        <v>12550</v>
      </c>
      <c r="H333" s="8" t="s">
        <v>12551</v>
      </c>
      <c r="I333" s="11">
        <v>36129</v>
      </c>
      <c r="J333" s="11">
        <v>43952</v>
      </c>
      <c r="K333" s="11">
        <v>46142</v>
      </c>
    </row>
    <row r="334" spans="1:11" x14ac:dyDescent="0.4">
      <c r="A334" s="8" t="s">
        <v>11818</v>
      </c>
      <c r="B334" s="8" t="s">
        <v>9278</v>
      </c>
      <c r="C334" s="9" t="s">
        <v>12552</v>
      </c>
      <c r="D334" s="9" t="s">
        <v>12553</v>
      </c>
      <c r="E334" s="10"/>
      <c r="F334" s="10" t="s">
        <v>12554</v>
      </c>
      <c r="G334" s="8" t="s">
        <v>12555</v>
      </c>
      <c r="H334" s="8" t="s">
        <v>12556</v>
      </c>
      <c r="I334" s="11">
        <v>36125</v>
      </c>
      <c r="J334" s="11">
        <v>43770</v>
      </c>
      <c r="K334" s="11">
        <v>45596</v>
      </c>
    </row>
    <row r="335" spans="1:11" x14ac:dyDescent="0.4">
      <c r="A335" s="8" t="s">
        <v>11818</v>
      </c>
      <c r="B335" s="8" t="s">
        <v>48</v>
      </c>
      <c r="C335" s="9" t="s">
        <v>12557</v>
      </c>
      <c r="D335" s="9" t="s">
        <v>12558</v>
      </c>
      <c r="E335" s="10" t="s">
        <v>12559</v>
      </c>
      <c r="F335" s="10"/>
      <c r="G335" s="8"/>
      <c r="H335" s="8" t="s">
        <v>12560</v>
      </c>
      <c r="I335" s="11">
        <v>36131</v>
      </c>
      <c r="J335" s="11">
        <v>43800</v>
      </c>
      <c r="K335" s="11">
        <v>45626</v>
      </c>
    </row>
    <row r="336" spans="1:11" x14ac:dyDescent="0.4">
      <c r="A336" s="8" t="s">
        <v>11818</v>
      </c>
      <c r="B336" s="8" t="s">
        <v>48</v>
      </c>
      <c r="C336" s="9" t="s">
        <v>12561</v>
      </c>
      <c r="D336" s="9" t="s">
        <v>12562</v>
      </c>
      <c r="E336" s="10" t="s">
        <v>12563</v>
      </c>
      <c r="F336" s="10"/>
      <c r="G336" s="8"/>
      <c r="H336" s="8" t="s">
        <v>12564</v>
      </c>
      <c r="I336" s="11">
        <v>36192</v>
      </c>
      <c r="J336" s="11">
        <v>43739</v>
      </c>
      <c r="K336" s="11">
        <v>45565</v>
      </c>
    </row>
    <row r="337" spans="1:11" x14ac:dyDescent="0.4">
      <c r="A337" s="8" t="s">
        <v>11818</v>
      </c>
      <c r="B337" s="8" t="s">
        <v>48</v>
      </c>
      <c r="C337" s="9" t="s">
        <v>12565</v>
      </c>
      <c r="D337" s="9" t="s">
        <v>12566</v>
      </c>
      <c r="E337" s="10" t="s">
        <v>12567</v>
      </c>
      <c r="F337" s="10"/>
      <c r="G337" s="8"/>
      <c r="H337" s="8" t="s">
        <v>12568</v>
      </c>
      <c r="I337" s="11">
        <v>36228</v>
      </c>
      <c r="J337" s="11">
        <v>43800</v>
      </c>
      <c r="K337" s="11">
        <v>45626</v>
      </c>
    </row>
    <row r="338" spans="1:11" x14ac:dyDescent="0.4">
      <c r="A338" s="8" t="s">
        <v>11818</v>
      </c>
      <c r="B338" s="8" t="s">
        <v>633</v>
      </c>
      <c r="C338" s="9" t="s">
        <v>11406</v>
      </c>
      <c r="D338" s="9" t="s">
        <v>11407</v>
      </c>
      <c r="E338" s="10"/>
      <c r="F338" s="10" t="s">
        <v>11408</v>
      </c>
      <c r="G338" s="8" t="s">
        <v>11407</v>
      </c>
      <c r="H338" s="8" t="s">
        <v>12569</v>
      </c>
      <c r="I338" s="11">
        <v>36237</v>
      </c>
      <c r="J338" s="11">
        <v>44136</v>
      </c>
      <c r="K338" s="11">
        <v>46326</v>
      </c>
    </row>
    <row r="339" spans="1:11" x14ac:dyDescent="0.4">
      <c r="A339" s="8" t="s">
        <v>11818</v>
      </c>
      <c r="B339" s="8" t="s">
        <v>2044</v>
      </c>
      <c r="C339" s="9" t="s">
        <v>12570</v>
      </c>
      <c r="D339" s="9" t="s">
        <v>12438</v>
      </c>
      <c r="E339" s="10"/>
      <c r="F339" s="10" t="s">
        <v>12571</v>
      </c>
      <c r="G339" s="8" t="s">
        <v>12293</v>
      </c>
      <c r="H339" s="8" t="s">
        <v>12572</v>
      </c>
      <c r="I339" s="11">
        <v>36251</v>
      </c>
      <c r="J339" s="11">
        <v>44013</v>
      </c>
      <c r="K339" s="11">
        <v>46203</v>
      </c>
    </row>
    <row r="340" spans="1:11" x14ac:dyDescent="0.4">
      <c r="A340" s="8" t="s">
        <v>11818</v>
      </c>
      <c r="B340" s="8" t="s">
        <v>48</v>
      </c>
      <c r="C340" s="9" t="s">
        <v>12573</v>
      </c>
      <c r="D340" s="9" t="s">
        <v>12574</v>
      </c>
      <c r="E340" s="10"/>
      <c r="F340" s="10"/>
      <c r="G340" s="8"/>
      <c r="H340" s="8" t="s">
        <v>12575</v>
      </c>
      <c r="I340" s="11">
        <v>36272</v>
      </c>
      <c r="J340" s="11">
        <v>43922</v>
      </c>
      <c r="K340" s="11">
        <v>45747</v>
      </c>
    </row>
    <row r="341" spans="1:11" x14ac:dyDescent="0.4">
      <c r="A341" s="8" t="s">
        <v>11818</v>
      </c>
      <c r="B341" s="8" t="s">
        <v>3083</v>
      </c>
      <c r="C341" s="9" t="s">
        <v>12576</v>
      </c>
      <c r="D341" s="9" t="s">
        <v>12577</v>
      </c>
      <c r="E341" s="10"/>
      <c r="F341" s="10"/>
      <c r="G341" s="8"/>
      <c r="H341" s="8" t="s">
        <v>12578</v>
      </c>
      <c r="I341" s="11">
        <v>36342</v>
      </c>
      <c r="J341" s="11">
        <v>43952</v>
      </c>
      <c r="K341" s="11">
        <v>45777</v>
      </c>
    </row>
    <row r="342" spans="1:11" x14ac:dyDescent="0.4">
      <c r="A342" s="8" t="s">
        <v>11818</v>
      </c>
      <c r="B342" s="8" t="s">
        <v>1926</v>
      </c>
      <c r="C342" s="9" t="s">
        <v>12579</v>
      </c>
      <c r="D342" s="9" t="s">
        <v>12580</v>
      </c>
      <c r="E342" s="10"/>
      <c r="F342" s="10" t="s">
        <v>12579</v>
      </c>
      <c r="G342" s="8" t="s">
        <v>12580</v>
      </c>
      <c r="H342" s="8" t="s">
        <v>12581</v>
      </c>
      <c r="I342" s="11">
        <v>36343</v>
      </c>
      <c r="J342" s="11">
        <v>44105</v>
      </c>
      <c r="K342" s="11">
        <v>45930</v>
      </c>
    </row>
    <row r="343" spans="1:11" x14ac:dyDescent="0.4">
      <c r="A343" s="8" t="s">
        <v>11818</v>
      </c>
      <c r="B343" s="8" t="s">
        <v>48</v>
      </c>
      <c r="C343" s="9" t="s">
        <v>12582</v>
      </c>
      <c r="D343" s="9" t="s">
        <v>12583</v>
      </c>
      <c r="E343" s="10"/>
      <c r="F343" s="10"/>
      <c r="G343" s="8"/>
      <c r="H343" s="8" t="s">
        <v>12584</v>
      </c>
      <c r="I343" s="11">
        <v>36367</v>
      </c>
      <c r="J343" s="11">
        <v>44378</v>
      </c>
      <c r="K343" s="11">
        <v>46203</v>
      </c>
    </row>
    <row r="344" spans="1:11" x14ac:dyDescent="0.4">
      <c r="A344" s="8" t="s">
        <v>11818</v>
      </c>
      <c r="B344" s="8" t="s">
        <v>48</v>
      </c>
      <c r="C344" s="9" t="s">
        <v>12585</v>
      </c>
      <c r="D344" s="9" t="s">
        <v>12586</v>
      </c>
      <c r="E344" s="10"/>
      <c r="F344" s="10" t="s">
        <v>12587</v>
      </c>
      <c r="G344" s="8" t="s">
        <v>12586</v>
      </c>
      <c r="H344" s="8" t="s">
        <v>12588</v>
      </c>
      <c r="I344" s="11">
        <v>36374</v>
      </c>
      <c r="J344" s="11">
        <v>43739</v>
      </c>
      <c r="K344" s="11">
        <v>45930</v>
      </c>
    </row>
    <row r="345" spans="1:11" x14ac:dyDescent="0.4">
      <c r="A345" s="8" t="s">
        <v>11818</v>
      </c>
      <c r="B345" s="8" t="s">
        <v>48</v>
      </c>
      <c r="C345" s="9" t="s">
        <v>12589</v>
      </c>
      <c r="D345" s="9" t="s">
        <v>12590</v>
      </c>
      <c r="E345" s="10" t="s">
        <v>12591</v>
      </c>
      <c r="F345" s="10"/>
      <c r="G345" s="8"/>
      <c r="H345" s="8" t="s">
        <v>12592</v>
      </c>
      <c r="I345" s="11">
        <v>36416</v>
      </c>
      <c r="J345" s="11">
        <v>43800</v>
      </c>
      <c r="K345" s="11">
        <v>45626</v>
      </c>
    </row>
    <row r="346" spans="1:11" x14ac:dyDescent="0.4">
      <c r="A346" s="8" t="s">
        <v>11818</v>
      </c>
      <c r="B346" s="8" t="s">
        <v>633</v>
      </c>
      <c r="C346" s="9" t="s">
        <v>12593</v>
      </c>
      <c r="D346" s="9" t="s">
        <v>12594</v>
      </c>
      <c r="E346" s="10"/>
      <c r="F346" s="10"/>
      <c r="G346" s="8"/>
      <c r="H346" s="8" t="s">
        <v>12595</v>
      </c>
      <c r="I346" s="11">
        <v>36425</v>
      </c>
      <c r="J346" s="11">
        <v>44136</v>
      </c>
      <c r="K346" s="11">
        <v>46326</v>
      </c>
    </row>
    <row r="347" spans="1:11" x14ac:dyDescent="0.4">
      <c r="A347" s="8" t="s">
        <v>11818</v>
      </c>
      <c r="B347" s="8" t="s">
        <v>793</v>
      </c>
      <c r="C347" s="9" t="s">
        <v>12596</v>
      </c>
      <c r="D347" s="9" t="s">
        <v>12594</v>
      </c>
      <c r="E347" s="10"/>
      <c r="F347" s="10"/>
      <c r="G347" s="8"/>
      <c r="H347" s="8" t="s">
        <v>12597</v>
      </c>
      <c r="I347" s="11">
        <v>36425</v>
      </c>
      <c r="J347" s="11">
        <v>44136</v>
      </c>
      <c r="K347" s="11">
        <v>46326</v>
      </c>
    </row>
    <row r="348" spans="1:11" x14ac:dyDescent="0.4">
      <c r="A348" s="8" t="s">
        <v>11818</v>
      </c>
      <c r="B348" s="8" t="s">
        <v>48</v>
      </c>
      <c r="C348" s="9" t="s">
        <v>12598</v>
      </c>
      <c r="D348" s="9" t="s">
        <v>12599</v>
      </c>
      <c r="E348" s="10" t="s">
        <v>12600</v>
      </c>
      <c r="F348" s="10"/>
      <c r="G348" s="8"/>
      <c r="H348" s="8" t="s">
        <v>12601</v>
      </c>
      <c r="I348" s="11">
        <v>36433</v>
      </c>
      <c r="J348" s="11">
        <v>44166</v>
      </c>
      <c r="K348" s="11">
        <v>46356</v>
      </c>
    </row>
    <row r="349" spans="1:11" x14ac:dyDescent="0.4">
      <c r="A349" s="8" t="s">
        <v>11818</v>
      </c>
      <c r="B349" s="8" t="s">
        <v>633</v>
      </c>
      <c r="C349" s="9" t="s">
        <v>12602</v>
      </c>
      <c r="D349" s="9" t="s">
        <v>12603</v>
      </c>
      <c r="E349" s="10"/>
      <c r="F349" s="10" t="s">
        <v>12604</v>
      </c>
      <c r="G349" s="8" t="s">
        <v>12603</v>
      </c>
      <c r="H349" s="8" t="s">
        <v>12605</v>
      </c>
      <c r="I349" s="11">
        <v>36434</v>
      </c>
      <c r="J349" s="11">
        <v>43770</v>
      </c>
      <c r="K349" s="11">
        <v>45596</v>
      </c>
    </row>
    <row r="350" spans="1:11" x14ac:dyDescent="0.4">
      <c r="A350" s="8" t="s">
        <v>11818</v>
      </c>
      <c r="B350" s="8" t="s">
        <v>48</v>
      </c>
      <c r="C350" s="9" t="s">
        <v>12606</v>
      </c>
      <c r="D350" s="9" t="s">
        <v>12607</v>
      </c>
      <c r="E350" s="10" t="s">
        <v>12608</v>
      </c>
      <c r="F350" s="10"/>
      <c r="G350" s="8"/>
      <c r="H350" s="8" t="s">
        <v>12609</v>
      </c>
      <c r="I350" s="11">
        <v>36511</v>
      </c>
      <c r="J350" s="11">
        <v>44105</v>
      </c>
      <c r="K350" s="11">
        <v>45930</v>
      </c>
    </row>
    <row r="351" spans="1:11" x14ac:dyDescent="0.4">
      <c r="A351" s="8" t="s">
        <v>11818</v>
      </c>
      <c r="B351" s="8" t="s">
        <v>48</v>
      </c>
      <c r="C351" s="9" t="s">
        <v>12610</v>
      </c>
      <c r="D351" s="9" t="s">
        <v>12611</v>
      </c>
      <c r="E351" s="10" t="s">
        <v>12612</v>
      </c>
      <c r="F351" s="10"/>
      <c r="G351" s="8"/>
      <c r="H351" s="8" t="s">
        <v>12613</v>
      </c>
      <c r="I351" s="11">
        <v>36539</v>
      </c>
      <c r="J351" s="11">
        <v>44166</v>
      </c>
      <c r="K351" s="11">
        <v>45991</v>
      </c>
    </row>
    <row r="352" spans="1:11" x14ac:dyDescent="0.4">
      <c r="A352" s="8" t="s">
        <v>11818</v>
      </c>
      <c r="B352" s="8" t="s">
        <v>633</v>
      </c>
      <c r="C352" s="9" t="s">
        <v>11245</v>
      </c>
      <c r="D352" s="9" t="s">
        <v>12614</v>
      </c>
      <c r="E352" s="10"/>
      <c r="F352" s="10"/>
      <c r="G352" s="8"/>
      <c r="H352" s="8" t="s">
        <v>12615</v>
      </c>
      <c r="I352" s="11">
        <v>36574</v>
      </c>
      <c r="J352" s="11">
        <v>43282</v>
      </c>
      <c r="K352" s="11">
        <v>45473</v>
      </c>
    </row>
    <row r="353" spans="1:11" x14ac:dyDescent="0.4">
      <c r="A353" s="8" t="s">
        <v>11818</v>
      </c>
      <c r="B353" s="8" t="s">
        <v>9278</v>
      </c>
      <c r="C353" s="9" t="s">
        <v>12616</v>
      </c>
      <c r="D353" s="9" t="s">
        <v>12617</v>
      </c>
      <c r="E353" s="10"/>
      <c r="F353" s="10"/>
      <c r="G353" s="8"/>
      <c r="H353" s="8" t="s">
        <v>12618</v>
      </c>
      <c r="I353" s="11">
        <v>36620</v>
      </c>
      <c r="J353" s="11">
        <v>44136</v>
      </c>
      <c r="K353" s="11">
        <v>45961</v>
      </c>
    </row>
    <row r="354" spans="1:11" x14ac:dyDescent="0.4">
      <c r="A354" s="8" t="s">
        <v>11818</v>
      </c>
      <c r="B354" s="8" t="s">
        <v>633</v>
      </c>
      <c r="C354" s="9" t="s">
        <v>12619</v>
      </c>
      <c r="D354" s="9" t="s">
        <v>12620</v>
      </c>
      <c r="E354" s="10"/>
      <c r="F354" s="10" t="s">
        <v>12621</v>
      </c>
      <c r="G354" s="8" t="s">
        <v>12620</v>
      </c>
      <c r="H354" s="8" t="s">
        <v>12622</v>
      </c>
      <c r="I354" s="11">
        <v>36635</v>
      </c>
      <c r="J354" s="11">
        <v>44287</v>
      </c>
      <c r="K354" s="11">
        <v>46112</v>
      </c>
    </row>
    <row r="355" spans="1:11" x14ac:dyDescent="0.4">
      <c r="A355" s="8" t="s">
        <v>11818</v>
      </c>
      <c r="B355" s="8" t="s">
        <v>48</v>
      </c>
      <c r="C355" s="9" t="s">
        <v>12623</v>
      </c>
      <c r="D355" s="9" t="s">
        <v>12624</v>
      </c>
      <c r="E355" s="10"/>
      <c r="F355" s="10"/>
      <c r="G355" s="8"/>
      <c r="H355" s="8" t="s">
        <v>12625</v>
      </c>
      <c r="I355" s="11">
        <v>36623</v>
      </c>
      <c r="J355" s="11">
        <v>43952</v>
      </c>
      <c r="K355" s="11">
        <v>45777</v>
      </c>
    </row>
    <row r="356" spans="1:11" x14ac:dyDescent="0.4">
      <c r="A356" s="8" t="s">
        <v>11818</v>
      </c>
      <c r="B356" s="8" t="s">
        <v>3441</v>
      </c>
      <c r="C356" s="9" t="s">
        <v>12626</v>
      </c>
      <c r="D356" s="9" t="s">
        <v>12627</v>
      </c>
      <c r="E356" s="10" t="s">
        <v>263</v>
      </c>
      <c r="F356" s="10" t="s">
        <v>12518</v>
      </c>
      <c r="G356" s="8" t="s">
        <v>12519</v>
      </c>
      <c r="H356" s="8" t="s">
        <v>12628</v>
      </c>
      <c r="I356" s="11">
        <v>36677</v>
      </c>
      <c r="J356" s="11">
        <v>43374</v>
      </c>
      <c r="K356" s="11">
        <v>45565</v>
      </c>
    </row>
    <row r="357" spans="1:11" x14ac:dyDescent="0.4">
      <c r="A357" s="8" t="s">
        <v>11818</v>
      </c>
      <c r="B357" s="8" t="s">
        <v>9278</v>
      </c>
      <c r="C357" s="9" t="s">
        <v>12629</v>
      </c>
      <c r="D357" s="9" t="s">
        <v>12630</v>
      </c>
      <c r="E357" s="10"/>
      <c r="F357" s="10" t="s">
        <v>12631</v>
      </c>
      <c r="G357" s="8" t="s">
        <v>12632</v>
      </c>
      <c r="H357" s="8" t="s">
        <v>12633</v>
      </c>
      <c r="I357" s="11">
        <v>36724</v>
      </c>
      <c r="J357" s="11">
        <v>44317</v>
      </c>
      <c r="K357" s="11">
        <v>46142</v>
      </c>
    </row>
    <row r="358" spans="1:11" x14ac:dyDescent="0.4">
      <c r="A358" s="8" t="s">
        <v>11818</v>
      </c>
      <c r="B358" s="8" t="s">
        <v>48</v>
      </c>
      <c r="C358" s="9" t="s">
        <v>12634</v>
      </c>
      <c r="D358" s="9" t="s">
        <v>12635</v>
      </c>
      <c r="E358" s="10" t="s">
        <v>12636</v>
      </c>
      <c r="F358" s="10"/>
      <c r="G358" s="8"/>
      <c r="H358" s="8" t="s">
        <v>12637</v>
      </c>
      <c r="I358" s="11">
        <v>36724</v>
      </c>
      <c r="J358" s="11">
        <v>44166</v>
      </c>
      <c r="K358" s="11">
        <v>45991</v>
      </c>
    </row>
    <row r="359" spans="1:11" x14ac:dyDescent="0.4">
      <c r="A359" s="8" t="s">
        <v>11818</v>
      </c>
      <c r="B359" s="8" t="s">
        <v>793</v>
      </c>
      <c r="C359" s="9" t="s">
        <v>12638</v>
      </c>
      <c r="D359" s="9" t="s">
        <v>12639</v>
      </c>
      <c r="E359" s="10"/>
      <c r="F359" s="10"/>
      <c r="G359" s="8"/>
      <c r="H359" s="8" t="s">
        <v>12640</v>
      </c>
      <c r="I359" s="11">
        <v>36776</v>
      </c>
      <c r="J359" s="11">
        <v>44317</v>
      </c>
      <c r="K359" s="11">
        <v>46142</v>
      </c>
    </row>
    <row r="360" spans="1:11" x14ac:dyDescent="0.4">
      <c r="A360" s="8" t="s">
        <v>11818</v>
      </c>
      <c r="B360" s="8" t="s">
        <v>9278</v>
      </c>
      <c r="C360" s="9" t="s">
        <v>12641</v>
      </c>
      <c r="D360" s="9" t="s">
        <v>12642</v>
      </c>
      <c r="E360" s="10"/>
      <c r="F360" s="10"/>
      <c r="G360" s="8"/>
      <c r="H360" s="8" t="s">
        <v>12643</v>
      </c>
      <c r="I360" s="11">
        <v>36817</v>
      </c>
      <c r="J360" s="11">
        <v>43556</v>
      </c>
      <c r="K360" s="11">
        <v>45747</v>
      </c>
    </row>
    <row r="361" spans="1:11" x14ac:dyDescent="0.4">
      <c r="A361" s="8" t="s">
        <v>11818</v>
      </c>
      <c r="B361" s="8" t="s">
        <v>48</v>
      </c>
      <c r="C361" s="9" t="s">
        <v>12644</v>
      </c>
      <c r="D361" s="9" t="s">
        <v>12645</v>
      </c>
      <c r="E361" s="10" t="s">
        <v>12646</v>
      </c>
      <c r="F361" s="10"/>
      <c r="G361" s="8"/>
      <c r="H361" s="8" t="s">
        <v>12647</v>
      </c>
      <c r="I361" s="11">
        <v>36836</v>
      </c>
      <c r="J361" s="11">
        <v>44166</v>
      </c>
      <c r="K361" s="11">
        <v>45991</v>
      </c>
    </row>
    <row r="362" spans="1:11" x14ac:dyDescent="0.4">
      <c r="A362" s="8" t="s">
        <v>11818</v>
      </c>
      <c r="B362" s="8" t="s">
        <v>9278</v>
      </c>
      <c r="C362" s="9" t="s">
        <v>12648</v>
      </c>
      <c r="D362" s="9" t="s">
        <v>12649</v>
      </c>
      <c r="E362" s="10"/>
      <c r="F362" s="10" t="s">
        <v>5307</v>
      </c>
      <c r="G362" s="8" t="s">
        <v>12650</v>
      </c>
      <c r="H362" s="8" t="s">
        <v>12651</v>
      </c>
      <c r="I362" s="11">
        <v>36857</v>
      </c>
      <c r="J362" s="11">
        <v>43617</v>
      </c>
      <c r="K362" s="11">
        <v>45808</v>
      </c>
    </row>
    <row r="363" spans="1:11" x14ac:dyDescent="0.4">
      <c r="A363" s="8" t="s">
        <v>11818</v>
      </c>
      <c r="B363" s="8" t="s">
        <v>633</v>
      </c>
      <c r="C363" s="9" t="s">
        <v>12652</v>
      </c>
      <c r="D363" s="9" t="s">
        <v>12653</v>
      </c>
      <c r="E363" s="10"/>
      <c r="F363" s="10" t="s">
        <v>11540</v>
      </c>
      <c r="G363" s="8" t="s">
        <v>11542</v>
      </c>
      <c r="H363" s="8" t="s">
        <v>12654</v>
      </c>
      <c r="I363" s="11">
        <v>36880</v>
      </c>
      <c r="J363" s="11">
        <v>43374</v>
      </c>
      <c r="K363" s="11">
        <v>45565</v>
      </c>
    </row>
    <row r="364" spans="1:11" x14ac:dyDescent="0.4">
      <c r="A364" s="8" t="s">
        <v>11818</v>
      </c>
      <c r="B364" s="8" t="s">
        <v>5383</v>
      </c>
      <c r="C364" s="9" t="s">
        <v>12655</v>
      </c>
      <c r="D364" s="9" t="s">
        <v>12656</v>
      </c>
      <c r="E364" s="10"/>
      <c r="F364" s="10" t="s">
        <v>12657</v>
      </c>
      <c r="G364" s="8" t="s">
        <v>12658</v>
      </c>
      <c r="H364" s="8" t="s">
        <v>12659</v>
      </c>
      <c r="I364" s="11">
        <v>36951</v>
      </c>
      <c r="J364" s="11">
        <v>44287</v>
      </c>
      <c r="K364" s="11">
        <v>46112</v>
      </c>
    </row>
    <row r="365" spans="1:11" x14ac:dyDescent="0.4">
      <c r="A365" s="8" t="s">
        <v>11818</v>
      </c>
      <c r="B365" s="8" t="s">
        <v>633</v>
      </c>
      <c r="C365" s="9" t="s">
        <v>12660</v>
      </c>
      <c r="D365" s="9" t="s">
        <v>12661</v>
      </c>
      <c r="E365" s="10"/>
      <c r="F365" s="10" t="s">
        <v>6000</v>
      </c>
      <c r="G365" s="8" t="s">
        <v>11961</v>
      </c>
      <c r="H365" s="8" t="s">
        <v>12662</v>
      </c>
      <c r="I365" s="11">
        <v>36976</v>
      </c>
      <c r="J365" s="11">
        <v>43556</v>
      </c>
      <c r="K365" s="11">
        <v>45747</v>
      </c>
    </row>
    <row r="366" spans="1:11" x14ac:dyDescent="0.4">
      <c r="A366" s="8" t="s">
        <v>11818</v>
      </c>
      <c r="B366" s="8" t="s">
        <v>48</v>
      </c>
      <c r="C366" s="9" t="s">
        <v>12663</v>
      </c>
      <c r="D366" s="9" t="s">
        <v>12664</v>
      </c>
      <c r="E366" s="10"/>
      <c r="F366" s="10"/>
      <c r="G366" s="8"/>
      <c r="H366" s="8" t="s">
        <v>12665</v>
      </c>
      <c r="I366" s="11">
        <v>36975</v>
      </c>
      <c r="J366" s="11">
        <v>43374</v>
      </c>
      <c r="K366" s="11">
        <v>45565</v>
      </c>
    </row>
    <row r="367" spans="1:11" x14ac:dyDescent="0.4">
      <c r="A367" s="8" t="s">
        <v>11818</v>
      </c>
      <c r="B367" s="8" t="s">
        <v>6444</v>
      </c>
      <c r="C367" s="9" t="s">
        <v>12666</v>
      </c>
      <c r="D367" s="9" t="s">
        <v>12667</v>
      </c>
      <c r="E367" s="10"/>
      <c r="F367" s="10" t="s">
        <v>10821</v>
      </c>
      <c r="G367" s="8" t="s">
        <v>12668</v>
      </c>
      <c r="H367" s="8" t="s">
        <v>12669</v>
      </c>
      <c r="I367" s="11">
        <v>36972</v>
      </c>
      <c r="J367" s="11">
        <v>43586</v>
      </c>
      <c r="K367" s="11">
        <v>45777</v>
      </c>
    </row>
    <row r="368" spans="1:11" x14ac:dyDescent="0.4">
      <c r="A368" s="8" t="s">
        <v>11818</v>
      </c>
      <c r="B368" s="8" t="s">
        <v>3441</v>
      </c>
      <c r="C368" s="9" t="s">
        <v>12670</v>
      </c>
      <c r="D368" s="9" t="s">
        <v>12671</v>
      </c>
      <c r="E368" s="10"/>
      <c r="F368" s="10"/>
      <c r="G368" s="8"/>
      <c r="H368" s="8" t="s">
        <v>12672</v>
      </c>
      <c r="I368" s="11">
        <v>36991</v>
      </c>
      <c r="J368" s="11">
        <v>43556</v>
      </c>
      <c r="K368" s="11">
        <v>45747</v>
      </c>
    </row>
    <row r="369" spans="1:11" x14ac:dyDescent="0.4">
      <c r="A369" s="8" t="s">
        <v>11818</v>
      </c>
      <c r="B369" s="8" t="s">
        <v>48</v>
      </c>
      <c r="C369" s="9" t="s">
        <v>12673</v>
      </c>
      <c r="D369" s="9" t="s">
        <v>12674</v>
      </c>
      <c r="E369" s="10" t="s">
        <v>12675</v>
      </c>
      <c r="F369" s="10"/>
      <c r="G369" s="8"/>
      <c r="H369" s="8" t="s">
        <v>12676</v>
      </c>
      <c r="I369" s="11">
        <v>37012</v>
      </c>
      <c r="J369" s="11">
        <v>44348</v>
      </c>
      <c r="K369" s="11">
        <v>46173</v>
      </c>
    </row>
    <row r="370" spans="1:11" x14ac:dyDescent="0.4">
      <c r="A370" s="8" t="s">
        <v>11818</v>
      </c>
      <c r="B370" s="8" t="s">
        <v>9278</v>
      </c>
      <c r="C370" s="9" t="s">
        <v>12677</v>
      </c>
      <c r="D370" s="9" t="s">
        <v>12678</v>
      </c>
      <c r="E370" s="10"/>
      <c r="F370" s="10"/>
      <c r="G370" s="8"/>
      <c r="H370" s="8" t="s">
        <v>12679</v>
      </c>
      <c r="I370" s="11">
        <v>37056</v>
      </c>
      <c r="J370" s="11">
        <v>44378</v>
      </c>
      <c r="K370" s="11">
        <v>46203</v>
      </c>
    </row>
    <row r="371" spans="1:11" x14ac:dyDescent="0.4">
      <c r="A371" s="8" t="s">
        <v>11818</v>
      </c>
      <c r="B371" s="8" t="s">
        <v>633</v>
      </c>
      <c r="C371" s="9" t="s">
        <v>12680</v>
      </c>
      <c r="D371" s="9" t="s">
        <v>12681</v>
      </c>
      <c r="E371" s="10"/>
      <c r="F371" s="10" t="s">
        <v>12471</v>
      </c>
      <c r="G371" s="8" t="s">
        <v>12472</v>
      </c>
      <c r="H371" s="8" t="s">
        <v>12682</v>
      </c>
      <c r="I371" s="11">
        <v>37070</v>
      </c>
      <c r="J371" s="11">
        <v>43556</v>
      </c>
      <c r="K371" s="11">
        <v>45747</v>
      </c>
    </row>
    <row r="372" spans="1:11" x14ac:dyDescent="0.4">
      <c r="A372" s="8" t="s">
        <v>11818</v>
      </c>
      <c r="B372" s="8" t="s">
        <v>48</v>
      </c>
      <c r="C372" s="9" t="s">
        <v>12683</v>
      </c>
      <c r="D372" s="9" t="s">
        <v>12684</v>
      </c>
      <c r="E372" s="10"/>
      <c r="F372" s="10" t="s">
        <v>12685</v>
      </c>
      <c r="G372" s="8" t="s">
        <v>12686</v>
      </c>
      <c r="H372" s="8" t="s">
        <v>12687</v>
      </c>
      <c r="I372" s="11">
        <v>37072</v>
      </c>
      <c r="J372" s="11">
        <v>43922</v>
      </c>
      <c r="K372" s="11">
        <v>46112</v>
      </c>
    </row>
    <row r="373" spans="1:11" x14ac:dyDescent="0.4">
      <c r="A373" s="8" t="s">
        <v>11818</v>
      </c>
      <c r="B373" s="8" t="s">
        <v>6444</v>
      </c>
      <c r="C373" s="9" t="s">
        <v>12688</v>
      </c>
      <c r="D373" s="9" t="s">
        <v>12045</v>
      </c>
      <c r="E373" s="10" t="s">
        <v>2674</v>
      </c>
      <c r="F373" s="10"/>
      <c r="G373" s="8"/>
      <c r="H373" s="8" t="s">
        <v>12689</v>
      </c>
      <c r="I373" s="11">
        <v>37107</v>
      </c>
      <c r="J373" s="11">
        <v>43647</v>
      </c>
      <c r="K373" s="11">
        <v>45838</v>
      </c>
    </row>
    <row r="374" spans="1:11" x14ac:dyDescent="0.4">
      <c r="A374" s="8" t="s">
        <v>11818</v>
      </c>
      <c r="B374" s="8" t="s">
        <v>698</v>
      </c>
      <c r="C374" s="9" t="s">
        <v>12690</v>
      </c>
      <c r="D374" s="9" t="s">
        <v>12691</v>
      </c>
      <c r="E374" s="10"/>
      <c r="F374" s="10" t="s">
        <v>2271</v>
      </c>
      <c r="G374" s="8" t="s">
        <v>12692</v>
      </c>
      <c r="H374" s="8" t="s">
        <v>12693</v>
      </c>
      <c r="I374" s="11">
        <v>37102</v>
      </c>
      <c r="J374" s="11">
        <v>43617</v>
      </c>
      <c r="K374" s="11">
        <v>45808</v>
      </c>
    </row>
    <row r="375" spans="1:11" x14ac:dyDescent="0.4">
      <c r="A375" s="8" t="s">
        <v>11818</v>
      </c>
      <c r="B375" s="8" t="s">
        <v>633</v>
      </c>
      <c r="C375" s="9" t="s">
        <v>11130</v>
      </c>
      <c r="D375" s="9" t="s">
        <v>12694</v>
      </c>
      <c r="E375" s="10"/>
      <c r="F375" s="10"/>
      <c r="G375" s="8"/>
      <c r="H375" s="8" t="s">
        <v>12695</v>
      </c>
      <c r="I375" s="11">
        <v>37147</v>
      </c>
      <c r="J375" s="11">
        <v>43282</v>
      </c>
      <c r="K375" s="11">
        <v>45473</v>
      </c>
    </row>
    <row r="376" spans="1:11" x14ac:dyDescent="0.4">
      <c r="A376" s="8" t="s">
        <v>11818</v>
      </c>
      <c r="B376" s="8" t="s">
        <v>48</v>
      </c>
      <c r="C376" s="9" t="s">
        <v>12696</v>
      </c>
      <c r="D376" s="9" t="s">
        <v>12697</v>
      </c>
      <c r="E376" s="10" t="s">
        <v>12698</v>
      </c>
      <c r="F376" s="10" t="s">
        <v>12699</v>
      </c>
      <c r="G376" s="8" t="s">
        <v>12700</v>
      </c>
      <c r="H376" s="8" t="s">
        <v>12701</v>
      </c>
      <c r="I376" s="11">
        <v>37175</v>
      </c>
      <c r="J376" s="11">
        <v>43435</v>
      </c>
      <c r="K376" s="11">
        <v>45626</v>
      </c>
    </row>
    <row r="377" spans="1:11" x14ac:dyDescent="0.4">
      <c r="A377" s="8" t="s">
        <v>11818</v>
      </c>
      <c r="B377" s="8" t="s">
        <v>48</v>
      </c>
      <c r="C377" s="9" t="s">
        <v>12702</v>
      </c>
      <c r="D377" s="9" t="s">
        <v>12697</v>
      </c>
      <c r="E377" s="10" t="s">
        <v>12703</v>
      </c>
      <c r="F377" s="10" t="s">
        <v>12699</v>
      </c>
      <c r="G377" s="8" t="s">
        <v>12700</v>
      </c>
      <c r="H377" s="8" t="s">
        <v>12704</v>
      </c>
      <c r="I377" s="11">
        <v>37175</v>
      </c>
      <c r="J377" s="11">
        <v>43435</v>
      </c>
      <c r="K377" s="11">
        <v>45626</v>
      </c>
    </row>
    <row r="378" spans="1:11" x14ac:dyDescent="0.4">
      <c r="A378" s="8" t="s">
        <v>11818</v>
      </c>
      <c r="B378" s="8" t="s">
        <v>9278</v>
      </c>
      <c r="C378" s="9" t="s">
        <v>12705</v>
      </c>
      <c r="D378" s="9" t="s">
        <v>12697</v>
      </c>
      <c r="E378" s="10" t="s">
        <v>12706</v>
      </c>
      <c r="F378" s="10" t="s">
        <v>12699</v>
      </c>
      <c r="G378" s="8" t="s">
        <v>12700</v>
      </c>
      <c r="H378" s="8" t="s">
        <v>12707</v>
      </c>
      <c r="I378" s="11">
        <v>37175</v>
      </c>
      <c r="J378" s="11">
        <v>43435</v>
      </c>
      <c r="K378" s="11">
        <v>45626</v>
      </c>
    </row>
    <row r="379" spans="1:11" x14ac:dyDescent="0.4">
      <c r="A379" s="8" t="s">
        <v>11818</v>
      </c>
      <c r="B379" s="8" t="s">
        <v>793</v>
      </c>
      <c r="C379" s="9" t="s">
        <v>12708</v>
      </c>
      <c r="D379" s="9" t="s">
        <v>12697</v>
      </c>
      <c r="E379" s="10" t="s">
        <v>12703</v>
      </c>
      <c r="F379" s="10" t="s">
        <v>12699</v>
      </c>
      <c r="G379" s="8" t="s">
        <v>12700</v>
      </c>
      <c r="H379" s="8" t="s">
        <v>12709</v>
      </c>
      <c r="I379" s="11">
        <v>37175</v>
      </c>
      <c r="J379" s="11">
        <v>43435</v>
      </c>
      <c r="K379" s="11">
        <v>45626</v>
      </c>
    </row>
    <row r="380" spans="1:11" x14ac:dyDescent="0.4">
      <c r="A380" s="8" t="s">
        <v>11818</v>
      </c>
      <c r="B380" s="8" t="s">
        <v>633</v>
      </c>
      <c r="C380" s="9" t="s">
        <v>12710</v>
      </c>
      <c r="D380" s="9" t="s">
        <v>12697</v>
      </c>
      <c r="E380" s="10" t="s">
        <v>12698</v>
      </c>
      <c r="F380" s="10" t="s">
        <v>12699</v>
      </c>
      <c r="G380" s="8" t="s">
        <v>12700</v>
      </c>
      <c r="H380" s="8" t="s">
        <v>12711</v>
      </c>
      <c r="I380" s="11">
        <v>37175</v>
      </c>
      <c r="J380" s="11">
        <v>43435</v>
      </c>
      <c r="K380" s="11">
        <v>45626</v>
      </c>
    </row>
    <row r="381" spans="1:11" x14ac:dyDescent="0.4">
      <c r="A381" s="8" t="s">
        <v>11818</v>
      </c>
      <c r="B381" s="8" t="s">
        <v>2044</v>
      </c>
      <c r="C381" s="9" t="s">
        <v>12712</v>
      </c>
      <c r="D381" s="9" t="s">
        <v>12697</v>
      </c>
      <c r="E381" s="10" t="s">
        <v>12713</v>
      </c>
      <c r="F381" s="10" t="s">
        <v>12699</v>
      </c>
      <c r="G381" s="8" t="s">
        <v>12700</v>
      </c>
      <c r="H381" s="8" t="s">
        <v>12714</v>
      </c>
      <c r="I381" s="11">
        <v>37175</v>
      </c>
      <c r="J381" s="11">
        <v>43435</v>
      </c>
      <c r="K381" s="11">
        <v>45626</v>
      </c>
    </row>
    <row r="382" spans="1:11" x14ac:dyDescent="0.4">
      <c r="A382" s="8" t="s">
        <v>11818</v>
      </c>
      <c r="B382" s="8" t="s">
        <v>698</v>
      </c>
      <c r="C382" s="9" t="s">
        <v>12715</v>
      </c>
      <c r="D382" s="9" t="s">
        <v>12716</v>
      </c>
      <c r="E382" s="10"/>
      <c r="F382" s="10" t="s">
        <v>12717</v>
      </c>
      <c r="G382" s="8" t="s">
        <v>12718</v>
      </c>
      <c r="H382" s="8" t="s">
        <v>12719</v>
      </c>
      <c r="I382" s="11">
        <v>37229</v>
      </c>
      <c r="J382" s="11">
        <v>43405</v>
      </c>
      <c r="K382" s="11">
        <v>45596</v>
      </c>
    </row>
    <row r="383" spans="1:11" x14ac:dyDescent="0.4">
      <c r="A383" s="8" t="s">
        <v>11818</v>
      </c>
      <c r="B383" s="8" t="s">
        <v>1926</v>
      </c>
      <c r="C383" s="9" t="s">
        <v>12720</v>
      </c>
      <c r="D383" s="9" t="s">
        <v>12721</v>
      </c>
      <c r="E383" s="10"/>
      <c r="F383" s="10"/>
      <c r="G383" s="8"/>
      <c r="H383" s="8" t="s">
        <v>12722</v>
      </c>
      <c r="I383" s="11">
        <v>37223</v>
      </c>
      <c r="J383" s="11">
        <v>43952</v>
      </c>
      <c r="K383" s="11">
        <v>46142</v>
      </c>
    </row>
    <row r="384" spans="1:11" x14ac:dyDescent="0.4">
      <c r="A384" s="8" t="s">
        <v>11818</v>
      </c>
      <c r="B384" s="8" t="s">
        <v>9278</v>
      </c>
      <c r="C384" s="9" t="s">
        <v>12723</v>
      </c>
      <c r="D384" s="9" t="s">
        <v>12724</v>
      </c>
      <c r="E384" s="10"/>
      <c r="F384" s="10"/>
      <c r="G384" s="8"/>
      <c r="H384" s="8" t="s">
        <v>12725</v>
      </c>
      <c r="I384" s="11">
        <v>37232</v>
      </c>
      <c r="J384" s="11">
        <v>43922</v>
      </c>
      <c r="K384" s="11">
        <v>46112</v>
      </c>
    </row>
    <row r="385" spans="1:11" x14ac:dyDescent="0.4">
      <c r="A385" s="8" t="s">
        <v>11818</v>
      </c>
      <c r="B385" s="8" t="s">
        <v>3441</v>
      </c>
      <c r="C385" s="9" t="s">
        <v>12726</v>
      </c>
      <c r="D385" s="9" t="s">
        <v>12727</v>
      </c>
      <c r="E385" s="10"/>
      <c r="F385" s="10"/>
      <c r="G385" s="8"/>
      <c r="H385" s="8" t="s">
        <v>12728</v>
      </c>
      <c r="I385" s="11">
        <v>36742</v>
      </c>
      <c r="J385" s="11">
        <v>43983</v>
      </c>
      <c r="K385" s="11">
        <v>46173</v>
      </c>
    </row>
    <row r="386" spans="1:11" x14ac:dyDescent="0.4">
      <c r="A386" s="8" t="s">
        <v>11818</v>
      </c>
      <c r="B386" s="8" t="s">
        <v>633</v>
      </c>
      <c r="C386" s="9" t="s">
        <v>12729</v>
      </c>
      <c r="D386" s="9" t="s">
        <v>12730</v>
      </c>
      <c r="E386" s="10" t="s">
        <v>12731</v>
      </c>
      <c r="F386" s="10" t="s">
        <v>2634</v>
      </c>
      <c r="G386" s="8" t="s">
        <v>12325</v>
      </c>
      <c r="H386" s="8" t="s">
        <v>12732</v>
      </c>
      <c r="I386" s="11">
        <v>37266</v>
      </c>
      <c r="J386" s="11">
        <v>44105</v>
      </c>
      <c r="K386" s="11">
        <v>46295</v>
      </c>
    </row>
    <row r="387" spans="1:11" x14ac:dyDescent="0.4">
      <c r="A387" s="8" t="s">
        <v>11818</v>
      </c>
      <c r="B387" s="8" t="s">
        <v>633</v>
      </c>
      <c r="C387" s="9" t="s">
        <v>12733</v>
      </c>
      <c r="D387" s="9" t="s">
        <v>12734</v>
      </c>
      <c r="E387" s="10" t="s">
        <v>12735</v>
      </c>
      <c r="F387" s="10" t="s">
        <v>2634</v>
      </c>
      <c r="G387" s="8" t="s">
        <v>12325</v>
      </c>
      <c r="H387" s="8" t="s">
        <v>12736</v>
      </c>
      <c r="I387" s="11">
        <v>37291</v>
      </c>
      <c r="J387" s="11">
        <v>43282</v>
      </c>
      <c r="K387" s="11">
        <v>45473</v>
      </c>
    </row>
    <row r="388" spans="1:11" x14ac:dyDescent="0.4">
      <c r="A388" s="8" t="s">
        <v>11818</v>
      </c>
      <c r="B388" s="8" t="s">
        <v>633</v>
      </c>
      <c r="C388" s="9" t="s">
        <v>12737</v>
      </c>
      <c r="D388" s="9" t="s">
        <v>12738</v>
      </c>
      <c r="E388" s="10" t="s">
        <v>12739</v>
      </c>
      <c r="F388" s="10" t="s">
        <v>2634</v>
      </c>
      <c r="G388" s="8" t="s">
        <v>12325</v>
      </c>
      <c r="H388" s="8" t="s">
        <v>12740</v>
      </c>
      <c r="I388" s="11">
        <v>37292</v>
      </c>
      <c r="J388" s="11">
        <v>44105</v>
      </c>
      <c r="K388" s="11">
        <v>46295</v>
      </c>
    </row>
    <row r="389" spans="1:11" x14ac:dyDescent="0.4">
      <c r="A389" s="8" t="s">
        <v>11818</v>
      </c>
      <c r="B389" s="8" t="s">
        <v>3441</v>
      </c>
      <c r="C389" s="9" t="s">
        <v>12741</v>
      </c>
      <c r="D389" s="9" t="s">
        <v>12742</v>
      </c>
      <c r="E389" s="10"/>
      <c r="F389" s="10"/>
      <c r="G389" s="8"/>
      <c r="H389" s="8" t="s">
        <v>12743</v>
      </c>
      <c r="I389" s="11">
        <v>37286</v>
      </c>
      <c r="J389" s="11">
        <v>43770</v>
      </c>
      <c r="K389" s="11">
        <v>45961</v>
      </c>
    </row>
    <row r="390" spans="1:11" x14ac:dyDescent="0.4">
      <c r="A390" s="8" t="s">
        <v>11818</v>
      </c>
      <c r="B390" s="8" t="s">
        <v>48</v>
      </c>
      <c r="C390" s="9" t="s">
        <v>12744</v>
      </c>
      <c r="D390" s="9" t="s">
        <v>12745</v>
      </c>
      <c r="E390" s="10"/>
      <c r="F390" s="10"/>
      <c r="G390" s="8"/>
      <c r="H390" s="8" t="s">
        <v>12746</v>
      </c>
      <c r="I390" s="11">
        <v>37340</v>
      </c>
      <c r="J390" s="11">
        <v>43405</v>
      </c>
      <c r="K390" s="11">
        <v>45596</v>
      </c>
    </row>
    <row r="391" spans="1:11" x14ac:dyDescent="0.4">
      <c r="A391" s="8" t="s">
        <v>11818</v>
      </c>
      <c r="B391" s="8" t="s">
        <v>633</v>
      </c>
      <c r="C391" s="9" t="s">
        <v>12747</v>
      </c>
      <c r="D391" s="9" t="s">
        <v>12748</v>
      </c>
      <c r="E391" s="10"/>
      <c r="F391" s="10" t="s">
        <v>2634</v>
      </c>
      <c r="G391" s="8" t="s">
        <v>12325</v>
      </c>
      <c r="H391" s="8" t="s">
        <v>12749</v>
      </c>
      <c r="I391" s="11">
        <v>37354</v>
      </c>
      <c r="J391" s="11">
        <v>44378</v>
      </c>
      <c r="K391" s="11">
        <v>46934</v>
      </c>
    </row>
    <row r="392" spans="1:11" x14ac:dyDescent="0.4">
      <c r="A392" s="8" t="s">
        <v>11818</v>
      </c>
      <c r="B392" s="8" t="s">
        <v>48</v>
      </c>
      <c r="C392" s="9" t="s">
        <v>12750</v>
      </c>
      <c r="D392" s="9" t="s">
        <v>12751</v>
      </c>
      <c r="E392" s="10"/>
      <c r="F392" s="10" t="s">
        <v>12752</v>
      </c>
      <c r="G392" s="8" t="s">
        <v>12753</v>
      </c>
      <c r="H392" s="8" t="s">
        <v>12754</v>
      </c>
      <c r="I392" s="11">
        <v>37367</v>
      </c>
      <c r="J392" s="11">
        <v>43983</v>
      </c>
      <c r="K392" s="11">
        <v>46173</v>
      </c>
    </row>
    <row r="393" spans="1:11" x14ac:dyDescent="0.4">
      <c r="A393" s="8" t="s">
        <v>11818</v>
      </c>
      <c r="B393" s="8" t="s">
        <v>3083</v>
      </c>
      <c r="C393" s="9" t="s">
        <v>12755</v>
      </c>
      <c r="D393" s="9" t="s">
        <v>12756</v>
      </c>
      <c r="E393" s="10"/>
      <c r="F393" s="10" t="s">
        <v>12757</v>
      </c>
      <c r="G393" s="8" t="s">
        <v>12758</v>
      </c>
      <c r="H393" s="8" t="s">
        <v>12759</v>
      </c>
      <c r="I393" s="11">
        <v>37390</v>
      </c>
      <c r="J393" s="11">
        <v>43556</v>
      </c>
      <c r="K393" s="11">
        <v>45747</v>
      </c>
    </row>
    <row r="394" spans="1:11" x14ac:dyDescent="0.4">
      <c r="A394" s="8" t="s">
        <v>11818</v>
      </c>
      <c r="B394" s="8" t="s">
        <v>633</v>
      </c>
      <c r="C394" s="9" t="s">
        <v>12760</v>
      </c>
      <c r="D394" s="9" t="s">
        <v>12761</v>
      </c>
      <c r="E394" s="10"/>
      <c r="F394" s="10" t="s">
        <v>12471</v>
      </c>
      <c r="G394" s="8" t="s">
        <v>12472</v>
      </c>
      <c r="H394" s="8" t="s">
        <v>12762</v>
      </c>
      <c r="I394" s="11">
        <v>37407</v>
      </c>
      <c r="J394" s="11">
        <v>43586</v>
      </c>
      <c r="K394" s="11">
        <v>45777</v>
      </c>
    </row>
    <row r="395" spans="1:11" x14ac:dyDescent="0.4">
      <c r="A395" s="8" t="s">
        <v>11818</v>
      </c>
      <c r="B395" s="8" t="s">
        <v>633</v>
      </c>
      <c r="C395" s="9" t="s">
        <v>12763</v>
      </c>
      <c r="D395" s="9" t="s">
        <v>12764</v>
      </c>
      <c r="E395" s="10"/>
      <c r="F395" s="10" t="s">
        <v>12414</v>
      </c>
      <c r="G395" s="8" t="s">
        <v>12415</v>
      </c>
      <c r="H395" s="8" t="s">
        <v>12765</v>
      </c>
      <c r="I395" s="11">
        <v>37435</v>
      </c>
      <c r="J395" s="11">
        <v>43556</v>
      </c>
      <c r="K395" s="11">
        <v>45747</v>
      </c>
    </row>
    <row r="396" spans="1:11" x14ac:dyDescent="0.4">
      <c r="A396" s="8" t="s">
        <v>11818</v>
      </c>
      <c r="B396" s="8" t="s">
        <v>48</v>
      </c>
      <c r="C396" s="9" t="s">
        <v>12766</v>
      </c>
      <c r="D396" s="9" t="s">
        <v>12767</v>
      </c>
      <c r="E396" s="10"/>
      <c r="F396" s="10" t="s">
        <v>12768</v>
      </c>
      <c r="G396" s="8" t="s">
        <v>12767</v>
      </c>
      <c r="H396" s="8" t="s">
        <v>12769</v>
      </c>
      <c r="I396" s="11">
        <v>37443</v>
      </c>
      <c r="J396" s="11">
        <v>44105</v>
      </c>
      <c r="K396" s="11">
        <v>46295</v>
      </c>
    </row>
    <row r="397" spans="1:11" x14ac:dyDescent="0.4">
      <c r="A397" s="8" t="s">
        <v>11818</v>
      </c>
      <c r="B397" s="8" t="s">
        <v>633</v>
      </c>
      <c r="C397" s="9" t="s">
        <v>12770</v>
      </c>
      <c r="D397" s="9" t="s">
        <v>12771</v>
      </c>
      <c r="E397" s="10"/>
      <c r="F397" s="10" t="s">
        <v>2634</v>
      </c>
      <c r="G397" s="8" t="s">
        <v>12325</v>
      </c>
      <c r="H397" s="8" t="s">
        <v>12772</v>
      </c>
      <c r="I397" s="11">
        <v>37487</v>
      </c>
      <c r="J397" s="11">
        <v>43586</v>
      </c>
      <c r="K397" s="11">
        <v>45777</v>
      </c>
    </row>
    <row r="398" spans="1:11" x14ac:dyDescent="0.4">
      <c r="A398" s="8" t="s">
        <v>11818</v>
      </c>
      <c r="B398" s="8" t="s">
        <v>6444</v>
      </c>
      <c r="C398" s="9" t="s">
        <v>12773</v>
      </c>
      <c r="D398" s="9" t="s">
        <v>12774</v>
      </c>
      <c r="E398" s="10" t="s">
        <v>12775</v>
      </c>
      <c r="F398" s="10"/>
      <c r="G398" s="8"/>
      <c r="H398" s="8" t="s">
        <v>12776</v>
      </c>
      <c r="I398" s="11">
        <v>37501</v>
      </c>
      <c r="J398" s="11">
        <v>43617</v>
      </c>
      <c r="K398" s="11">
        <v>45808</v>
      </c>
    </row>
    <row r="399" spans="1:11" x14ac:dyDescent="0.4">
      <c r="A399" s="8" t="s">
        <v>11818</v>
      </c>
      <c r="B399" s="8" t="s">
        <v>3441</v>
      </c>
      <c r="C399" s="9" t="s">
        <v>11623</v>
      </c>
      <c r="D399" s="9" t="s">
        <v>11624</v>
      </c>
      <c r="E399" s="10"/>
      <c r="F399" s="10"/>
      <c r="G399" s="8"/>
      <c r="H399" s="8" t="s">
        <v>12777</v>
      </c>
      <c r="I399" s="11">
        <v>37516</v>
      </c>
      <c r="J399" s="11">
        <v>43405</v>
      </c>
      <c r="K399" s="11">
        <v>45596</v>
      </c>
    </row>
    <row r="400" spans="1:11" x14ac:dyDescent="0.4">
      <c r="A400" s="8" t="s">
        <v>11818</v>
      </c>
      <c r="B400" s="8" t="s">
        <v>48</v>
      </c>
      <c r="C400" s="9" t="s">
        <v>12778</v>
      </c>
      <c r="D400" s="9" t="s">
        <v>12779</v>
      </c>
      <c r="E400" s="10" t="s">
        <v>12780</v>
      </c>
      <c r="F400" s="10"/>
      <c r="G400" s="8"/>
      <c r="H400" s="8" t="s">
        <v>12781</v>
      </c>
      <c r="I400" s="11">
        <v>37578</v>
      </c>
      <c r="J400" s="11">
        <v>43617</v>
      </c>
      <c r="K400" s="11">
        <v>45808</v>
      </c>
    </row>
    <row r="401" spans="1:11" x14ac:dyDescent="0.4">
      <c r="A401" s="8" t="s">
        <v>11818</v>
      </c>
      <c r="B401" s="8" t="s">
        <v>633</v>
      </c>
      <c r="C401" s="9" t="s">
        <v>12782</v>
      </c>
      <c r="D401" s="9" t="s">
        <v>12783</v>
      </c>
      <c r="E401" s="10"/>
      <c r="F401" s="10" t="s">
        <v>11955</v>
      </c>
      <c r="G401" s="8" t="s">
        <v>11957</v>
      </c>
      <c r="H401" s="8" t="s">
        <v>12784</v>
      </c>
      <c r="I401" s="11">
        <v>37641</v>
      </c>
      <c r="J401" s="11">
        <v>44013</v>
      </c>
      <c r="K401" s="11">
        <v>46203</v>
      </c>
    </row>
    <row r="402" spans="1:11" x14ac:dyDescent="0.4">
      <c r="A402" s="8" t="s">
        <v>11818</v>
      </c>
      <c r="B402" s="8" t="s">
        <v>698</v>
      </c>
      <c r="C402" s="9" t="s">
        <v>12785</v>
      </c>
      <c r="D402" s="9" t="s">
        <v>12786</v>
      </c>
      <c r="E402" s="10"/>
      <c r="F402" s="10" t="s">
        <v>12787</v>
      </c>
      <c r="G402" s="8" t="s">
        <v>12788</v>
      </c>
      <c r="H402" s="8" t="s">
        <v>12789</v>
      </c>
      <c r="I402" s="11">
        <v>37649</v>
      </c>
      <c r="J402" s="11">
        <v>43556</v>
      </c>
      <c r="K402" s="11">
        <v>45747</v>
      </c>
    </row>
    <row r="403" spans="1:11" x14ac:dyDescent="0.4">
      <c r="A403" s="8" t="s">
        <v>11818</v>
      </c>
      <c r="B403" s="8" t="s">
        <v>698</v>
      </c>
      <c r="C403" s="9" t="s">
        <v>12790</v>
      </c>
      <c r="D403" s="9" t="s">
        <v>12791</v>
      </c>
      <c r="E403" s="10"/>
      <c r="F403" s="10" t="s">
        <v>2247</v>
      </c>
      <c r="G403" s="8" t="s">
        <v>12792</v>
      </c>
      <c r="H403" s="8" t="s">
        <v>12793</v>
      </c>
      <c r="I403" s="11">
        <v>37652</v>
      </c>
      <c r="J403" s="11">
        <v>43922</v>
      </c>
      <c r="K403" s="11">
        <v>46112</v>
      </c>
    </row>
    <row r="404" spans="1:11" x14ac:dyDescent="0.4">
      <c r="A404" s="8" t="s">
        <v>11818</v>
      </c>
      <c r="B404" s="8" t="s">
        <v>633</v>
      </c>
      <c r="C404" s="9" t="s">
        <v>12794</v>
      </c>
      <c r="D404" s="9" t="s">
        <v>12795</v>
      </c>
      <c r="E404" s="10"/>
      <c r="F404" s="10" t="s">
        <v>12414</v>
      </c>
      <c r="G404" s="8" t="s">
        <v>12415</v>
      </c>
      <c r="H404" s="8" t="s">
        <v>12796</v>
      </c>
      <c r="I404" s="11">
        <v>37669</v>
      </c>
      <c r="J404" s="11">
        <v>43556</v>
      </c>
      <c r="K404" s="11">
        <v>45747</v>
      </c>
    </row>
    <row r="405" spans="1:11" x14ac:dyDescent="0.4">
      <c r="A405" s="8" t="s">
        <v>11818</v>
      </c>
      <c r="B405" s="8" t="s">
        <v>3441</v>
      </c>
      <c r="C405" s="9" t="s">
        <v>12797</v>
      </c>
      <c r="D405" s="9" t="s">
        <v>11956</v>
      </c>
      <c r="E405" s="10"/>
      <c r="F405" s="10" t="s">
        <v>11955</v>
      </c>
      <c r="G405" s="8" t="s">
        <v>11957</v>
      </c>
      <c r="H405" s="8" t="s">
        <v>12798</v>
      </c>
      <c r="I405" s="11">
        <v>37712</v>
      </c>
      <c r="J405" s="11">
        <v>43952</v>
      </c>
      <c r="K405" s="11">
        <v>46142</v>
      </c>
    </row>
    <row r="406" spans="1:11" x14ac:dyDescent="0.4">
      <c r="A406" s="8" t="s">
        <v>11818</v>
      </c>
      <c r="B406" s="8" t="s">
        <v>698</v>
      </c>
      <c r="C406" s="9" t="s">
        <v>12799</v>
      </c>
      <c r="D406" s="9" t="s">
        <v>12800</v>
      </c>
      <c r="E406" s="10"/>
      <c r="F406" s="10" t="s">
        <v>2271</v>
      </c>
      <c r="G406" s="8" t="s">
        <v>12692</v>
      </c>
      <c r="H406" s="8" t="s">
        <v>12801</v>
      </c>
      <c r="I406" s="11">
        <v>37743</v>
      </c>
      <c r="J406" s="11">
        <v>43922</v>
      </c>
      <c r="K406" s="11">
        <v>46112</v>
      </c>
    </row>
    <row r="407" spans="1:11" x14ac:dyDescent="0.4">
      <c r="A407" s="8" t="s">
        <v>11818</v>
      </c>
      <c r="B407" s="8" t="s">
        <v>633</v>
      </c>
      <c r="C407" s="9" t="s">
        <v>12802</v>
      </c>
      <c r="D407" s="9" t="s">
        <v>12803</v>
      </c>
      <c r="E407" s="10"/>
      <c r="F407" s="10" t="s">
        <v>12554</v>
      </c>
      <c r="G407" s="8" t="s">
        <v>12555</v>
      </c>
      <c r="H407" s="8" t="s">
        <v>12804</v>
      </c>
      <c r="I407" s="11">
        <v>37743</v>
      </c>
      <c r="J407" s="11">
        <v>44136</v>
      </c>
      <c r="K407" s="11">
        <v>46326</v>
      </c>
    </row>
    <row r="408" spans="1:11" x14ac:dyDescent="0.4">
      <c r="A408" s="8" t="s">
        <v>11818</v>
      </c>
      <c r="B408" s="8" t="s">
        <v>633</v>
      </c>
      <c r="C408" s="9" t="s">
        <v>12805</v>
      </c>
      <c r="D408" s="9" t="s">
        <v>12806</v>
      </c>
      <c r="E408" s="10"/>
      <c r="F408" s="10"/>
      <c r="G408" s="8"/>
      <c r="H408" s="8" t="s">
        <v>12807</v>
      </c>
      <c r="I408" s="11">
        <v>37760</v>
      </c>
      <c r="J408" s="11">
        <v>43922</v>
      </c>
      <c r="K408" s="11">
        <v>46112</v>
      </c>
    </row>
    <row r="409" spans="1:11" x14ac:dyDescent="0.4">
      <c r="A409" s="8" t="s">
        <v>11818</v>
      </c>
      <c r="B409" s="8" t="s">
        <v>5383</v>
      </c>
      <c r="C409" s="9" t="s">
        <v>4068</v>
      </c>
      <c r="D409" s="9" t="s">
        <v>12808</v>
      </c>
      <c r="E409" s="10"/>
      <c r="F409" s="10" t="s">
        <v>4066</v>
      </c>
      <c r="G409" s="8" t="s">
        <v>12809</v>
      </c>
      <c r="H409" s="8" t="s">
        <v>12810</v>
      </c>
      <c r="I409" s="11">
        <v>37830</v>
      </c>
      <c r="J409" s="11">
        <v>43647</v>
      </c>
      <c r="K409" s="11">
        <v>45838</v>
      </c>
    </row>
    <row r="410" spans="1:11" x14ac:dyDescent="0.4">
      <c r="A410" s="8" t="s">
        <v>11818</v>
      </c>
      <c r="B410" s="8" t="s">
        <v>2044</v>
      </c>
      <c r="C410" s="9" t="s">
        <v>12811</v>
      </c>
      <c r="D410" s="9" t="s">
        <v>12812</v>
      </c>
      <c r="E410" s="10" t="s">
        <v>12813</v>
      </c>
      <c r="F410" s="10" t="s">
        <v>12814</v>
      </c>
      <c r="G410" s="8" t="s">
        <v>12815</v>
      </c>
      <c r="H410" s="8" t="s">
        <v>12816</v>
      </c>
      <c r="I410" s="11">
        <v>37844</v>
      </c>
      <c r="J410" s="11">
        <v>43983</v>
      </c>
      <c r="K410" s="11">
        <v>46173</v>
      </c>
    </row>
    <row r="411" spans="1:11" x14ac:dyDescent="0.4">
      <c r="A411" s="8" t="s">
        <v>11818</v>
      </c>
      <c r="B411" s="8" t="s">
        <v>48</v>
      </c>
      <c r="C411" s="9" t="s">
        <v>12817</v>
      </c>
      <c r="D411" s="9" t="s">
        <v>12818</v>
      </c>
      <c r="E411" s="10" t="s">
        <v>12819</v>
      </c>
      <c r="F411" s="10"/>
      <c r="G411" s="8"/>
      <c r="H411" s="8" t="s">
        <v>12820</v>
      </c>
      <c r="I411" s="11">
        <v>37874</v>
      </c>
      <c r="J411" s="11">
        <v>44105</v>
      </c>
      <c r="K411" s="11">
        <v>46295</v>
      </c>
    </row>
    <row r="412" spans="1:11" x14ac:dyDescent="0.4">
      <c r="A412" s="8" t="s">
        <v>11818</v>
      </c>
      <c r="B412" s="8" t="s">
        <v>48</v>
      </c>
      <c r="C412" s="9" t="s">
        <v>12821</v>
      </c>
      <c r="D412" s="9" t="s">
        <v>12822</v>
      </c>
      <c r="E412" s="10" t="s">
        <v>12823</v>
      </c>
      <c r="F412" s="10"/>
      <c r="G412" s="8"/>
      <c r="H412" s="8" t="s">
        <v>12824</v>
      </c>
      <c r="I412" s="11">
        <v>37895</v>
      </c>
      <c r="J412" s="11">
        <v>43800</v>
      </c>
      <c r="K412" s="11">
        <v>45991</v>
      </c>
    </row>
    <row r="413" spans="1:11" x14ac:dyDescent="0.4">
      <c r="A413" s="8" t="s">
        <v>11818</v>
      </c>
      <c r="B413" s="8" t="s">
        <v>48</v>
      </c>
      <c r="C413" s="9" t="s">
        <v>12825</v>
      </c>
      <c r="D413" s="9" t="s">
        <v>12826</v>
      </c>
      <c r="E413" s="10"/>
      <c r="F413" s="10"/>
      <c r="G413" s="8"/>
      <c r="H413" s="8" t="s">
        <v>12827</v>
      </c>
      <c r="I413" s="11">
        <v>37898</v>
      </c>
      <c r="J413" s="11">
        <v>44013</v>
      </c>
      <c r="K413" s="11">
        <v>45838</v>
      </c>
    </row>
    <row r="414" spans="1:11" x14ac:dyDescent="0.4">
      <c r="A414" s="8" t="s">
        <v>11818</v>
      </c>
      <c r="B414" s="8" t="s">
        <v>1926</v>
      </c>
      <c r="C414" s="9" t="s">
        <v>12828</v>
      </c>
      <c r="D414" s="9" t="s">
        <v>12829</v>
      </c>
      <c r="E414" s="10"/>
      <c r="F414" s="10"/>
      <c r="G414" s="8"/>
      <c r="H414" s="8" t="s">
        <v>12830</v>
      </c>
      <c r="I414" s="11">
        <v>37895</v>
      </c>
      <c r="J414" s="11">
        <v>43952</v>
      </c>
      <c r="K414" s="11">
        <v>46142</v>
      </c>
    </row>
    <row r="415" spans="1:11" x14ac:dyDescent="0.4">
      <c r="A415" s="8" t="s">
        <v>11818</v>
      </c>
      <c r="B415" s="8" t="s">
        <v>48</v>
      </c>
      <c r="C415" s="9" t="s">
        <v>12831</v>
      </c>
      <c r="D415" s="9" t="s">
        <v>12832</v>
      </c>
      <c r="E415" s="10"/>
      <c r="F415" s="10" t="s">
        <v>12833</v>
      </c>
      <c r="G415" s="8" t="s">
        <v>12834</v>
      </c>
      <c r="H415" s="8" t="s">
        <v>12835</v>
      </c>
      <c r="I415" s="11">
        <v>37900</v>
      </c>
      <c r="J415" s="11">
        <v>43922</v>
      </c>
      <c r="K415" s="11">
        <v>46112</v>
      </c>
    </row>
    <row r="416" spans="1:11" x14ac:dyDescent="0.4">
      <c r="A416" s="8" t="s">
        <v>11818</v>
      </c>
      <c r="B416" s="8" t="s">
        <v>633</v>
      </c>
      <c r="C416" s="9" t="s">
        <v>12836</v>
      </c>
      <c r="D416" s="9" t="s">
        <v>12837</v>
      </c>
      <c r="E416" s="10"/>
      <c r="F416" s="10" t="s">
        <v>12838</v>
      </c>
      <c r="G416" s="8" t="s">
        <v>12839</v>
      </c>
      <c r="H416" s="8" t="s">
        <v>12840</v>
      </c>
      <c r="I416" s="11">
        <v>37932</v>
      </c>
      <c r="J416" s="11">
        <v>43922</v>
      </c>
      <c r="K416" s="11">
        <v>46112</v>
      </c>
    </row>
    <row r="417" spans="1:11" x14ac:dyDescent="0.4">
      <c r="A417" s="8" t="s">
        <v>11818</v>
      </c>
      <c r="B417" s="8" t="s">
        <v>48</v>
      </c>
      <c r="C417" s="9" t="s">
        <v>12841</v>
      </c>
      <c r="D417" s="9" t="s">
        <v>12842</v>
      </c>
      <c r="E417" s="10" t="s">
        <v>12843</v>
      </c>
      <c r="F417" s="10"/>
      <c r="G417" s="8"/>
      <c r="H417" s="8" t="s">
        <v>12844</v>
      </c>
      <c r="I417" s="11">
        <v>37945</v>
      </c>
      <c r="J417" s="11">
        <v>43739</v>
      </c>
      <c r="K417" s="11">
        <v>45565</v>
      </c>
    </row>
    <row r="418" spans="1:11" x14ac:dyDescent="0.4">
      <c r="A418" s="8" t="s">
        <v>11818</v>
      </c>
      <c r="B418" s="8" t="s">
        <v>3083</v>
      </c>
      <c r="C418" s="9" t="s">
        <v>12845</v>
      </c>
      <c r="D418" s="9" t="s">
        <v>12846</v>
      </c>
      <c r="E418" s="10"/>
      <c r="F418" s="10" t="s">
        <v>12757</v>
      </c>
      <c r="G418" s="8" t="s">
        <v>12758</v>
      </c>
      <c r="H418" s="8" t="s">
        <v>12847</v>
      </c>
      <c r="I418" s="11">
        <v>37950</v>
      </c>
      <c r="J418" s="11">
        <v>43770</v>
      </c>
      <c r="K418" s="11">
        <v>45596</v>
      </c>
    </row>
    <row r="419" spans="1:11" x14ac:dyDescent="0.4">
      <c r="A419" s="8" t="s">
        <v>11818</v>
      </c>
      <c r="B419" s="8" t="s">
        <v>2044</v>
      </c>
      <c r="C419" s="9" t="s">
        <v>12848</v>
      </c>
      <c r="D419" s="9" t="s">
        <v>12849</v>
      </c>
      <c r="E419" s="10"/>
      <c r="F419" s="10" t="s">
        <v>1181</v>
      </c>
      <c r="G419" s="8" t="s">
        <v>12850</v>
      </c>
      <c r="H419" s="8" t="s">
        <v>12851</v>
      </c>
      <c r="I419" s="11">
        <v>37944</v>
      </c>
      <c r="J419" s="11">
        <v>44136</v>
      </c>
      <c r="K419" s="11">
        <v>46326</v>
      </c>
    </row>
    <row r="420" spans="1:11" x14ac:dyDescent="0.4">
      <c r="A420" s="8" t="s">
        <v>11818</v>
      </c>
      <c r="B420" s="8" t="s">
        <v>5454</v>
      </c>
      <c r="C420" s="9" t="s">
        <v>12852</v>
      </c>
      <c r="D420" s="9" t="s">
        <v>12853</v>
      </c>
      <c r="E420" s="10" t="s">
        <v>12854</v>
      </c>
      <c r="F420" s="10" t="s">
        <v>12855</v>
      </c>
      <c r="G420" s="8" t="s">
        <v>12853</v>
      </c>
      <c r="H420" s="8" t="s">
        <v>12856</v>
      </c>
      <c r="I420" s="11">
        <v>37956</v>
      </c>
      <c r="J420" s="11">
        <v>43800</v>
      </c>
      <c r="K420" s="11">
        <v>45626</v>
      </c>
    </row>
    <row r="421" spans="1:11" x14ac:dyDescent="0.4">
      <c r="A421" s="8" t="s">
        <v>11818</v>
      </c>
      <c r="B421" s="8" t="s">
        <v>9278</v>
      </c>
      <c r="C421" s="9" t="s">
        <v>12857</v>
      </c>
      <c r="D421" s="9" t="s">
        <v>12858</v>
      </c>
      <c r="E421" s="10"/>
      <c r="F421" s="10"/>
      <c r="G421" s="8"/>
      <c r="H421" s="8" t="s">
        <v>12859</v>
      </c>
      <c r="I421" s="11">
        <v>37960</v>
      </c>
      <c r="J421" s="11">
        <v>43586</v>
      </c>
      <c r="K421" s="11">
        <v>45777</v>
      </c>
    </row>
    <row r="422" spans="1:11" x14ac:dyDescent="0.4">
      <c r="A422" s="8" t="s">
        <v>11818</v>
      </c>
      <c r="B422" s="8" t="s">
        <v>48</v>
      </c>
      <c r="C422" s="9" t="s">
        <v>12860</v>
      </c>
      <c r="D422" s="9" t="s">
        <v>12861</v>
      </c>
      <c r="E422" s="10"/>
      <c r="F422" s="10"/>
      <c r="G422" s="8"/>
      <c r="H422" s="8" t="s">
        <v>12862</v>
      </c>
      <c r="I422" s="11">
        <v>38017</v>
      </c>
      <c r="J422" s="11">
        <v>43739</v>
      </c>
      <c r="K422" s="11">
        <v>45565</v>
      </c>
    </row>
    <row r="423" spans="1:11" x14ac:dyDescent="0.4">
      <c r="A423" s="8" t="s">
        <v>11818</v>
      </c>
      <c r="B423" s="8" t="s">
        <v>633</v>
      </c>
      <c r="C423" s="9" t="s">
        <v>12863</v>
      </c>
      <c r="D423" s="9" t="s">
        <v>12864</v>
      </c>
      <c r="E423" s="10" t="s">
        <v>12865</v>
      </c>
      <c r="F423" s="10"/>
      <c r="G423" s="8"/>
      <c r="H423" s="8" t="s">
        <v>12866</v>
      </c>
      <c r="I423" s="11">
        <v>31766</v>
      </c>
      <c r="J423" s="11">
        <v>43983</v>
      </c>
      <c r="K423" s="11">
        <v>46173</v>
      </c>
    </row>
    <row r="424" spans="1:11" x14ac:dyDescent="0.4">
      <c r="A424" s="8" t="s">
        <v>11818</v>
      </c>
      <c r="B424" s="8" t="s">
        <v>633</v>
      </c>
      <c r="C424" s="9" t="s">
        <v>12867</v>
      </c>
      <c r="D424" s="9" t="s">
        <v>12868</v>
      </c>
      <c r="E424" s="10"/>
      <c r="F424" s="10" t="s">
        <v>12869</v>
      </c>
      <c r="G424" s="8" t="s">
        <v>12868</v>
      </c>
      <c r="H424" s="8" t="s">
        <v>12870</v>
      </c>
      <c r="I424" s="11">
        <v>34726</v>
      </c>
      <c r="J424" s="11">
        <v>43800</v>
      </c>
      <c r="K424" s="11">
        <v>45626</v>
      </c>
    </row>
    <row r="425" spans="1:11" x14ac:dyDescent="0.4">
      <c r="A425" s="8" t="s">
        <v>11818</v>
      </c>
      <c r="B425" s="8" t="s">
        <v>633</v>
      </c>
      <c r="C425" s="9" t="s">
        <v>12871</v>
      </c>
      <c r="D425" s="9" t="s">
        <v>12872</v>
      </c>
      <c r="E425" s="10"/>
      <c r="F425" s="10"/>
      <c r="G425" s="8"/>
      <c r="H425" s="8" t="s">
        <v>12873</v>
      </c>
      <c r="I425" s="11">
        <v>31808</v>
      </c>
      <c r="J425" s="11">
        <v>44013</v>
      </c>
      <c r="K425" s="11">
        <v>46203</v>
      </c>
    </row>
    <row r="426" spans="1:11" x14ac:dyDescent="0.4">
      <c r="A426" s="8" t="s">
        <v>11818</v>
      </c>
      <c r="B426" s="8" t="s">
        <v>633</v>
      </c>
      <c r="C426" s="9" t="s">
        <v>12874</v>
      </c>
      <c r="D426" s="9" t="s">
        <v>12875</v>
      </c>
      <c r="E426" s="10"/>
      <c r="F426" s="10"/>
      <c r="G426" s="8"/>
      <c r="H426" s="8" t="s">
        <v>12876</v>
      </c>
      <c r="I426" s="11">
        <v>33270</v>
      </c>
      <c r="J426" s="11">
        <v>43739</v>
      </c>
      <c r="K426" s="11">
        <v>45565</v>
      </c>
    </row>
    <row r="427" spans="1:11" x14ac:dyDescent="0.4">
      <c r="A427" s="8" t="s">
        <v>11818</v>
      </c>
      <c r="B427" s="8" t="s">
        <v>3441</v>
      </c>
      <c r="C427" s="9" t="s">
        <v>12877</v>
      </c>
      <c r="D427" s="9" t="s">
        <v>12878</v>
      </c>
      <c r="E427" s="10"/>
      <c r="F427" s="10"/>
      <c r="G427" s="8"/>
      <c r="H427" s="8" t="s">
        <v>12879</v>
      </c>
      <c r="I427" s="11">
        <v>28888</v>
      </c>
      <c r="J427" s="11">
        <v>43739</v>
      </c>
      <c r="K427" s="11">
        <v>45565</v>
      </c>
    </row>
    <row r="428" spans="1:11" x14ac:dyDescent="0.4">
      <c r="A428" s="8" t="s">
        <v>11818</v>
      </c>
      <c r="B428" s="8" t="s">
        <v>5383</v>
      </c>
      <c r="C428" s="9" t="s">
        <v>12880</v>
      </c>
      <c r="D428" s="9" t="s">
        <v>12881</v>
      </c>
      <c r="E428" s="10"/>
      <c r="F428" s="10" t="s">
        <v>12882</v>
      </c>
      <c r="G428" s="8" t="s">
        <v>12881</v>
      </c>
      <c r="H428" s="8" t="s">
        <v>12883</v>
      </c>
      <c r="I428" s="11">
        <v>33285</v>
      </c>
      <c r="J428" s="11">
        <v>43770</v>
      </c>
      <c r="K428" s="11">
        <v>45596</v>
      </c>
    </row>
    <row r="429" spans="1:11" x14ac:dyDescent="0.4">
      <c r="A429" s="8" t="s">
        <v>11818</v>
      </c>
      <c r="B429" s="8" t="s">
        <v>698</v>
      </c>
      <c r="C429" s="9" t="s">
        <v>12884</v>
      </c>
      <c r="D429" s="9" t="s">
        <v>12885</v>
      </c>
      <c r="E429" s="10"/>
      <c r="F429" s="10"/>
      <c r="G429" s="8"/>
      <c r="H429" s="8" t="s">
        <v>12886</v>
      </c>
      <c r="I429" s="11">
        <v>36201</v>
      </c>
      <c r="J429" s="11">
        <v>44013</v>
      </c>
      <c r="K429" s="11">
        <v>46203</v>
      </c>
    </row>
    <row r="430" spans="1:11" x14ac:dyDescent="0.4">
      <c r="A430" s="8" t="s">
        <v>11818</v>
      </c>
      <c r="B430" s="8" t="s">
        <v>633</v>
      </c>
      <c r="C430" s="9" t="s">
        <v>12887</v>
      </c>
      <c r="D430" s="9" t="s">
        <v>12888</v>
      </c>
      <c r="E430" s="10"/>
      <c r="F430" s="10" t="s">
        <v>4494</v>
      </c>
      <c r="G430" s="8" t="s">
        <v>12889</v>
      </c>
      <c r="H430" s="8" t="s">
        <v>12890</v>
      </c>
      <c r="I430" s="11">
        <v>36207</v>
      </c>
      <c r="J430" s="11">
        <v>43040</v>
      </c>
      <c r="K430" s="11">
        <v>45596</v>
      </c>
    </row>
    <row r="431" spans="1:11" x14ac:dyDescent="0.4">
      <c r="A431" s="8" t="s">
        <v>11818</v>
      </c>
      <c r="B431" s="8" t="s">
        <v>48</v>
      </c>
      <c r="C431" s="9" t="s">
        <v>12891</v>
      </c>
      <c r="D431" s="9" t="s">
        <v>12892</v>
      </c>
      <c r="E431" s="10" t="s">
        <v>12893</v>
      </c>
      <c r="F431" s="10"/>
      <c r="G431" s="8"/>
      <c r="H431" s="8" t="s">
        <v>12894</v>
      </c>
      <c r="I431" s="11">
        <v>36251</v>
      </c>
      <c r="J431" s="11">
        <v>43800</v>
      </c>
      <c r="K431" s="11">
        <v>45626</v>
      </c>
    </row>
    <row r="432" spans="1:11" x14ac:dyDescent="0.4">
      <c r="A432" s="8" t="s">
        <v>11818</v>
      </c>
      <c r="B432" s="8" t="s">
        <v>633</v>
      </c>
      <c r="C432" s="9" t="s">
        <v>12895</v>
      </c>
      <c r="D432" s="9" t="s">
        <v>12896</v>
      </c>
      <c r="E432" s="10"/>
      <c r="F432" s="10" t="s">
        <v>12897</v>
      </c>
      <c r="G432" s="8" t="s">
        <v>12898</v>
      </c>
      <c r="H432" s="8" t="s">
        <v>12899</v>
      </c>
      <c r="I432" s="11">
        <v>38047</v>
      </c>
      <c r="J432" s="11">
        <v>44166</v>
      </c>
      <c r="K432" s="11">
        <v>46356</v>
      </c>
    </row>
    <row r="433" spans="1:11" x14ac:dyDescent="0.4">
      <c r="A433" s="8" t="s">
        <v>11818</v>
      </c>
      <c r="B433" s="8" t="s">
        <v>48</v>
      </c>
      <c r="C433" s="9" t="s">
        <v>12900</v>
      </c>
      <c r="D433" s="9" t="s">
        <v>12901</v>
      </c>
      <c r="E433" s="10" t="s">
        <v>12780</v>
      </c>
      <c r="F433" s="10"/>
      <c r="G433" s="8"/>
      <c r="H433" s="8" t="s">
        <v>12902</v>
      </c>
      <c r="I433" s="11">
        <v>38079</v>
      </c>
      <c r="J433" s="11">
        <v>43983</v>
      </c>
      <c r="K433" s="11">
        <v>45808</v>
      </c>
    </row>
    <row r="434" spans="1:11" x14ac:dyDescent="0.4">
      <c r="A434" s="8" t="s">
        <v>11818</v>
      </c>
      <c r="B434" s="8" t="s">
        <v>633</v>
      </c>
      <c r="C434" s="9" t="s">
        <v>12903</v>
      </c>
      <c r="D434" s="9" t="s">
        <v>12904</v>
      </c>
      <c r="E434" s="10" t="s">
        <v>12905</v>
      </c>
      <c r="F434" s="10"/>
      <c r="G434" s="8"/>
      <c r="H434" s="8" t="s">
        <v>12906</v>
      </c>
      <c r="I434" s="11">
        <v>38080</v>
      </c>
      <c r="J434" s="11">
        <v>43739</v>
      </c>
      <c r="K434" s="11">
        <v>45565</v>
      </c>
    </row>
    <row r="435" spans="1:11" x14ac:dyDescent="0.4">
      <c r="A435" s="8" t="s">
        <v>11818</v>
      </c>
      <c r="B435" s="8" t="s">
        <v>48</v>
      </c>
      <c r="C435" s="9" t="s">
        <v>12907</v>
      </c>
      <c r="D435" s="9" t="s">
        <v>12334</v>
      </c>
      <c r="E435" s="10" t="s">
        <v>12908</v>
      </c>
      <c r="F435" s="10"/>
      <c r="G435" s="8"/>
      <c r="H435" s="8" t="s">
        <v>12909</v>
      </c>
      <c r="I435" s="11">
        <v>38091</v>
      </c>
      <c r="J435" s="11">
        <v>43800</v>
      </c>
      <c r="K435" s="11">
        <v>45626</v>
      </c>
    </row>
    <row r="436" spans="1:11" x14ac:dyDescent="0.4">
      <c r="A436" s="8" t="s">
        <v>11818</v>
      </c>
      <c r="B436" s="8" t="s">
        <v>48</v>
      </c>
      <c r="C436" s="9" t="s">
        <v>12910</v>
      </c>
      <c r="D436" s="9" t="s">
        <v>12911</v>
      </c>
      <c r="E436" s="10" t="s">
        <v>12912</v>
      </c>
      <c r="F436" s="10"/>
      <c r="G436" s="8"/>
      <c r="H436" s="8" t="s">
        <v>12913</v>
      </c>
      <c r="I436" s="11">
        <v>38119</v>
      </c>
      <c r="J436" s="11">
        <v>43739</v>
      </c>
      <c r="K436" s="11">
        <v>45565</v>
      </c>
    </row>
    <row r="437" spans="1:11" x14ac:dyDescent="0.4">
      <c r="A437" s="8" t="s">
        <v>11818</v>
      </c>
      <c r="B437" s="8" t="s">
        <v>6444</v>
      </c>
      <c r="C437" s="9" t="s">
        <v>12914</v>
      </c>
      <c r="D437" s="9" t="s">
        <v>12915</v>
      </c>
      <c r="E437" s="10"/>
      <c r="F437" s="10"/>
      <c r="G437" s="8"/>
      <c r="H437" s="8" t="s">
        <v>12916</v>
      </c>
      <c r="I437" s="11">
        <v>38142</v>
      </c>
      <c r="J437" s="11">
        <v>44136</v>
      </c>
      <c r="K437" s="11">
        <v>46326</v>
      </c>
    </row>
    <row r="438" spans="1:11" x14ac:dyDescent="0.4">
      <c r="A438" s="8" t="s">
        <v>11818</v>
      </c>
      <c r="B438" s="8" t="s">
        <v>48</v>
      </c>
      <c r="C438" s="9" t="s">
        <v>12917</v>
      </c>
      <c r="D438" s="9" t="s">
        <v>12918</v>
      </c>
      <c r="E438" s="10" t="s">
        <v>767</v>
      </c>
      <c r="F438" s="10"/>
      <c r="G438" s="8"/>
      <c r="H438" s="8" t="s">
        <v>12919</v>
      </c>
      <c r="I438" s="11">
        <v>38145</v>
      </c>
      <c r="J438" s="11">
        <v>44348</v>
      </c>
      <c r="K438" s="11">
        <v>46173</v>
      </c>
    </row>
    <row r="439" spans="1:11" x14ac:dyDescent="0.4">
      <c r="A439" s="8" t="s">
        <v>11818</v>
      </c>
      <c r="B439" s="8" t="s">
        <v>633</v>
      </c>
      <c r="C439" s="9" t="s">
        <v>12920</v>
      </c>
      <c r="D439" s="9" t="s">
        <v>12921</v>
      </c>
      <c r="E439" s="10"/>
      <c r="F439" s="10" t="s">
        <v>12922</v>
      </c>
      <c r="G439" s="8" t="s">
        <v>12923</v>
      </c>
      <c r="H439" s="8" t="s">
        <v>12924</v>
      </c>
      <c r="I439" s="11">
        <v>38159</v>
      </c>
      <c r="J439" s="11">
        <v>43221</v>
      </c>
      <c r="K439" s="11">
        <v>45777</v>
      </c>
    </row>
    <row r="440" spans="1:11" x14ac:dyDescent="0.4">
      <c r="A440" s="8" t="s">
        <v>11818</v>
      </c>
      <c r="B440" s="8" t="s">
        <v>633</v>
      </c>
      <c r="C440" s="9" t="s">
        <v>12925</v>
      </c>
      <c r="D440" s="9" t="s">
        <v>12921</v>
      </c>
      <c r="E440" s="10"/>
      <c r="F440" s="10" t="s">
        <v>12922</v>
      </c>
      <c r="G440" s="8" t="s">
        <v>12923</v>
      </c>
      <c r="H440" s="8" t="s">
        <v>12926</v>
      </c>
      <c r="I440" s="11">
        <v>38159</v>
      </c>
      <c r="J440" s="11">
        <v>43221</v>
      </c>
      <c r="K440" s="11">
        <v>45777</v>
      </c>
    </row>
    <row r="441" spans="1:11" x14ac:dyDescent="0.4">
      <c r="A441" s="8" t="s">
        <v>11818</v>
      </c>
      <c r="B441" s="8" t="s">
        <v>6444</v>
      </c>
      <c r="C441" s="9" t="s">
        <v>12927</v>
      </c>
      <c r="D441" s="9" t="s">
        <v>12928</v>
      </c>
      <c r="E441" s="10"/>
      <c r="F441" s="10" t="s">
        <v>12929</v>
      </c>
      <c r="G441" s="8" t="s">
        <v>12930</v>
      </c>
      <c r="H441" s="8" t="s">
        <v>12931</v>
      </c>
      <c r="I441" s="11">
        <v>38170</v>
      </c>
      <c r="J441" s="11">
        <v>44136</v>
      </c>
      <c r="K441" s="11">
        <v>46326</v>
      </c>
    </row>
    <row r="442" spans="1:11" x14ac:dyDescent="0.4">
      <c r="A442" s="8" t="s">
        <v>11818</v>
      </c>
      <c r="B442" s="8" t="s">
        <v>48</v>
      </c>
      <c r="C442" s="9" t="s">
        <v>12932</v>
      </c>
      <c r="D442" s="9" t="s">
        <v>12048</v>
      </c>
      <c r="E442" s="10" t="s">
        <v>12933</v>
      </c>
      <c r="F442" s="10"/>
      <c r="G442" s="8"/>
      <c r="H442" s="8" t="s">
        <v>12934</v>
      </c>
      <c r="I442" s="11">
        <v>38175</v>
      </c>
      <c r="J442" s="11">
        <v>43800</v>
      </c>
      <c r="K442" s="11">
        <v>45626</v>
      </c>
    </row>
    <row r="443" spans="1:11" x14ac:dyDescent="0.4">
      <c r="A443" s="8" t="s">
        <v>11818</v>
      </c>
      <c r="B443" s="8" t="s">
        <v>48</v>
      </c>
      <c r="C443" s="9" t="s">
        <v>12935</v>
      </c>
      <c r="D443" s="9" t="s">
        <v>12936</v>
      </c>
      <c r="E443" s="10"/>
      <c r="F443" s="10"/>
      <c r="G443" s="8"/>
      <c r="H443" s="8" t="s">
        <v>12937</v>
      </c>
      <c r="I443" s="11">
        <v>38205</v>
      </c>
      <c r="J443" s="11">
        <v>44166</v>
      </c>
      <c r="K443" s="11">
        <v>46356</v>
      </c>
    </row>
    <row r="444" spans="1:11" x14ac:dyDescent="0.4">
      <c r="A444" s="8" t="s">
        <v>11818</v>
      </c>
      <c r="B444" s="8" t="s">
        <v>5383</v>
      </c>
      <c r="C444" s="9" t="s">
        <v>12938</v>
      </c>
      <c r="D444" s="9" t="s">
        <v>12939</v>
      </c>
      <c r="E444" s="10"/>
      <c r="F444" s="10" t="s">
        <v>12940</v>
      </c>
      <c r="G444" s="8" t="s">
        <v>12941</v>
      </c>
      <c r="H444" s="8" t="s">
        <v>12942</v>
      </c>
      <c r="I444" s="11">
        <v>38209</v>
      </c>
      <c r="J444" s="11">
        <v>43922</v>
      </c>
      <c r="K444" s="11">
        <v>45747</v>
      </c>
    </row>
    <row r="445" spans="1:11" x14ac:dyDescent="0.4">
      <c r="A445" s="8" t="s">
        <v>11818</v>
      </c>
      <c r="B445" s="8" t="s">
        <v>2044</v>
      </c>
      <c r="C445" s="9" t="s">
        <v>12943</v>
      </c>
      <c r="D445" s="9" t="s">
        <v>12944</v>
      </c>
      <c r="E445" s="10"/>
      <c r="F445" s="10"/>
      <c r="G445" s="8"/>
      <c r="H445" s="8" t="s">
        <v>12945</v>
      </c>
      <c r="I445" s="11">
        <v>38219</v>
      </c>
      <c r="J445" s="11">
        <v>43770</v>
      </c>
      <c r="K445" s="11">
        <v>45596</v>
      </c>
    </row>
    <row r="446" spans="1:11" x14ac:dyDescent="0.4">
      <c r="A446" s="8" t="s">
        <v>11818</v>
      </c>
      <c r="B446" s="8" t="s">
        <v>48</v>
      </c>
      <c r="C446" s="9" t="s">
        <v>12946</v>
      </c>
      <c r="D446" s="9" t="s">
        <v>11931</v>
      </c>
      <c r="E446" s="10" t="s">
        <v>12823</v>
      </c>
      <c r="F446" s="10"/>
      <c r="G446" s="8"/>
      <c r="H446" s="8" t="s">
        <v>12947</v>
      </c>
      <c r="I446" s="11">
        <v>38233</v>
      </c>
      <c r="J446" s="11">
        <v>43800</v>
      </c>
      <c r="K446" s="11">
        <v>45626</v>
      </c>
    </row>
    <row r="447" spans="1:11" x14ac:dyDescent="0.4">
      <c r="A447" s="8" t="s">
        <v>11818</v>
      </c>
      <c r="B447" s="8" t="s">
        <v>48</v>
      </c>
      <c r="C447" s="9" t="s">
        <v>12948</v>
      </c>
      <c r="D447" s="9" t="s">
        <v>12949</v>
      </c>
      <c r="E447" s="10" t="s">
        <v>12950</v>
      </c>
      <c r="F447" s="10"/>
      <c r="G447" s="8"/>
      <c r="H447" s="8" t="s">
        <v>12951</v>
      </c>
      <c r="I447" s="11">
        <v>38231</v>
      </c>
      <c r="J447" s="11">
        <v>43800</v>
      </c>
      <c r="K447" s="11">
        <v>45626</v>
      </c>
    </row>
    <row r="448" spans="1:11" x14ac:dyDescent="0.4">
      <c r="A448" s="8" t="s">
        <v>11818</v>
      </c>
      <c r="B448" s="8" t="s">
        <v>3441</v>
      </c>
      <c r="C448" s="9" t="s">
        <v>12952</v>
      </c>
      <c r="D448" s="9" t="s">
        <v>12953</v>
      </c>
      <c r="E448" s="10"/>
      <c r="F448" s="10" t="s">
        <v>4200</v>
      </c>
      <c r="G448" s="8" t="s">
        <v>12954</v>
      </c>
      <c r="H448" s="8" t="s">
        <v>12955</v>
      </c>
      <c r="I448" s="11">
        <v>38261</v>
      </c>
      <c r="J448" s="11">
        <v>43221</v>
      </c>
      <c r="K448" s="11">
        <v>45777</v>
      </c>
    </row>
    <row r="449" spans="1:11" x14ac:dyDescent="0.4">
      <c r="A449" s="8" t="s">
        <v>11818</v>
      </c>
      <c r="B449" s="8" t="s">
        <v>6444</v>
      </c>
      <c r="C449" s="9" t="s">
        <v>12956</v>
      </c>
      <c r="D449" s="9" t="s">
        <v>12957</v>
      </c>
      <c r="E449" s="10"/>
      <c r="F449" s="10"/>
      <c r="G449" s="8"/>
      <c r="H449" s="8" t="s">
        <v>12958</v>
      </c>
      <c r="I449" s="11">
        <v>38260</v>
      </c>
      <c r="J449" s="11">
        <v>43922</v>
      </c>
      <c r="K449" s="11">
        <v>45747</v>
      </c>
    </row>
    <row r="450" spans="1:11" x14ac:dyDescent="0.4">
      <c r="A450" s="8" t="s">
        <v>11818</v>
      </c>
      <c r="B450" s="8" t="s">
        <v>2044</v>
      </c>
      <c r="C450" s="9" t="s">
        <v>12959</v>
      </c>
      <c r="D450" s="9" t="s">
        <v>12960</v>
      </c>
      <c r="E450" s="10" t="s">
        <v>12961</v>
      </c>
      <c r="F450" s="10" t="s">
        <v>12962</v>
      </c>
      <c r="G450" s="8" t="s">
        <v>12963</v>
      </c>
      <c r="H450" s="8" t="s">
        <v>12964</v>
      </c>
      <c r="I450" s="11">
        <v>38263</v>
      </c>
      <c r="J450" s="11">
        <v>44166</v>
      </c>
      <c r="K450" s="11">
        <v>46356</v>
      </c>
    </row>
    <row r="451" spans="1:11" x14ac:dyDescent="0.4">
      <c r="A451" s="8" t="s">
        <v>11818</v>
      </c>
      <c r="B451" s="8" t="s">
        <v>48</v>
      </c>
      <c r="C451" s="9" t="s">
        <v>12965</v>
      </c>
      <c r="D451" s="9" t="s">
        <v>12966</v>
      </c>
      <c r="E451" s="10" t="s">
        <v>12967</v>
      </c>
      <c r="F451" s="10"/>
      <c r="G451" s="8"/>
      <c r="H451" s="8" t="s">
        <v>12968</v>
      </c>
      <c r="I451" s="11">
        <v>38267</v>
      </c>
      <c r="J451" s="11">
        <v>43800</v>
      </c>
      <c r="K451" s="11">
        <v>45626</v>
      </c>
    </row>
    <row r="452" spans="1:11" x14ac:dyDescent="0.4">
      <c r="A452" s="8" t="s">
        <v>11818</v>
      </c>
      <c r="B452" s="8" t="s">
        <v>48</v>
      </c>
      <c r="C452" s="9" t="s">
        <v>12969</v>
      </c>
      <c r="D452" s="9" t="s">
        <v>12970</v>
      </c>
      <c r="E452" s="10"/>
      <c r="F452" s="10"/>
      <c r="G452" s="8"/>
      <c r="H452" s="8" t="s">
        <v>12971</v>
      </c>
      <c r="I452" s="11">
        <v>38288</v>
      </c>
      <c r="J452" s="11">
        <v>44287</v>
      </c>
      <c r="K452" s="11">
        <v>46112</v>
      </c>
    </row>
    <row r="453" spans="1:11" x14ac:dyDescent="0.4">
      <c r="A453" s="8" t="s">
        <v>11818</v>
      </c>
      <c r="B453" s="8" t="s">
        <v>48</v>
      </c>
      <c r="C453" s="9" t="s">
        <v>12972</v>
      </c>
      <c r="D453" s="9" t="s">
        <v>12973</v>
      </c>
      <c r="E453" s="10" t="s">
        <v>12974</v>
      </c>
      <c r="F453" s="10"/>
      <c r="G453" s="8"/>
      <c r="H453" s="8" t="s">
        <v>12975</v>
      </c>
      <c r="I453" s="11">
        <v>38295</v>
      </c>
      <c r="J453" s="11">
        <v>44166</v>
      </c>
      <c r="K453" s="11">
        <v>46356</v>
      </c>
    </row>
    <row r="454" spans="1:11" x14ac:dyDescent="0.4">
      <c r="A454" s="8" t="s">
        <v>11818</v>
      </c>
      <c r="B454" s="8" t="s">
        <v>48</v>
      </c>
      <c r="C454" s="9" t="s">
        <v>12976</v>
      </c>
      <c r="D454" s="9" t="s">
        <v>12977</v>
      </c>
      <c r="E454" s="10"/>
      <c r="F454" s="10"/>
      <c r="G454" s="8"/>
      <c r="H454" s="8" t="s">
        <v>12978</v>
      </c>
      <c r="I454" s="11">
        <v>38328</v>
      </c>
      <c r="J454" s="11">
        <v>44166</v>
      </c>
      <c r="K454" s="11">
        <v>45991</v>
      </c>
    </row>
    <row r="455" spans="1:11" x14ac:dyDescent="0.4">
      <c r="A455" s="8" t="s">
        <v>11818</v>
      </c>
      <c r="B455" s="8" t="s">
        <v>48</v>
      </c>
      <c r="C455" s="9" t="s">
        <v>12979</v>
      </c>
      <c r="D455" s="9" t="s">
        <v>12980</v>
      </c>
      <c r="E455" s="10"/>
      <c r="F455" s="10"/>
      <c r="G455" s="8"/>
      <c r="H455" s="8" t="s">
        <v>12981</v>
      </c>
      <c r="I455" s="11">
        <v>38323</v>
      </c>
      <c r="J455" s="11">
        <v>44013</v>
      </c>
      <c r="K455" s="11">
        <v>45838</v>
      </c>
    </row>
    <row r="456" spans="1:11" x14ac:dyDescent="0.4">
      <c r="A456" s="8" t="s">
        <v>11818</v>
      </c>
      <c r="B456" s="8" t="s">
        <v>9278</v>
      </c>
      <c r="C456" s="9" t="s">
        <v>12982</v>
      </c>
      <c r="D456" s="9" t="s">
        <v>12983</v>
      </c>
      <c r="E456" s="10"/>
      <c r="F456" s="10" t="s">
        <v>12984</v>
      </c>
      <c r="G456" s="8" t="s">
        <v>12985</v>
      </c>
      <c r="H456" s="8" t="s">
        <v>12986</v>
      </c>
      <c r="I456" s="11">
        <v>38360</v>
      </c>
      <c r="J456" s="11">
        <v>44378</v>
      </c>
      <c r="K456" s="11">
        <v>46568</v>
      </c>
    </row>
    <row r="457" spans="1:11" x14ac:dyDescent="0.4">
      <c r="A457" s="8" t="s">
        <v>11818</v>
      </c>
      <c r="B457" s="8" t="s">
        <v>2044</v>
      </c>
      <c r="C457" s="9" t="s">
        <v>12987</v>
      </c>
      <c r="D457" s="9" t="s">
        <v>12988</v>
      </c>
      <c r="E457" s="10"/>
      <c r="F457" s="10"/>
      <c r="G457" s="8"/>
      <c r="H457" s="8" t="s">
        <v>12989</v>
      </c>
      <c r="I457" s="11">
        <v>38367</v>
      </c>
      <c r="J457" s="11">
        <v>43922</v>
      </c>
      <c r="K457" s="11">
        <v>45747</v>
      </c>
    </row>
    <row r="458" spans="1:11" x14ac:dyDescent="0.4">
      <c r="A458" s="8" t="s">
        <v>11818</v>
      </c>
      <c r="B458" s="8" t="s">
        <v>633</v>
      </c>
      <c r="C458" s="9" t="s">
        <v>12990</v>
      </c>
      <c r="D458" s="9" t="s">
        <v>12991</v>
      </c>
      <c r="E458" s="10"/>
      <c r="F458" s="10"/>
      <c r="G458" s="8"/>
      <c r="H458" s="8" t="s">
        <v>12992</v>
      </c>
      <c r="I458" s="11">
        <v>38371</v>
      </c>
      <c r="J458" s="11">
        <v>43983</v>
      </c>
      <c r="K458" s="11">
        <v>45808</v>
      </c>
    </row>
    <row r="459" spans="1:11" x14ac:dyDescent="0.4">
      <c r="A459" s="8" t="s">
        <v>11818</v>
      </c>
      <c r="B459" s="8" t="s">
        <v>1926</v>
      </c>
      <c r="C459" s="9" t="s">
        <v>12993</v>
      </c>
      <c r="D459" s="9" t="s">
        <v>12994</v>
      </c>
      <c r="E459" s="10"/>
      <c r="F459" s="10"/>
      <c r="G459" s="8"/>
      <c r="H459" s="8" t="s">
        <v>12995</v>
      </c>
      <c r="I459" s="11">
        <v>38385</v>
      </c>
      <c r="J459" s="11">
        <v>44287</v>
      </c>
      <c r="K459" s="11">
        <v>46112</v>
      </c>
    </row>
    <row r="460" spans="1:11" x14ac:dyDescent="0.4">
      <c r="A460" s="8" t="s">
        <v>11818</v>
      </c>
      <c r="B460" s="8" t="s">
        <v>793</v>
      </c>
      <c r="C460" s="9" t="s">
        <v>12996</v>
      </c>
      <c r="D460" s="9" t="s">
        <v>12997</v>
      </c>
      <c r="E460" s="10"/>
      <c r="F460" s="10"/>
      <c r="G460" s="8"/>
      <c r="H460" s="8" t="s">
        <v>12998</v>
      </c>
      <c r="I460" s="11">
        <v>38393</v>
      </c>
      <c r="J460" s="11">
        <v>44317</v>
      </c>
      <c r="K460" s="11">
        <v>46507</v>
      </c>
    </row>
    <row r="461" spans="1:11" x14ac:dyDescent="0.4">
      <c r="A461" s="8" t="s">
        <v>11818</v>
      </c>
      <c r="B461" s="8" t="s">
        <v>698</v>
      </c>
      <c r="C461" s="9" t="s">
        <v>12999</v>
      </c>
      <c r="D461" s="9" t="s">
        <v>13000</v>
      </c>
      <c r="E461" s="10" t="s">
        <v>13001</v>
      </c>
      <c r="F461" s="10"/>
      <c r="G461" s="8"/>
      <c r="H461" s="8" t="s">
        <v>13002</v>
      </c>
      <c r="I461" s="11">
        <v>38411</v>
      </c>
      <c r="J461" s="11">
        <v>44136</v>
      </c>
      <c r="K461" s="11">
        <v>45961</v>
      </c>
    </row>
    <row r="462" spans="1:11" x14ac:dyDescent="0.4">
      <c r="A462" s="8" t="s">
        <v>11818</v>
      </c>
      <c r="B462" s="8" t="s">
        <v>633</v>
      </c>
      <c r="C462" s="9" t="s">
        <v>13003</v>
      </c>
      <c r="D462" s="9" t="s">
        <v>13004</v>
      </c>
      <c r="E462" s="10" t="s">
        <v>13005</v>
      </c>
      <c r="F462" s="10"/>
      <c r="G462" s="8"/>
      <c r="H462" s="8" t="s">
        <v>13006</v>
      </c>
      <c r="I462" s="11">
        <v>35156</v>
      </c>
      <c r="J462" s="11">
        <v>43405</v>
      </c>
      <c r="K462" s="11">
        <v>45961</v>
      </c>
    </row>
    <row r="463" spans="1:11" x14ac:dyDescent="0.4">
      <c r="A463" s="8" t="s">
        <v>11818</v>
      </c>
      <c r="B463" s="8" t="s">
        <v>1926</v>
      </c>
      <c r="C463" s="9" t="s">
        <v>12392</v>
      </c>
      <c r="D463" s="9" t="s">
        <v>13007</v>
      </c>
      <c r="E463" s="10"/>
      <c r="F463" s="10"/>
      <c r="G463" s="8"/>
      <c r="H463" s="8" t="s">
        <v>13008</v>
      </c>
      <c r="I463" s="11">
        <v>35636</v>
      </c>
      <c r="J463" s="11">
        <v>43770</v>
      </c>
      <c r="K463" s="11">
        <v>45961</v>
      </c>
    </row>
    <row r="464" spans="1:11" x14ac:dyDescent="0.4">
      <c r="A464" s="8" t="s">
        <v>11818</v>
      </c>
      <c r="B464" s="8" t="s">
        <v>3083</v>
      </c>
      <c r="C464" s="9" t="s">
        <v>13009</v>
      </c>
      <c r="D464" s="9" t="s">
        <v>13010</v>
      </c>
      <c r="E464" s="10"/>
      <c r="F464" s="10" t="s">
        <v>12757</v>
      </c>
      <c r="G464" s="8" t="s">
        <v>13011</v>
      </c>
      <c r="H464" s="8" t="s">
        <v>13012</v>
      </c>
      <c r="I464" s="11">
        <v>37138</v>
      </c>
      <c r="J464" s="11">
        <v>43770</v>
      </c>
      <c r="K464" s="11">
        <v>45961</v>
      </c>
    </row>
    <row r="465" spans="1:11" x14ac:dyDescent="0.4">
      <c r="A465" s="8" t="s">
        <v>11818</v>
      </c>
      <c r="B465" s="8" t="s">
        <v>3441</v>
      </c>
      <c r="C465" s="9" t="s">
        <v>8937</v>
      </c>
      <c r="D465" s="9" t="s">
        <v>13013</v>
      </c>
      <c r="E465" s="10"/>
      <c r="F465" s="10"/>
      <c r="G465" s="8"/>
      <c r="H465" s="8" t="s">
        <v>13014</v>
      </c>
      <c r="I465" s="11">
        <v>35759</v>
      </c>
      <c r="J465" s="11">
        <v>43770</v>
      </c>
      <c r="K465" s="11">
        <v>45961</v>
      </c>
    </row>
    <row r="466" spans="1:11" x14ac:dyDescent="0.4">
      <c r="A466" s="8" t="s">
        <v>11818</v>
      </c>
      <c r="B466" s="8" t="s">
        <v>633</v>
      </c>
      <c r="C466" s="9" t="s">
        <v>13015</v>
      </c>
      <c r="D466" s="9" t="s">
        <v>13016</v>
      </c>
      <c r="E466" s="10"/>
      <c r="F466" s="10" t="s">
        <v>13017</v>
      </c>
      <c r="G466" s="8" t="s">
        <v>13018</v>
      </c>
      <c r="H466" s="8" t="s">
        <v>13019</v>
      </c>
      <c r="I466" s="11">
        <v>37545</v>
      </c>
      <c r="J466" s="11">
        <v>43770</v>
      </c>
      <c r="K466" s="11">
        <v>45961</v>
      </c>
    </row>
    <row r="467" spans="1:11" x14ac:dyDescent="0.4">
      <c r="A467" s="8" t="s">
        <v>11818</v>
      </c>
      <c r="B467" s="8" t="s">
        <v>698</v>
      </c>
      <c r="C467" s="9" t="s">
        <v>13020</v>
      </c>
      <c r="D467" s="9" t="s">
        <v>13021</v>
      </c>
      <c r="E467" s="10"/>
      <c r="F467" s="10"/>
      <c r="G467" s="8"/>
      <c r="H467" s="8" t="s">
        <v>13022</v>
      </c>
      <c r="I467" s="11">
        <v>37707</v>
      </c>
      <c r="J467" s="11">
        <v>43770</v>
      </c>
      <c r="K467" s="11">
        <v>45596</v>
      </c>
    </row>
    <row r="468" spans="1:11" x14ac:dyDescent="0.4">
      <c r="A468" s="8" t="s">
        <v>11818</v>
      </c>
      <c r="B468" s="8" t="s">
        <v>633</v>
      </c>
      <c r="C468" s="9" t="s">
        <v>13023</v>
      </c>
      <c r="D468" s="9" t="s">
        <v>13024</v>
      </c>
      <c r="E468" s="10"/>
      <c r="F468" s="10" t="s">
        <v>12471</v>
      </c>
      <c r="G468" s="8" t="s">
        <v>12472</v>
      </c>
      <c r="H468" s="8" t="s">
        <v>13025</v>
      </c>
      <c r="I468" s="11">
        <v>35988</v>
      </c>
      <c r="J468" s="11">
        <v>43770</v>
      </c>
      <c r="K468" s="11">
        <v>45961</v>
      </c>
    </row>
    <row r="469" spans="1:11" x14ac:dyDescent="0.4">
      <c r="A469" s="8" t="s">
        <v>11818</v>
      </c>
      <c r="B469" s="8" t="s">
        <v>6444</v>
      </c>
      <c r="C469" s="9" t="s">
        <v>13026</v>
      </c>
      <c r="D469" s="9" t="s">
        <v>13027</v>
      </c>
      <c r="E469" s="10"/>
      <c r="F469" s="10"/>
      <c r="G469" s="8"/>
      <c r="H469" s="8" t="s">
        <v>13028</v>
      </c>
      <c r="I469" s="11">
        <v>37796</v>
      </c>
      <c r="J469" s="11">
        <v>43770</v>
      </c>
      <c r="K469" s="11">
        <v>45961</v>
      </c>
    </row>
    <row r="470" spans="1:11" x14ac:dyDescent="0.4">
      <c r="A470" s="8" t="s">
        <v>11818</v>
      </c>
      <c r="B470" s="8" t="s">
        <v>698</v>
      </c>
      <c r="C470" s="9" t="s">
        <v>13029</v>
      </c>
      <c r="D470" s="9" t="s">
        <v>13030</v>
      </c>
      <c r="E470" s="10"/>
      <c r="F470" s="10"/>
      <c r="G470" s="8"/>
      <c r="H470" s="8" t="s">
        <v>13031</v>
      </c>
      <c r="I470" s="11">
        <v>36012</v>
      </c>
      <c r="J470" s="11">
        <v>43770</v>
      </c>
      <c r="K470" s="11">
        <v>45596</v>
      </c>
    </row>
    <row r="471" spans="1:11" x14ac:dyDescent="0.4">
      <c r="A471" s="8" t="s">
        <v>11818</v>
      </c>
      <c r="B471" s="8" t="s">
        <v>1926</v>
      </c>
      <c r="C471" s="9" t="s">
        <v>13032</v>
      </c>
      <c r="D471" s="9" t="s">
        <v>13033</v>
      </c>
      <c r="E471" s="10"/>
      <c r="F471" s="10"/>
      <c r="G471" s="8"/>
      <c r="H471" s="8" t="s">
        <v>13034</v>
      </c>
      <c r="I471" s="11">
        <v>36182</v>
      </c>
      <c r="J471" s="11">
        <v>43770</v>
      </c>
      <c r="K471" s="11">
        <v>45596</v>
      </c>
    </row>
    <row r="472" spans="1:11" x14ac:dyDescent="0.4">
      <c r="A472" s="8" t="s">
        <v>11818</v>
      </c>
      <c r="B472" s="8" t="s">
        <v>3441</v>
      </c>
      <c r="C472" s="9" t="s">
        <v>13035</v>
      </c>
      <c r="D472" s="9" t="s">
        <v>13036</v>
      </c>
      <c r="E472" s="10"/>
      <c r="F472" s="10" t="s">
        <v>4200</v>
      </c>
      <c r="G472" s="8" t="s">
        <v>13037</v>
      </c>
      <c r="H472" s="8" t="s">
        <v>13038</v>
      </c>
      <c r="I472" s="11">
        <v>38258</v>
      </c>
      <c r="J472" s="11">
        <v>43770</v>
      </c>
      <c r="K472" s="11">
        <v>45961</v>
      </c>
    </row>
    <row r="473" spans="1:11" x14ac:dyDescent="0.4">
      <c r="A473" s="8" t="s">
        <v>11818</v>
      </c>
      <c r="B473" s="8" t="s">
        <v>633</v>
      </c>
      <c r="C473" s="9" t="s">
        <v>13039</v>
      </c>
      <c r="D473" s="9" t="s">
        <v>13040</v>
      </c>
      <c r="E473" s="10"/>
      <c r="F473" s="10"/>
      <c r="G473" s="8"/>
      <c r="H473" s="8" t="s">
        <v>13041</v>
      </c>
      <c r="I473" s="11">
        <v>36480</v>
      </c>
      <c r="J473" s="11">
        <v>44136</v>
      </c>
      <c r="K473" s="11">
        <v>45961</v>
      </c>
    </row>
    <row r="474" spans="1:11" x14ac:dyDescent="0.4">
      <c r="A474" s="8" t="s">
        <v>11818</v>
      </c>
      <c r="B474" s="8" t="s">
        <v>2044</v>
      </c>
      <c r="C474" s="9" t="s">
        <v>13042</v>
      </c>
      <c r="D474" s="9" t="s">
        <v>13043</v>
      </c>
      <c r="E474" s="10"/>
      <c r="F474" s="10"/>
      <c r="G474" s="8"/>
      <c r="H474" s="8" t="s">
        <v>13044</v>
      </c>
      <c r="I474" s="11">
        <v>36493</v>
      </c>
      <c r="J474" s="11">
        <v>44136</v>
      </c>
      <c r="K474" s="11">
        <v>45961</v>
      </c>
    </row>
    <row r="475" spans="1:11" x14ac:dyDescent="0.4">
      <c r="A475" s="8" t="s">
        <v>11818</v>
      </c>
      <c r="B475" s="8" t="s">
        <v>6444</v>
      </c>
      <c r="C475" s="9" t="s">
        <v>13045</v>
      </c>
      <c r="D475" s="9" t="s">
        <v>13046</v>
      </c>
      <c r="E475" s="10"/>
      <c r="F475" s="10"/>
      <c r="G475" s="8"/>
      <c r="H475" s="8" t="s">
        <v>13047</v>
      </c>
      <c r="I475" s="11">
        <v>35034</v>
      </c>
      <c r="J475" s="11">
        <v>44136</v>
      </c>
      <c r="K475" s="11">
        <v>45961</v>
      </c>
    </row>
    <row r="476" spans="1:11" x14ac:dyDescent="0.4">
      <c r="A476" s="8" t="s">
        <v>11818</v>
      </c>
      <c r="B476" s="8" t="s">
        <v>633</v>
      </c>
      <c r="C476" s="9" t="s">
        <v>13048</v>
      </c>
      <c r="D476" s="9" t="s">
        <v>13049</v>
      </c>
      <c r="E476" s="10"/>
      <c r="F476" s="10" t="s">
        <v>13050</v>
      </c>
      <c r="G476" s="8" t="s">
        <v>13051</v>
      </c>
      <c r="H476" s="8" t="s">
        <v>13052</v>
      </c>
      <c r="I476" s="11">
        <v>36479</v>
      </c>
      <c r="J476" s="11">
        <v>43405</v>
      </c>
      <c r="K476" s="11">
        <v>45596</v>
      </c>
    </row>
    <row r="477" spans="1:11" x14ac:dyDescent="0.4">
      <c r="A477" s="8" t="s">
        <v>11818</v>
      </c>
      <c r="B477" s="8" t="s">
        <v>5383</v>
      </c>
      <c r="C477" s="9" t="s">
        <v>13053</v>
      </c>
      <c r="D477" s="9" t="s">
        <v>13054</v>
      </c>
      <c r="E477" s="10" t="s">
        <v>13053</v>
      </c>
      <c r="F477" s="10" t="s">
        <v>13055</v>
      </c>
      <c r="G477" s="8" t="s">
        <v>13056</v>
      </c>
      <c r="H477" s="8" t="s">
        <v>13057</v>
      </c>
      <c r="I477" s="11">
        <v>35267</v>
      </c>
      <c r="J477" s="11">
        <v>44166</v>
      </c>
      <c r="K477" s="11">
        <v>45991</v>
      </c>
    </row>
    <row r="478" spans="1:11" x14ac:dyDescent="0.4">
      <c r="A478" s="8" t="s">
        <v>11818</v>
      </c>
      <c r="B478" s="8" t="s">
        <v>633</v>
      </c>
      <c r="C478" s="9" t="s">
        <v>13058</v>
      </c>
      <c r="D478" s="9" t="s">
        <v>13059</v>
      </c>
      <c r="E478" s="10" t="s">
        <v>13060</v>
      </c>
      <c r="F478" s="10" t="s">
        <v>6483</v>
      </c>
      <c r="G478" s="8" t="s">
        <v>13061</v>
      </c>
      <c r="H478" s="8" t="s">
        <v>13062</v>
      </c>
      <c r="I478" s="11">
        <v>37103</v>
      </c>
      <c r="J478" s="11">
        <v>43770</v>
      </c>
      <c r="K478" s="11">
        <v>45961</v>
      </c>
    </row>
    <row r="479" spans="1:11" x14ac:dyDescent="0.4">
      <c r="A479" s="8" t="s">
        <v>11818</v>
      </c>
      <c r="B479" s="8" t="s">
        <v>3441</v>
      </c>
      <c r="C479" s="9" t="s">
        <v>13063</v>
      </c>
      <c r="D479" s="9" t="s">
        <v>13064</v>
      </c>
      <c r="E479" s="10"/>
      <c r="F479" s="10" t="s">
        <v>9283</v>
      </c>
      <c r="G479" s="8" t="s">
        <v>13065</v>
      </c>
      <c r="H479" s="8" t="s">
        <v>13066</v>
      </c>
      <c r="I479" s="11">
        <v>35652</v>
      </c>
      <c r="J479" s="11">
        <v>43770</v>
      </c>
      <c r="K479" s="11">
        <v>45961</v>
      </c>
    </row>
    <row r="480" spans="1:11" x14ac:dyDescent="0.4">
      <c r="A480" s="8" t="s">
        <v>11818</v>
      </c>
      <c r="B480" s="8" t="s">
        <v>3441</v>
      </c>
      <c r="C480" s="9" t="s">
        <v>13067</v>
      </c>
      <c r="D480" s="9" t="s">
        <v>13068</v>
      </c>
      <c r="E480" s="10"/>
      <c r="F480" s="10" t="s">
        <v>13069</v>
      </c>
      <c r="G480" s="8" t="s">
        <v>13070</v>
      </c>
      <c r="H480" s="8" t="s">
        <v>13071</v>
      </c>
      <c r="I480" s="11">
        <v>35816</v>
      </c>
      <c r="J480" s="11">
        <v>43770</v>
      </c>
      <c r="K480" s="11">
        <v>45961</v>
      </c>
    </row>
    <row r="481" spans="1:11" x14ac:dyDescent="0.4">
      <c r="A481" s="8" t="s">
        <v>11818</v>
      </c>
      <c r="B481" s="8" t="s">
        <v>3441</v>
      </c>
      <c r="C481" s="9" t="s">
        <v>11573</v>
      </c>
      <c r="D481" s="9" t="s">
        <v>11574</v>
      </c>
      <c r="E481" s="10"/>
      <c r="F481" s="10" t="s">
        <v>11573</v>
      </c>
      <c r="G481" s="8" t="s">
        <v>11574</v>
      </c>
      <c r="H481" s="8" t="s">
        <v>13072</v>
      </c>
      <c r="I481" s="11">
        <v>37421</v>
      </c>
      <c r="J481" s="11">
        <v>43770</v>
      </c>
      <c r="K481" s="11">
        <v>45961</v>
      </c>
    </row>
    <row r="482" spans="1:11" x14ac:dyDescent="0.4">
      <c r="A482" s="8" t="s">
        <v>11818</v>
      </c>
      <c r="B482" s="8" t="s">
        <v>633</v>
      </c>
      <c r="C482" s="9" t="s">
        <v>13073</v>
      </c>
      <c r="D482" s="9" t="s">
        <v>13074</v>
      </c>
      <c r="E482" s="10"/>
      <c r="F482" s="10"/>
      <c r="G482" s="8"/>
      <c r="H482" s="8" t="s">
        <v>13075</v>
      </c>
      <c r="I482" s="11">
        <v>36001</v>
      </c>
      <c r="J482" s="11">
        <v>43770</v>
      </c>
      <c r="K482" s="11">
        <v>45596</v>
      </c>
    </row>
    <row r="483" spans="1:11" x14ac:dyDescent="0.4">
      <c r="A483" s="8" t="s">
        <v>11818</v>
      </c>
      <c r="B483" s="8" t="s">
        <v>2044</v>
      </c>
      <c r="C483" s="9" t="s">
        <v>13076</v>
      </c>
      <c r="D483" s="9" t="s">
        <v>13077</v>
      </c>
      <c r="E483" s="10" t="s">
        <v>13078</v>
      </c>
      <c r="F483" s="10"/>
      <c r="G483" s="8"/>
      <c r="H483" s="8" t="s">
        <v>13079</v>
      </c>
      <c r="I483" s="11">
        <v>36150</v>
      </c>
      <c r="J483" s="11">
        <v>43770</v>
      </c>
      <c r="K483" s="11">
        <v>45596</v>
      </c>
    </row>
    <row r="484" spans="1:11" x14ac:dyDescent="0.4">
      <c r="A484" s="8" t="s">
        <v>11818</v>
      </c>
      <c r="B484" s="8" t="s">
        <v>633</v>
      </c>
      <c r="C484" s="9" t="s">
        <v>13080</v>
      </c>
      <c r="D484" s="9" t="s">
        <v>13081</v>
      </c>
      <c r="E484" s="10"/>
      <c r="F484" s="10"/>
      <c r="G484" s="8"/>
      <c r="H484" s="8" t="s">
        <v>13082</v>
      </c>
      <c r="I484" s="11">
        <v>36150</v>
      </c>
      <c r="J484" s="11">
        <v>43770</v>
      </c>
      <c r="K484" s="11">
        <v>45596</v>
      </c>
    </row>
    <row r="485" spans="1:11" x14ac:dyDescent="0.4">
      <c r="A485" s="8" t="s">
        <v>11818</v>
      </c>
      <c r="B485" s="8" t="s">
        <v>633</v>
      </c>
      <c r="C485" s="9" t="s">
        <v>13083</v>
      </c>
      <c r="D485" s="9" t="s">
        <v>13084</v>
      </c>
      <c r="E485" s="10" t="s">
        <v>13083</v>
      </c>
      <c r="F485" s="10"/>
      <c r="G485" s="8"/>
      <c r="H485" s="8" t="s">
        <v>13085</v>
      </c>
      <c r="I485" s="11">
        <v>35367</v>
      </c>
      <c r="J485" s="11">
        <v>43770</v>
      </c>
      <c r="K485" s="11">
        <v>45596</v>
      </c>
    </row>
    <row r="486" spans="1:11" x14ac:dyDescent="0.4">
      <c r="A486" s="8" t="s">
        <v>11818</v>
      </c>
      <c r="B486" s="8" t="s">
        <v>2044</v>
      </c>
      <c r="C486" s="9" t="s">
        <v>13086</v>
      </c>
      <c r="D486" s="9" t="s">
        <v>13087</v>
      </c>
      <c r="E486" s="10"/>
      <c r="F486" s="10"/>
      <c r="G486" s="8"/>
      <c r="H486" s="8" t="s">
        <v>13088</v>
      </c>
      <c r="I486" s="11">
        <v>36279</v>
      </c>
      <c r="J486" s="11">
        <v>43770</v>
      </c>
      <c r="K486" s="11">
        <v>45596</v>
      </c>
    </row>
    <row r="487" spans="1:11" x14ac:dyDescent="0.4">
      <c r="A487" s="8" t="s">
        <v>11818</v>
      </c>
      <c r="B487" s="8" t="s">
        <v>5383</v>
      </c>
      <c r="C487" s="9" t="s">
        <v>13089</v>
      </c>
      <c r="D487" s="9" t="s">
        <v>13090</v>
      </c>
      <c r="E487" s="10"/>
      <c r="F487" s="10" t="s">
        <v>13091</v>
      </c>
      <c r="G487" s="8" t="s">
        <v>13090</v>
      </c>
      <c r="H487" s="8" t="s">
        <v>13092</v>
      </c>
      <c r="I487" s="11">
        <v>36455</v>
      </c>
      <c r="J487" s="11">
        <v>43770</v>
      </c>
      <c r="K487" s="11">
        <v>45596</v>
      </c>
    </row>
    <row r="488" spans="1:11" x14ac:dyDescent="0.4">
      <c r="A488" s="8" t="s">
        <v>11818</v>
      </c>
      <c r="B488" s="8" t="s">
        <v>5383</v>
      </c>
      <c r="C488" s="9" t="s">
        <v>13093</v>
      </c>
      <c r="D488" s="9" t="s">
        <v>13094</v>
      </c>
      <c r="E488" s="10"/>
      <c r="F488" s="10" t="s">
        <v>6483</v>
      </c>
      <c r="G488" s="8" t="s">
        <v>13095</v>
      </c>
      <c r="H488" s="8" t="s">
        <v>13096</v>
      </c>
      <c r="I488" s="11">
        <v>38258</v>
      </c>
      <c r="J488" s="11">
        <v>44136</v>
      </c>
      <c r="K488" s="11">
        <v>46326</v>
      </c>
    </row>
    <row r="489" spans="1:11" x14ac:dyDescent="0.4">
      <c r="A489" s="8" t="s">
        <v>11818</v>
      </c>
      <c r="B489" s="8" t="s">
        <v>48</v>
      </c>
      <c r="C489" s="9" t="s">
        <v>13097</v>
      </c>
      <c r="D489" s="9" t="s">
        <v>13098</v>
      </c>
      <c r="E489" s="10"/>
      <c r="F489" s="10"/>
      <c r="G489" s="8"/>
      <c r="H489" s="8" t="s">
        <v>13099</v>
      </c>
      <c r="I489" s="11">
        <v>38264</v>
      </c>
      <c r="J489" s="11">
        <v>44136</v>
      </c>
      <c r="K489" s="11">
        <v>45961</v>
      </c>
    </row>
    <row r="490" spans="1:11" x14ac:dyDescent="0.4">
      <c r="A490" s="8" t="s">
        <v>11818</v>
      </c>
      <c r="B490" s="8" t="s">
        <v>5383</v>
      </c>
      <c r="C490" s="9" t="s">
        <v>13100</v>
      </c>
      <c r="D490" s="9" t="s">
        <v>13101</v>
      </c>
      <c r="E490" s="10"/>
      <c r="F490" s="10"/>
      <c r="G490" s="8"/>
      <c r="H490" s="8" t="s">
        <v>13102</v>
      </c>
      <c r="I490" s="11">
        <v>36598</v>
      </c>
      <c r="J490" s="11">
        <v>44136</v>
      </c>
      <c r="K490" s="11">
        <v>45961</v>
      </c>
    </row>
    <row r="491" spans="1:11" x14ac:dyDescent="0.4">
      <c r="A491" s="8" t="s">
        <v>11818</v>
      </c>
      <c r="B491" s="8" t="s">
        <v>5383</v>
      </c>
      <c r="C491" s="9" t="s">
        <v>13103</v>
      </c>
      <c r="D491" s="9" t="s">
        <v>13104</v>
      </c>
      <c r="E491" s="10" t="s">
        <v>13103</v>
      </c>
      <c r="F491" s="10"/>
      <c r="G491" s="8"/>
      <c r="H491" s="8" t="s">
        <v>13105</v>
      </c>
      <c r="I491" s="11">
        <v>36509</v>
      </c>
      <c r="J491" s="11">
        <v>44136</v>
      </c>
      <c r="K491" s="11">
        <v>45961</v>
      </c>
    </row>
    <row r="492" spans="1:11" x14ac:dyDescent="0.4">
      <c r="A492" s="8" t="s">
        <v>11818</v>
      </c>
      <c r="B492" s="8" t="s">
        <v>5383</v>
      </c>
      <c r="C492" s="9" t="s">
        <v>13106</v>
      </c>
      <c r="D492" s="9" t="s">
        <v>13107</v>
      </c>
      <c r="E492" s="10"/>
      <c r="F492" s="10"/>
      <c r="G492" s="8"/>
      <c r="H492" s="8" t="s">
        <v>13108</v>
      </c>
      <c r="I492" s="11">
        <v>36513</v>
      </c>
      <c r="J492" s="11">
        <v>44136</v>
      </c>
      <c r="K492" s="11">
        <v>45961</v>
      </c>
    </row>
    <row r="493" spans="1:11" x14ac:dyDescent="0.4">
      <c r="A493" s="8" t="s">
        <v>11818</v>
      </c>
      <c r="B493" s="8" t="s">
        <v>633</v>
      </c>
      <c r="C493" s="9" t="s">
        <v>13109</v>
      </c>
      <c r="D493" s="9" t="s">
        <v>13110</v>
      </c>
      <c r="E493" s="10"/>
      <c r="F493" s="10" t="s">
        <v>13111</v>
      </c>
      <c r="G493" s="8" t="s">
        <v>13112</v>
      </c>
      <c r="H493" s="8" t="s">
        <v>13113</v>
      </c>
      <c r="I493" s="11">
        <v>38337</v>
      </c>
      <c r="J493" s="11">
        <v>44136</v>
      </c>
      <c r="K493" s="11">
        <v>45961</v>
      </c>
    </row>
    <row r="494" spans="1:11" x14ac:dyDescent="0.4">
      <c r="A494" s="8" t="s">
        <v>11818</v>
      </c>
      <c r="B494" s="8" t="s">
        <v>5383</v>
      </c>
      <c r="C494" s="9" t="s">
        <v>13114</v>
      </c>
      <c r="D494" s="9" t="s">
        <v>13115</v>
      </c>
      <c r="E494" s="10"/>
      <c r="F494" s="10" t="s">
        <v>13116</v>
      </c>
      <c r="G494" s="8" t="s">
        <v>13117</v>
      </c>
      <c r="H494" s="8" t="s">
        <v>13118</v>
      </c>
      <c r="I494" s="11">
        <v>36530</v>
      </c>
      <c r="J494" s="11">
        <v>44136</v>
      </c>
      <c r="K494" s="11">
        <v>45961</v>
      </c>
    </row>
    <row r="495" spans="1:11" x14ac:dyDescent="0.4">
      <c r="A495" s="8" t="s">
        <v>11818</v>
      </c>
      <c r="B495" s="8" t="s">
        <v>5383</v>
      </c>
      <c r="C495" s="9" t="s">
        <v>13119</v>
      </c>
      <c r="D495" s="9" t="s">
        <v>11616</v>
      </c>
      <c r="E495" s="10"/>
      <c r="F495" s="10" t="s">
        <v>13120</v>
      </c>
      <c r="G495" s="8" t="s">
        <v>11616</v>
      </c>
      <c r="H495" s="8" t="s">
        <v>13121</v>
      </c>
      <c r="I495" s="11">
        <v>33755</v>
      </c>
      <c r="J495" s="11">
        <v>43374</v>
      </c>
      <c r="K495" s="11">
        <v>45565</v>
      </c>
    </row>
    <row r="496" spans="1:11" x14ac:dyDescent="0.4">
      <c r="A496" s="8" t="s">
        <v>11818</v>
      </c>
      <c r="B496" s="8" t="s">
        <v>9278</v>
      </c>
      <c r="C496" s="9" t="s">
        <v>13122</v>
      </c>
      <c r="D496" s="9" t="s">
        <v>13123</v>
      </c>
      <c r="E496" s="10"/>
      <c r="F496" s="10" t="s">
        <v>13124</v>
      </c>
      <c r="G496" s="8" t="s">
        <v>13125</v>
      </c>
      <c r="H496" s="8" t="s">
        <v>13126</v>
      </c>
      <c r="I496" s="11">
        <v>33817</v>
      </c>
      <c r="J496" s="11">
        <v>44105</v>
      </c>
      <c r="K496" s="11">
        <v>45930</v>
      </c>
    </row>
    <row r="497" spans="1:11" x14ac:dyDescent="0.4">
      <c r="A497" s="8" t="s">
        <v>11818</v>
      </c>
      <c r="B497" s="8" t="s">
        <v>633</v>
      </c>
      <c r="C497" s="9" t="s">
        <v>13127</v>
      </c>
      <c r="D497" s="9" t="s">
        <v>13128</v>
      </c>
      <c r="E497" s="10" t="s">
        <v>13129</v>
      </c>
      <c r="F497" s="10" t="s">
        <v>6000</v>
      </c>
      <c r="G497" s="8" t="s">
        <v>11961</v>
      </c>
      <c r="H497" s="8" t="s">
        <v>13130</v>
      </c>
      <c r="I497" s="11">
        <v>35370</v>
      </c>
      <c r="J497" s="11">
        <v>43739</v>
      </c>
      <c r="K497" s="11">
        <v>45930</v>
      </c>
    </row>
    <row r="498" spans="1:11" x14ac:dyDescent="0.4">
      <c r="A498" s="8" t="s">
        <v>11818</v>
      </c>
      <c r="B498" s="8" t="s">
        <v>3083</v>
      </c>
      <c r="C498" s="9" t="s">
        <v>13131</v>
      </c>
      <c r="D498" s="9" t="s">
        <v>13132</v>
      </c>
      <c r="E498" s="10"/>
      <c r="F498" s="10"/>
      <c r="G498" s="8"/>
      <c r="H498" s="8" t="s">
        <v>13133</v>
      </c>
      <c r="I498" s="11">
        <v>37062</v>
      </c>
      <c r="J498" s="11">
        <v>43374</v>
      </c>
      <c r="K498" s="11">
        <v>45565</v>
      </c>
    </row>
    <row r="499" spans="1:11" x14ac:dyDescent="0.4">
      <c r="A499" s="8" t="s">
        <v>11818</v>
      </c>
      <c r="B499" s="8" t="s">
        <v>633</v>
      </c>
      <c r="C499" s="9" t="s">
        <v>13134</v>
      </c>
      <c r="D499" s="9" t="s">
        <v>13135</v>
      </c>
      <c r="E499" s="10"/>
      <c r="F499" s="10" t="s">
        <v>13136</v>
      </c>
      <c r="G499" s="8" t="s">
        <v>13137</v>
      </c>
      <c r="H499" s="8" t="s">
        <v>13138</v>
      </c>
      <c r="I499" s="11">
        <v>34283</v>
      </c>
      <c r="J499" s="11">
        <v>43374</v>
      </c>
      <c r="K499" s="11">
        <v>45565</v>
      </c>
    </row>
    <row r="500" spans="1:11" x14ac:dyDescent="0.4">
      <c r="A500" s="8" t="s">
        <v>11818</v>
      </c>
      <c r="B500" s="8" t="s">
        <v>3441</v>
      </c>
      <c r="C500" s="9" t="s">
        <v>13139</v>
      </c>
      <c r="D500" s="9" t="s">
        <v>13140</v>
      </c>
      <c r="E500" s="10"/>
      <c r="F500" s="10"/>
      <c r="G500" s="8"/>
      <c r="H500" s="8" t="s">
        <v>13141</v>
      </c>
      <c r="I500" s="11">
        <v>32826</v>
      </c>
      <c r="J500" s="11">
        <v>43374</v>
      </c>
      <c r="K500" s="11">
        <v>45565</v>
      </c>
    </row>
    <row r="501" spans="1:11" x14ac:dyDescent="0.4">
      <c r="A501" s="8" t="s">
        <v>11818</v>
      </c>
      <c r="B501" s="8" t="s">
        <v>698</v>
      </c>
      <c r="C501" s="9" t="s">
        <v>13142</v>
      </c>
      <c r="D501" s="9" t="s">
        <v>13143</v>
      </c>
      <c r="E501" s="10"/>
      <c r="F501" s="10"/>
      <c r="G501" s="8"/>
      <c r="H501" s="8" t="s">
        <v>13144</v>
      </c>
      <c r="I501" s="11">
        <v>37567</v>
      </c>
      <c r="J501" s="11">
        <v>44105</v>
      </c>
      <c r="K501" s="11">
        <v>46295</v>
      </c>
    </row>
    <row r="502" spans="1:11" x14ac:dyDescent="0.4">
      <c r="A502" s="8" t="s">
        <v>11818</v>
      </c>
      <c r="B502" s="8" t="s">
        <v>698</v>
      </c>
      <c r="C502" s="9" t="s">
        <v>13145</v>
      </c>
      <c r="D502" s="9" t="s">
        <v>13146</v>
      </c>
      <c r="E502" s="10"/>
      <c r="F502" s="10"/>
      <c r="G502" s="8"/>
      <c r="H502" s="8" t="s">
        <v>13147</v>
      </c>
      <c r="I502" s="11">
        <v>36161</v>
      </c>
      <c r="J502" s="11">
        <v>43739</v>
      </c>
      <c r="K502" s="11">
        <v>45565</v>
      </c>
    </row>
    <row r="503" spans="1:11" x14ac:dyDescent="0.4">
      <c r="A503" s="8" t="s">
        <v>11818</v>
      </c>
      <c r="B503" s="8" t="s">
        <v>3083</v>
      </c>
      <c r="C503" s="9" t="s">
        <v>13148</v>
      </c>
      <c r="D503" s="9" t="s">
        <v>13149</v>
      </c>
      <c r="E503" s="10"/>
      <c r="F503" s="10"/>
      <c r="G503" s="8"/>
      <c r="H503" s="8" t="s">
        <v>13150</v>
      </c>
      <c r="I503" s="11">
        <v>36126</v>
      </c>
      <c r="J503" s="11">
        <v>43739</v>
      </c>
      <c r="K503" s="11">
        <v>45565</v>
      </c>
    </row>
    <row r="504" spans="1:11" x14ac:dyDescent="0.4">
      <c r="A504" s="8" t="s">
        <v>11818</v>
      </c>
      <c r="B504" s="8" t="s">
        <v>3441</v>
      </c>
      <c r="C504" s="9" t="s">
        <v>13151</v>
      </c>
      <c r="D504" s="9" t="s">
        <v>13152</v>
      </c>
      <c r="E504" s="10"/>
      <c r="F504" s="10"/>
      <c r="G504" s="8"/>
      <c r="H504" s="8" t="s">
        <v>13153</v>
      </c>
      <c r="I504" s="11">
        <v>36192</v>
      </c>
      <c r="J504" s="11">
        <v>43739</v>
      </c>
      <c r="K504" s="11">
        <v>45565</v>
      </c>
    </row>
    <row r="505" spans="1:11" x14ac:dyDescent="0.4">
      <c r="A505" s="8" t="s">
        <v>11818</v>
      </c>
      <c r="B505" s="8" t="s">
        <v>5383</v>
      </c>
      <c r="C505" s="9" t="s">
        <v>13154</v>
      </c>
      <c r="D505" s="9" t="s">
        <v>13155</v>
      </c>
      <c r="E505" s="10"/>
      <c r="F505" s="10" t="s">
        <v>6023</v>
      </c>
      <c r="G505" s="8" t="s">
        <v>13156</v>
      </c>
      <c r="H505" s="8" t="s">
        <v>13157</v>
      </c>
      <c r="I505" s="11">
        <v>36256</v>
      </c>
      <c r="J505" s="11">
        <v>44105</v>
      </c>
      <c r="K505" s="11">
        <v>46295</v>
      </c>
    </row>
    <row r="506" spans="1:11" x14ac:dyDescent="0.4">
      <c r="A506" s="8" t="s">
        <v>11818</v>
      </c>
      <c r="B506" s="8" t="s">
        <v>48</v>
      </c>
      <c r="C506" s="9" t="s">
        <v>13158</v>
      </c>
      <c r="D506" s="9" t="s">
        <v>13159</v>
      </c>
      <c r="E506" s="10"/>
      <c r="F506" s="10"/>
      <c r="G506" s="8"/>
      <c r="H506" s="8" t="s">
        <v>13160</v>
      </c>
      <c r="I506" s="11">
        <v>34808</v>
      </c>
      <c r="J506" s="11">
        <v>43739</v>
      </c>
      <c r="K506" s="11">
        <v>45565</v>
      </c>
    </row>
    <row r="507" spans="1:11" x14ac:dyDescent="0.4">
      <c r="A507" s="8" t="s">
        <v>11818</v>
      </c>
      <c r="B507" s="8" t="s">
        <v>698</v>
      </c>
      <c r="C507" s="9" t="s">
        <v>13161</v>
      </c>
      <c r="D507" s="9" t="s">
        <v>13162</v>
      </c>
      <c r="E507" s="10"/>
      <c r="F507" s="10"/>
      <c r="G507" s="8"/>
      <c r="H507" s="8" t="s">
        <v>13163</v>
      </c>
      <c r="I507" s="11">
        <v>38085</v>
      </c>
      <c r="J507" s="11">
        <v>43739</v>
      </c>
      <c r="K507" s="11">
        <v>45565</v>
      </c>
    </row>
    <row r="508" spans="1:11" x14ac:dyDescent="0.4">
      <c r="A508" s="8" t="s">
        <v>11818</v>
      </c>
      <c r="B508" s="8" t="s">
        <v>2044</v>
      </c>
      <c r="C508" s="9" t="s">
        <v>13164</v>
      </c>
      <c r="D508" s="9" t="s">
        <v>13165</v>
      </c>
      <c r="E508" s="10"/>
      <c r="F508" s="10"/>
      <c r="G508" s="8"/>
      <c r="H508" s="8" t="s">
        <v>13166</v>
      </c>
      <c r="I508" s="11">
        <v>36281</v>
      </c>
      <c r="J508" s="11">
        <v>43739</v>
      </c>
      <c r="K508" s="11">
        <v>45565</v>
      </c>
    </row>
    <row r="509" spans="1:11" x14ac:dyDescent="0.4">
      <c r="A509" s="8" t="s">
        <v>11818</v>
      </c>
      <c r="B509" s="8" t="s">
        <v>633</v>
      </c>
      <c r="C509" s="9" t="s">
        <v>13167</v>
      </c>
      <c r="D509" s="9" t="s">
        <v>13168</v>
      </c>
      <c r="E509" s="10"/>
      <c r="F509" s="10"/>
      <c r="G509" s="8"/>
      <c r="H509" s="8" t="s">
        <v>13169</v>
      </c>
      <c r="I509" s="11">
        <v>38098</v>
      </c>
      <c r="J509" s="11">
        <v>43739</v>
      </c>
      <c r="K509" s="11">
        <v>45565</v>
      </c>
    </row>
    <row r="510" spans="1:11" x14ac:dyDescent="0.4">
      <c r="A510" s="8" t="s">
        <v>11818</v>
      </c>
      <c r="B510" s="8" t="s">
        <v>6444</v>
      </c>
      <c r="C510" s="9" t="s">
        <v>13170</v>
      </c>
      <c r="D510" s="9" t="s">
        <v>13171</v>
      </c>
      <c r="E510" s="10"/>
      <c r="F510" s="10"/>
      <c r="G510" s="8"/>
      <c r="H510" s="8" t="s">
        <v>13172</v>
      </c>
      <c r="I510" s="11">
        <v>38107</v>
      </c>
      <c r="J510" s="11">
        <v>43739</v>
      </c>
      <c r="K510" s="11">
        <v>45565</v>
      </c>
    </row>
    <row r="511" spans="1:11" x14ac:dyDescent="0.4">
      <c r="A511" s="8" t="s">
        <v>11818</v>
      </c>
      <c r="B511" s="8" t="s">
        <v>2044</v>
      </c>
      <c r="C511" s="9" t="s">
        <v>13173</v>
      </c>
      <c r="D511" s="9" t="s">
        <v>13174</v>
      </c>
      <c r="E511" s="10"/>
      <c r="F511" s="10"/>
      <c r="G511" s="8"/>
      <c r="H511" s="8" t="s">
        <v>13175</v>
      </c>
      <c r="I511" s="11">
        <v>36348</v>
      </c>
      <c r="J511" s="11">
        <v>43739</v>
      </c>
      <c r="K511" s="11">
        <v>45565</v>
      </c>
    </row>
    <row r="512" spans="1:11" x14ac:dyDescent="0.4">
      <c r="A512" s="8" t="s">
        <v>11818</v>
      </c>
      <c r="B512" s="8" t="s">
        <v>2044</v>
      </c>
      <c r="C512" s="9" t="s">
        <v>13176</v>
      </c>
      <c r="D512" s="9" t="s">
        <v>13177</v>
      </c>
      <c r="E512" s="10"/>
      <c r="F512" s="10"/>
      <c r="G512" s="8"/>
      <c r="H512" s="8" t="s">
        <v>13178</v>
      </c>
      <c r="I512" s="11">
        <v>36370</v>
      </c>
      <c r="J512" s="11">
        <v>43739</v>
      </c>
      <c r="K512" s="11">
        <v>45565</v>
      </c>
    </row>
    <row r="513" spans="1:11" x14ac:dyDescent="0.4">
      <c r="A513" s="8" t="s">
        <v>11818</v>
      </c>
      <c r="B513" s="8" t="s">
        <v>2044</v>
      </c>
      <c r="C513" s="9" t="s">
        <v>13179</v>
      </c>
      <c r="D513" s="9" t="s">
        <v>13180</v>
      </c>
      <c r="E513" s="10"/>
      <c r="F513" s="10"/>
      <c r="G513" s="8"/>
      <c r="H513" s="8" t="s">
        <v>13181</v>
      </c>
      <c r="I513" s="11">
        <v>38183</v>
      </c>
      <c r="J513" s="11">
        <v>43739</v>
      </c>
      <c r="K513" s="11">
        <v>45565</v>
      </c>
    </row>
    <row r="514" spans="1:11" x14ac:dyDescent="0.4">
      <c r="A514" s="8" t="s">
        <v>11818</v>
      </c>
      <c r="B514" s="8" t="s">
        <v>48</v>
      </c>
      <c r="C514" s="9" t="s">
        <v>13182</v>
      </c>
      <c r="D514" s="9" t="s">
        <v>13183</v>
      </c>
      <c r="E514" s="10"/>
      <c r="F514" s="10"/>
      <c r="G514" s="8"/>
      <c r="H514" s="8" t="s">
        <v>13184</v>
      </c>
      <c r="I514" s="11">
        <v>38198</v>
      </c>
      <c r="J514" s="11">
        <v>43739</v>
      </c>
      <c r="K514" s="11">
        <v>45565</v>
      </c>
    </row>
    <row r="515" spans="1:11" x14ac:dyDescent="0.4">
      <c r="A515" s="8" t="s">
        <v>11818</v>
      </c>
      <c r="B515" s="8" t="s">
        <v>48</v>
      </c>
      <c r="C515" s="9" t="s">
        <v>13185</v>
      </c>
      <c r="D515" s="9" t="s">
        <v>13186</v>
      </c>
      <c r="E515" s="10"/>
      <c r="F515" s="10"/>
      <c r="G515" s="8"/>
      <c r="H515" s="8" t="s">
        <v>13187</v>
      </c>
      <c r="I515" s="11">
        <v>36504</v>
      </c>
      <c r="J515" s="11">
        <v>44105</v>
      </c>
      <c r="K515" s="11">
        <v>45930</v>
      </c>
    </row>
    <row r="516" spans="1:11" x14ac:dyDescent="0.4">
      <c r="A516" s="8" t="s">
        <v>11818</v>
      </c>
      <c r="B516" s="8" t="s">
        <v>48</v>
      </c>
      <c r="C516" s="9" t="s">
        <v>13188</v>
      </c>
      <c r="D516" s="9" t="s">
        <v>13189</v>
      </c>
      <c r="E516" s="10"/>
      <c r="F516" s="10"/>
      <c r="G516" s="8"/>
      <c r="H516" s="8" t="s">
        <v>13190</v>
      </c>
      <c r="I516" s="11">
        <v>36617</v>
      </c>
      <c r="J516" s="11">
        <v>44105</v>
      </c>
      <c r="K516" s="11">
        <v>45930</v>
      </c>
    </row>
    <row r="517" spans="1:11" x14ac:dyDescent="0.4">
      <c r="A517" s="8" t="s">
        <v>11818</v>
      </c>
      <c r="B517" s="8" t="s">
        <v>3441</v>
      </c>
      <c r="C517" s="9" t="s">
        <v>13191</v>
      </c>
      <c r="D517" s="9" t="s">
        <v>13192</v>
      </c>
      <c r="E517" s="10"/>
      <c r="F517" s="10"/>
      <c r="G517" s="8"/>
      <c r="H517" s="8" t="s">
        <v>13193</v>
      </c>
      <c r="I517" s="11">
        <v>36416</v>
      </c>
      <c r="J517" s="11">
        <v>44105</v>
      </c>
      <c r="K517" s="11">
        <v>45930</v>
      </c>
    </row>
    <row r="518" spans="1:11" x14ac:dyDescent="0.4">
      <c r="A518" s="8" t="s">
        <v>11818</v>
      </c>
      <c r="B518" s="8" t="s">
        <v>3441</v>
      </c>
      <c r="C518" s="9" t="s">
        <v>13194</v>
      </c>
      <c r="D518" s="9" t="s">
        <v>13195</v>
      </c>
      <c r="E518" s="10"/>
      <c r="F518" s="10" t="s">
        <v>10870</v>
      </c>
      <c r="G518" s="8" t="s">
        <v>13196</v>
      </c>
      <c r="H518" s="8" t="s">
        <v>13197</v>
      </c>
      <c r="I518" s="11">
        <v>36540</v>
      </c>
      <c r="J518" s="11">
        <v>43374</v>
      </c>
      <c r="K518" s="11">
        <v>45565</v>
      </c>
    </row>
    <row r="519" spans="1:11" x14ac:dyDescent="0.4">
      <c r="A519" s="8" t="s">
        <v>11818</v>
      </c>
      <c r="B519" s="8" t="s">
        <v>2044</v>
      </c>
      <c r="C519" s="9" t="s">
        <v>11410</v>
      </c>
      <c r="D519" s="9" t="s">
        <v>11411</v>
      </c>
      <c r="E519" s="10" t="s">
        <v>11412</v>
      </c>
      <c r="F519" s="10"/>
      <c r="G519" s="8"/>
      <c r="H519" s="8" t="s">
        <v>13198</v>
      </c>
      <c r="I519" s="11">
        <v>35181</v>
      </c>
      <c r="J519" s="11">
        <v>43374</v>
      </c>
      <c r="K519" s="11">
        <v>45565</v>
      </c>
    </row>
    <row r="520" spans="1:11" x14ac:dyDescent="0.4">
      <c r="A520" s="8" t="s">
        <v>11818</v>
      </c>
      <c r="B520" s="8" t="s">
        <v>2044</v>
      </c>
      <c r="C520" s="9" t="s">
        <v>13199</v>
      </c>
      <c r="D520" s="9" t="s">
        <v>11437</v>
      </c>
      <c r="E520" s="10" t="s">
        <v>13200</v>
      </c>
      <c r="F520" s="10" t="s">
        <v>13201</v>
      </c>
      <c r="G520" s="8" t="s">
        <v>13202</v>
      </c>
      <c r="H520" s="8" t="s">
        <v>13203</v>
      </c>
      <c r="I520" s="11">
        <v>36803</v>
      </c>
      <c r="J520" s="11">
        <v>43374</v>
      </c>
      <c r="K520" s="11">
        <v>45565</v>
      </c>
    </row>
    <row r="521" spans="1:11" x14ac:dyDescent="0.4">
      <c r="A521" s="8" t="s">
        <v>11818</v>
      </c>
      <c r="B521" s="8" t="s">
        <v>633</v>
      </c>
      <c r="C521" s="9" t="s">
        <v>13204</v>
      </c>
      <c r="D521" s="9" t="s">
        <v>11437</v>
      </c>
      <c r="E521" s="10" t="s">
        <v>13205</v>
      </c>
      <c r="F521" s="10" t="s">
        <v>13206</v>
      </c>
      <c r="G521" s="8" t="s">
        <v>13207</v>
      </c>
      <c r="H521" s="8" t="s">
        <v>13208</v>
      </c>
      <c r="I521" s="11">
        <v>36803</v>
      </c>
      <c r="J521" s="11">
        <v>43374</v>
      </c>
      <c r="K521" s="11">
        <v>45565</v>
      </c>
    </row>
    <row r="522" spans="1:11" x14ac:dyDescent="0.4">
      <c r="A522" s="8" t="s">
        <v>11818</v>
      </c>
      <c r="B522" s="8" t="s">
        <v>633</v>
      </c>
      <c r="C522" s="9" t="s">
        <v>13209</v>
      </c>
      <c r="D522" s="9" t="s">
        <v>11437</v>
      </c>
      <c r="E522" s="10" t="s">
        <v>13200</v>
      </c>
      <c r="F522" s="10" t="s">
        <v>13210</v>
      </c>
      <c r="G522" s="8" t="s">
        <v>13211</v>
      </c>
      <c r="H522" s="8" t="s">
        <v>13212</v>
      </c>
      <c r="I522" s="11">
        <v>36803</v>
      </c>
      <c r="J522" s="11">
        <v>43374</v>
      </c>
      <c r="K522" s="11">
        <v>45565</v>
      </c>
    </row>
    <row r="523" spans="1:11" x14ac:dyDescent="0.4">
      <c r="A523" s="8" t="s">
        <v>11818</v>
      </c>
      <c r="B523" s="8" t="s">
        <v>3441</v>
      </c>
      <c r="C523" s="9" t="s">
        <v>13213</v>
      </c>
      <c r="D523" s="9" t="s">
        <v>11437</v>
      </c>
      <c r="E523" s="10" t="s">
        <v>11467</v>
      </c>
      <c r="F523" s="10" t="s">
        <v>13214</v>
      </c>
      <c r="G523" s="8" t="s">
        <v>13215</v>
      </c>
      <c r="H523" s="8" t="s">
        <v>13216</v>
      </c>
      <c r="I523" s="11">
        <v>36803</v>
      </c>
      <c r="J523" s="11">
        <v>43739</v>
      </c>
      <c r="K523" s="11">
        <v>45930</v>
      </c>
    </row>
    <row r="524" spans="1:11" x14ac:dyDescent="0.4">
      <c r="A524" s="8" t="s">
        <v>11818</v>
      </c>
      <c r="B524" s="8" t="s">
        <v>3441</v>
      </c>
      <c r="C524" s="9" t="s">
        <v>13217</v>
      </c>
      <c r="D524" s="9" t="s">
        <v>11437</v>
      </c>
      <c r="E524" s="10" t="s">
        <v>13218</v>
      </c>
      <c r="F524" s="10" t="s">
        <v>13214</v>
      </c>
      <c r="G524" s="8" t="s">
        <v>13215</v>
      </c>
      <c r="H524" s="8" t="s">
        <v>13219</v>
      </c>
      <c r="I524" s="11">
        <v>36803</v>
      </c>
      <c r="J524" s="11">
        <v>43739</v>
      </c>
      <c r="K524" s="11">
        <v>45930</v>
      </c>
    </row>
    <row r="525" spans="1:11" x14ac:dyDescent="0.4">
      <c r="A525" s="8" t="s">
        <v>11818</v>
      </c>
      <c r="B525" s="8" t="s">
        <v>1926</v>
      </c>
      <c r="C525" s="9" t="s">
        <v>13220</v>
      </c>
      <c r="D525" s="9" t="s">
        <v>11437</v>
      </c>
      <c r="E525" s="10" t="s">
        <v>13218</v>
      </c>
      <c r="F525" s="10" t="s">
        <v>4434</v>
      </c>
      <c r="G525" s="8" t="s">
        <v>13221</v>
      </c>
      <c r="H525" s="8" t="s">
        <v>13222</v>
      </c>
      <c r="I525" s="11">
        <v>36803</v>
      </c>
      <c r="J525" s="11">
        <v>43739</v>
      </c>
      <c r="K525" s="11">
        <v>45930</v>
      </c>
    </row>
    <row r="526" spans="1:11" x14ac:dyDescent="0.4">
      <c r="A526" s="8" t="s">
        <v>11818</v>
      </c>
      <c r="B526" s="8" t="s">
        <v>633</v>
      </c>
      <c r="C526" s="9" t="s">
        <v>13223</v>
      </c>
      <c r="D526" s="9" t="s">
        <v>13224</v>
      </c>
      <c r="E526" s="10"/>
      <c r="F526" s="10" t="s">
        <v>758</v>
      </c>
      <c r="G526" s="8" t="s">
        <v>13225</v>
      </c>
      <c r="H526" s="8" t="s">
        <v>13226</v>
      </c>
      <c r="I526" s="11">
        <v>36852</v>
      </c>
      <c r="J526" s="11">
        <v>43739</v>
      </c>
      <c r="K526" s="11">
        <v>45930</v>
      </c>
    </row>
    <row r="527" spans="1:11" x14ac:dyDescent="0.4">
      <c r="A527" s="8" t="s">
        <v>11818</v>
      </c>
      <c r="B527" s="8" t="s">
        <v>698</v>
      </c>
      <c r="C527" s="9" t="s">
        <v>13227</v>
      </c>
      <c r="D527" s="9" t="s">
        <v>13228</v>
      </c>
      <c r="E527" s="10"/>
      <c r="F527" s="10"/>
      <c r="G527" s="8"/>
      <c r="H527" s="8" t="s">
        <v>13229</v>
      </c>
      <c r="I527" s="11">
        <v>35415</v>
      </c>
      <c r="J527" s="11">
        <v>43374</v>
      </c>
      <c r="K527" s="11">
        <v>45565</v>
      </c>
    </row>
    <row r="528" spans="1:11" x14ac:dyDescent="0.4">
      <c r="A528" s="8" t="s">
        <v>11818</v>
      </c>
      <c r="B528" s="8" t="s">
        <v>633</v>
      </c>
      <c r="C528" s="9" t="s">
        <v>13230</v>
      </c>
      <c r="D528" s="9" t="s">
        <v>13231</v>
      </c>
      <c r="E528" s="10"/>
      <c r="F528" s="10" t="s">
        <v>13232</v>
      </c>
      <c r="G528" s="8" t="s">
        <v>13233</v>
      </c>
      <c r="H528" s="8" t="s">
        <v>13234</v>
      </c>
      <c r="I528" s="11">
        <v>36943</v>
      </c>
      <c r="J528" s="11">
        <v>43739</v>
      </c>
      <c r="K528" s="11">
        <v>45930</v>
      </c>
    </row>
    <row r="529" spans="1:11" x14ac:dyDescent="0.4">
      <c r="A529" s="8" t="s">
        <v>11818</v>
      </c>
      <c r="B529" s="8" t="s">
        <v>633</v>
      </c>
      <c r="C529" s="9" t="s">
        <v>13235</v>
      </c>
      <c r="D529" s="9" t="s">
        <v>13236</v>
      </c>
      <c r="E529" s="10" t="s">
        <v>13235</v>
      </c>
      <c r="F529" s="10" t="s">
        <v>6000</v>
      </c>
      <c r="G529" s="8" t="s">
        <v>11961</v>
      </c>
      <c r="H529" s="8" t="s">
        <v>13237</v>
      </c>
      <c r="I529" s="11">
        <v>34162</v>
      </c>
      <c r="J529" s="11">
        <v>43739</v>
      </c>
      <c r="K529" s="11">
        <v>45930</v>
      </c>
    </row>
    <row r="530" spans="1:11" x14ac:dyDescent="0.4">
      <c r="A530" s="8" t="s">
        <v>11818</v>
      </c>
      <c r="B530" s="8" t="s">
        <v>633</v>
      </c>
      <c r="C530" s="9" t="s">
        <v>13238</v>
      </c>
      <c r="D530" s="9" t="s">
        <v>13239</v>
      </c>
      <c r="E530" s="10" t="s">
        <v>13238</v>
      </c>
      <c r="F530" s="10" t="s">
        <v>6000</v>
      </c>
      <c r="G530" s="8" t="s">
        <v>11961</v>
      </c>
      <c r="H530" s="8" t="s">
        <v>13240</v>
      </c>
      <c r="I530" s="11">
        <v>35702</v>
      </c>
      <c r="J530" s="11">
        <v>43739</v>
      </c>
      <c r="K530" s="11">
        <v>45930</v>
      </c>
    </row>
    <row r="531" spans="1:11" x14ac:dyDescent="0.4">
      <c r="A531" s="8" t="s">
        <v>11818</v>
      </c>
      <c r="B531" s="8" t="s">
        <v>633</v>
      </c>
      <c r="C531" s="9" t="s">
        <v>13241</v>
      </c>
      <c r="D531" s="9" t="s">
        <v>11437</v>
      </c>
      <c r="E531" s="10" t="s">
        <v>13242</v>
      </c>
      <c r="F531" s="10" t="s">
        <v>2271</v>
      </c>
      <c r="G531" s="8" t="s">
        <v>12692</v>
      </c>
      <c r="H531" s="8" t="s">
        <v>13243</v>
      </c>
      <c r="I531" s="11">
        <v>37435</v>
      </c>
      <c r="J531" s="11">
        <v>43739</v>
      </c>
      <c r="K531" s="11">
        <v>45930</v>
      </c>
    </row>
    <row r="532" spans="1:11" x14ac:dyDescent="0.4">
      <c r="A532" s="8" t="s">
        <v>11818</v>
      </c>
      <c r="B532" s="8" t="s">
        <v>633</v>
      </c>
      <c r="C532" s="9" t="s">
        <v>13244</v>
      </c>
      <c r="D532" s="9" t="s">
        <v>13245</v>
      </c>
      <c r="E532" s="10"/>
      <c r="F532" s="10" t="s">
        <v>13246</v>
      </c>
      <c r="G532" s="8" t="s">
        <v>13245</v>
      </c>
      <c r="H532" s="8" t="s">
        <v>13247</v>
      </c>
      <c r="I532" s="11">
        <v>37592</v>
      </c>
      <c r="J532" s="11">
        <v>43374</v>
      </c>
      <c r="K532" s="11">
        <v>45565</v>
      </c>
    </row>
    <row r="533" spans="1:11" x14ac:dyDescent="0.4">
      <c r="A533" s="8" t="s">
        <v>11818</v>
      </c>
      <c r="B533" s="8" t="s">
        <v>9278</v>
      </c>
      <c r="C533" s="9" t="s">
        <v>13248</v>
      </c>
      <c r="D533" s="9" t="s">
        <v>13249</v>
      </c>
      <c r="E533" s="10"/>
      <c r="F533" s="10"/>
      <c r="G533" s="8"/>
      <c r="H533" s="8" t="s">
        <v>13250</v>
      </c>
      <c r="I533" s="11">
        <v>35862</v>
      </c>
      <c r="J533" s="11">
        <v>44105</v>
      </c>
      <c r="K533" s="11">
        <v>46295</v>
      </c>
    </row>
    <row r="534" spans="1:11" x14ac:dyDescent="0.4">
      <c r="A534" s="8" t="s">
        <v>11818</v>
      </c>
      <c r="B534" s="8" t="s">
        <v>633</v>
      </c>
      <c r="C534" s="9" t="s">
        <v>13251</v>
      </c>
      <c r="D534" s="9" t="s">
        <v>13252</v>
      </c>
      <c r="E534" s="10"/>
      <c r="F534" s="10"/>
      <c r="G534" s="8"/>
      <c r="H534" s="8" t="s">
        <v>13253</v>
      </c>
      <c r="I534" s="11">
        <v>35977</v>
      </c>
      <c r="J534" s="11">
        <v>43739</v>
      </c>
      <c r="K534" s="11">
        <v>45930</v>
      </c>
    </row>
    <row r="535" spans="1:11" x14ac:dyDescent="0.4">
      <c r="A535" s="8" t="s">
        <v>11818</v>
      </c>
      <c r="B535" s="8" t="s">
        <v>633</v>
      </c>
      <c r="C535" s="9" t="s">
        <v>13254</v>
      </c>
      <c r="D535" s="9" t="s">
        <v>13255</v>
      </c>
      <c r="E535" s="10"/>
      <c r="F535" s="10"/>
      <c r="G535" s="8"/>
      <c r="H535" s="8" t="s">
        <v>13256</v>
      </c>
      <c r="I535" s="11">
        <v>36058</v>
      </c>
      <c r="J535" s="11">
        <v>43739</v>
      </c>
      <c r="K535" s="11">
        <v>45930</v>
      </c>
    </row>
    <row r="536" spans="1:11" x14ac:dyDescent="0.4">
      <c r="A536" s="8" t="s">
        <v>11818</v>
      </c>
      <c r="B536" s="8" t="s">
        <v>633</v>
      </c>
      <c r="C536" s="9" t="s">
        <v>13257</v>
      </c>
      <c r="D536" s="9" t="s">
        <v>13258</v>
      </c>
      <c r="E536" s="10"/>
      <c r="F536" s="10"/>
      <c r="G536" s="8"/>
      <c r="H536" s="8" t="s">
        <v>13259</v>
      </c>
      <c r="I536" s="11">
        <v>34765</v>
      </c>
      <c r="J536" s="11">
        <v>44105</v>
      </c>
      <c r="K536" s="11">
        <v>46295</v>
      </c>
    </row>
    <row r="537" spans="1:11" x14ac:dyDescent="0.4">
      <c r="A537" s="8" t="s">
        <v>11818</v>
      </c>
      <c r="B537" s="8" t="s">
        <v>3441</v>
      </c>
      <c r="C537" s="9" t="s">
        <v>13260</v>
      </c>
      <c r="D537" s="9" t="s">
        <v>13261</v>
      </c>
      <c r="E537" s="10"/>
      <c r="F537" s="10"/>
      <c r="G537" s="8"/>
      <c r="H537" s="8" t="s">
        <v>13262</v>
      </c>
      <c r="I537" s="11">
        <v>36253</v>
      </c>
      <c r="J537" s="11">
        <v>43739</v>
      </c>
      <c r="K537" s="11">
        <v>45565</v>
      </c>
    </row>
    <row r="538" spans="1:11" x14ac:dyDescent="0.4">
      <c r="A538" s="8" t="s">
        <v>11818</v>
      </c>
      <c r="B538" s="8" t="s">
        <v>5383</v>
      </c>
      <c r="C538" s="9" t="s">
        <v>13263</v>
      </c>
      <c r="D538" s="9" t="s">
        <v>13264</v>
      </c>
      <c r="E538" s="10"/>
      <c r="F538" s="10"/>
      <c r="G538" s="8"/>
      <c r="H538" s="8" t="s">
        <v>13265</v>
      </c>
      <c r="I538" s="11">
        <v>36008</v>
      </c>
      <c r="J538" s="11">
        <v>44105</v>
      </c>
      <c r="K538" s="11">
        <v>46295</v>
      </c>
    </row>
    <row r="539" spans="1:11" x14ac:dyDescent="0.4">
      <c r="A539" s="8" t="s">
        <v>11818</v>
      </c>
      <c r="B539" s="8" t="s">
        <v>633</v>
      </c>
      <c r="C539" s="9" t="s">
        <v>11417</v>
      </c>
      <c r="D539" s="9" t="s">
        <v>11418</v>
      </c>
      <c r="E539" s="10"/>
      <c r="F539" s="10" t="s">
        <v>11419</v>
      </c>
      <c r="G539" s="8" t="s">
        <v>11418</v>
      </c>
      <c r="H539" s="8" t="s">
        <v>13266</v>
      </c>
      <c r="I539" s="11">
        <v>37008</v>
      </c>
      <c r="J539" s="11">
        <v>43405</v>
      </c>
      <c r="K539" s="11">
        <v>45596</v>
      </c>
    </row>
    <row r="540" spans="1:11" x14ac:dyDescent="0.4">
      <c r="A540" s="8" t="s">
        <v>11818</v>
      </c>
      <c r="B540" s="8" t="s">
        <v>633</v>
      </c>
      <c r="C540" s="9" t="s">
        <v>13267</v>
      </c>
      <c r="D540" s="9" t="s">
        <v>13268</v>
      </c>
      <c r="E540" s="10"/>
      <c r="F540" s="10"/>
      <c r="G540" s="8"/>
      <c r="H540" s="8" t="s">
        <v>13269</v>
      </c>
      <c r="I540" s="11">
        <v>34748</v>
      </c>
      <c r="J540" s="11">
        <v>43770</v>
      </c>
      <c r="K540" s="11">
        <v>45596</v>
      </c>
    </row>
    <row r="541" spans="1:11" x14ac:dyDescent="0.4">
      <c r="A541" s="8" t="s">
        <v>11818</v>
      </c>
      <c r="B541" s="8" t="s">
        <v>6444</v>
      </c>
      <c r="C541" s="9" t="s">
        <v>13270</v>
      </c>
      <c r="D541" s="9" t="s">
        <v>13271</v>
      </c>
      <c r="E541" s="10"/>
      <c r="F541" s="10" t="s">
        <v>2754</v>
      </c>
      <c r="G541" s="8" t="s">
        <v>13272</v>
      </c>
      <c r="H541" s="8" t="s">
        <v>13273</v>
      </c>
      <c r="I541" s="11">
        <v>38422</v>
      </c>
      <c r="J541" s="11">
        <v>44136</v>
      </c>
      <c r="K541" s="11">
        <v>45961</v>
      </c>
    </row>
    <row r="542" spans="1:11" x14ac:dyDescent="0.4">
      <c r="A542" s="8" t="s">
        <v>11818</v>
      </c>
      <c r="B542" s="8" t="s">
        <v>3083</v>
      </c>
      <c r="C542" s="9" t="s">
        <v>13274</v>
      </c>
      <c r="D542" s="9" t="s">
        <v>13275</v>
      </c>
      <c r="E542" s="10"/>
      <c r="F542" s="10"/>
      <c r="G542" s="8"/>
      <c r="H542" s="8" t="s">
        <v>13276</v>
      </c>
      <c r="I542" s="11">
        <v>38442</v>
      </c>
      <c r="J542" s="11">
        <v>43922</v>
      </c>
      <c r="K542" s="11">
        <v>45747</v>
      </c>
    </row>
    <row r="543" spans="1:11" x14ac:dyDescent="0.4">
      <c r="A543" s="8" t="s">
        <v>11818</v>
      </c>
      <c r="B543" s="8" t="s">
        <v>48</v>
      </c>
      <c r="C543" s="9" t="s">
        <v>13277</v>
      </c>
      <c r="D543" s="9" t="s">
        <v>13278</v>
      </c>
      <c r="E543" s="10"/>
      <c r="F543" s="10"/>
      <c r="G543" s="8"/>
      <c r="H543" s="8" t="s">
        <v>13279</v>
      </c>
      <c r="I543" s="11">
        <v>38463</v>
      </c>
      <c r="J543" s="11">
        <v>44013</v>
      </c>
      <c r="K543" s="11">
        <v>45838</v>
      </c>
    </row>
    <row r="544" spans="1:11" x14ac:dyDescent="0.4">
      <c r="A544" s="8" t="s">
        <v>11818</v>
      </c>
      <c r="B544" s="8" t="s">
        <v>9278</v>
      </c>
      <c r="C544" s="9" t="s">
        <v>13280</v>
      </c>
      <c r="D544" s="9" t="s">
        <v>13281</v>
      </c>
      <c r="E544" s="10"/>
      <c r="F544" s="10" t="s">
        <v>11952</v>
      </c>
      <c r="G544" s="8" t="s">
        <v>11953</v>
      </c>
      <c r="H544" s="8" t="s">
        <v>13282</v>
      </c>
      <c r="I544" s="11">
        <v>38469</v>
      </c>
      <c r="J544" s="11">
        <v>43556</v>
      </c>
      <c r="K544" s="11">
        <v>46112</v>
      </c>
    </row>
    <row r="545" spans="1:11" x14ac:dyDescent="0.4">
      <c r="A545" s="8" t="s">
        <v>11818</v>
      </c>
      <c r="B545" s="8" t="s">
        <v>48</v>
      </c>
      <c r="C545" s="9" t="s">
        <v>13283</v>
      </c>
      <c r="D545" s="9" t="s">
        <v>13284</v>
      </c>
      <c r="E545" s="10" t="s">
        <v>13285</v>
      </c>
      <c r="F545" s="10"/>
      <c r="G545" s="8"/>
      <c r="H545" s="8" t="s">
        <v>13286</v>
      </c>
      <c r="I545" s="11">
        <v>38471</v>
      </c>
      <c r="J545" s="11">
        <v>44105</v>
      </c>
      <c r="K545" s="11">
        <v>45930</v>
      </c>
    </row>
    <row r="546" spans="1:11" x14ac:dyDescent="0.4">
      <c r="A546" s="8" t="s">
        <v>11818</v>
      </c>
      <c r="B546" s="8" t="s">
        <v>48</v>
      </c>
      <c r="C546" s="9" t="s">
        <v>13287</v>
      </c>
      <c r="D546" s="9" t="s">
        <v>13288</v>
      </c>
      <c r="E546" s="10"/>
      <c r="F546" s="10" t="s">
        <v>4883</v>
      </c>
      <c r="G546" s="8" t="s">
        <v>13289</v>
      </c>
      <c r="H546" s="8" t="s">
        <v>13290</v>
      </c>
      <c r="I546" s="11">
        <v>38492</v>
      </c>
      <c r="J546" s="11">
        <v>43983</v>
      </c>
      <c r="K546" s="11">
        <v>45808</v>
      </c>
    </row>
    <row r="547" spans="1:11" x14ac:dyDescent="0.4">
      <c r="A547" s="8" t="s">
        <v>11818</v>
      </c>
      <c r="B547" s="8" t="s">
        <v>48</v>
      </c>
      <c r="C547" s="9" t="s">
        <v>13291</v>
      </c>
      <c r="D547" s="9" t="s">
        <v>13292</v>
      </c>
      <c r="E547" s="10"/>
      <c r="F547" s="10"/>
      <c r="G547" s="8"/>
      <c r="H547" s="8" t="s">
        <v>13293</v>
      </c>
      <c r="I547" s="11">
        <v>38500</v>
      </c>
      <c r="J547" s="11">
        <v>44317</v>
      </c>
      <c r="K547" s="11">
        <v>46142</v>
      </c>
    </row>
    <row r="548" spans="1:11" x14ac:dyDescent="0.4">
      <c r="A548" s="8" t="s">
        <v>11818</v>
      </c>
      <c r="B548" s="8" t="s">
        <v>48</v>
      </c>
      <c r="C548" s="9" t="s">
        <v>13294</v>
      </c>
      <c r="D548" s="9" t="s">
        <v>13295</v>
      </c>
      <c r="E548" s="10" t="s">
        <v>13296</v>
      </c>
      <c r="F548" s="10"/>
      <c r="G548" s="8"/>
      <c r="H548" s="8" t="s">
        <v>13297</v>
      </c>
      <c r="I548" s="11">
        <v>38504</v>
      </c>
      <c r="J548" s="11">
        <v>44166</v>
      </c>
      <c r="K548" s="11">
        <v>45991</v>
      </c>
    </row>
    <row r="549" spans="1:11" x14ac:dyDescent="0.4">
      <c r="A549" s="8" t="s">
        <v>11818</v>
      </c>
      <c r="B549" s="8" t="s">
        <v>5383</v>
      </c>
      <c r="C549" s="9" t="s">
        <v>13298</v>
      </c>
      <c r="D549" s="9" t="s">
        <v>13299</v>
      </c>
      <c r="E549" s="10"/>
      <c r="F549" s="10"/>
      <c r="G549" s="8"/>
      <c r="H549" s="8" t="s">
        <v>13300</v>
      </c>
      <c r="I549" s="11">
        <v>38531</v>
      </c>
      <c r="J549" s="11">
        <v>44166</v>
      </c>
      <c r="K549" s="11">
        <v>45991</v>
      </c>
    </row>
    <row r="550" spans="1:11" x14ac:dyDescent="0.4">
      <c r="A550" s="8" t="s">
        <v>11818</v>
      </c>
      <c r="B550" s="8" t="s">
        <v>2044</v>
      </c>
      <c r="C550" s="9" t="s">
        <v>13301</v>
      </c>
      <c r="D550" s="9" t="s">
        <v>13302</v>
      </c>
      <c r="E550" s="10"/>
      <c r="F550" s="10"/>
      <c r="G550" s="8"/>
      <c r="H550" s="8" t="s">
        <v>13303</v>
      </c>
      <c r="I550" s="11">
        <v>38520</v>
      </c>
      <c r="J550" s="11">
        <v>44287</v>
      </c>
      <c r="K550" s="11">
        <v>46112</v>
      </c>
    </row>
    <row r="551" spans="1:11" x14ac:dyDescent="0.4">
      <c r="A551" s="8" t="s">
        <v>11818</v>
      </c>
      <c r="B551" s="8" t="s">
        <v>9278</v>
      </c>
      <c r="C551" s="9" t="s">
        <v>13304</v>
      </c>
      <c r="D551" s="9" t="s">
        <v>13305</v>
      </c>
      <c r="E551" s="10"/>
      <c r="F551" s="10"/>
      <c r="G551" s="8"/>
      <c r="H551" s="8" t="s">
        <v>13306</v>
      </c>
      <c r="I551" s="11">
        <v>38523</v>
      </c>
      <c r="J551" s="11">
        <v>44287</v>
      </c>
      <c r="K551" s="11">
        <v>46112</v>
      </c>
    </row>
    <row r="552" spans="1:11" x14ac:dyDescent="0.4">
      <c r="A552" s="8" t="s">
        <v>11818</v>
      </c>
      <c r="B552" s="8" t="s">
        <v>633</v>
      </c>
      <c r="C552" s="9" t="s">
        <v>13307</v>
      </c>
      <c r="D552" s="9" t="s">
        <v>13308</v>
      </c>
      <c r="E552" s="10"/>
      <c r="F552" s="10"/>
      <c r="G552" s="8"/>
      <c r="H552" s="8" t="s">
        <v>13309</v>
      </c>
      <c r="I552" s="11">
        <v>38547</v>
      </c>
      <c r="J552" s="11">
        <v>44378</v>
      </c>
      <c r="K552" s="11">
        <v>46203</v>
      </c>
    </row>
    <row r="553" spans="1:11" x14ac:dyDescent="0.4">
      <c r="A553" s="8" t="s">
        <v>11818</v>
      </c>
      <c r="B553" s="8" t="s">
        <v>48</v>
      </c>
      <c r="C553" s="9" t="s">
        <v>7278</v>
      </c>
      <c r="D553" s="9" t="s">
        <v>13310</v>
      </c>
      <c r="E553" s="10"/>
      <c r="F553" s="10"/>
      <c r="G553" s="8"/>
      <c r="H553" s="8" t="s">
        <v>13311</v>
      </c>
      <c r="I553" s="11">
        <v>38565</v>
      </c>
      <c r="J553" s="11">
        <v>44287</v>
      </c>
      <c r="K553" s="11">
        <v>46112</v>
      </c>
    </row>
    <row r="554" spans="1:11" x14ac:dyDescent="0.4">
      <c r="A554" s="8" t="s">
        <v>11818</v>
      </c>
      <c r="B554" s="8" t="s">
        <v>6444</v>
      </c>
      <c r="C554" s="9" t="s">
        <v>13312</v>
      </c>
      <c r="D554" s="9" t="s">
        <v>13313</v>
      </c>
      <c r="E554" s="10"/>
      <c r="F554" s="10"/>
      <c r="G554" s="8"/>
      <c r="H554" s="8" t="s">
        <v>13314</v>
      </c>
      <c r="I554" s="11">
        <v>38574</v>
      </c>
      <c r="J554" s="11">
        <v>44317</v>
      </c>
      <c r="K554" s="11">
        <v>46142</v>
      </c>
    </row>
    <row r="555" spans="1:11" x14ac:dyDescent="0.4">
      <c r="A555" s="8" t="s">
        <v>11818</v>
      </c>
      <c r="B555" s="8" t="s">
        <v>698</v>
      </c>
      <c r="C555" s="9" t="s">
        <v>13315</v>
      </c>
      <c r="D555" s="9" t="s">
        <v>13316</v>
      </c>
      <c r="E555" s="10"/>
      <c r="F555" s="10" t="s">
        <v>13317</v>
      </c>
      <c r="G555" s="8" t="s">
        <v>13318</v>
      </c>
      <c r="H555" s="8" t="s">
        <v>13319</v>
      </c>
      <c r="I555" s="11">
        <v>38576</v>
      </c>
      <c r="J555" s="11">
        <v>43040</v>
      </c>
      <c r="K555" s="11">
        <v>45596</v>
      </c>
    </row>
    <row r="556" spans="1:11" x14ac:dyDescent="0.4">
      <c r="A556" s="8" t="s">
        <v>11818</v>
      </c>
      <c r="B556" s="8" t="s">
        <v>2044</v>
      </c>
      <c r="C556" s="9" t="s">
        <v>13320</v>
      </c>
      <c r="D556" s="9" t="s">
        <v>13321</v>
      </c>
      <c r="E556" s="10"/>
      <c r="F556" s="10" t="s">
        <v>13322</v>
      </c>
      <c r="G556" s="8" t="s">
        <v>13323</v>
      </c>
      <c r="H556" s="8" t="s">
        <v>13324</v>
      </c>
      <c r="I556" s="11">
        <v>38608</v>
      </c>
      <c r="J556" s="11">
        <v>44378</v>
      </c>
      <c r="K556" s="11">
        <v>46203</v>
      </c>
    </row>
    <row r="557" spans="1:11" x14ac:dyDescent="0.4">
      <c r="A557" s="8" t="s">
        <v>11818</v>
      </c>
      <c r="B557" s="8" t="s">
        <v>633</v>
      </c>
      <c r="C557" s="9" t="s">
        <v>13325</v>
      </c>
      <c r="D557" s="9" t="s">
        <v>13321</v>
      </c>
      <c r="E557" s="10"/>
      <c r="F557" s="10" t="s">
        <v>13322</v>
      </c>
      <c r="G557" s="8" t="s">
        <v>13323</v>
      </c>
      <c r="H557" s="8" t="s">
        <v>13326</v>
      </c>
      <c r="I557" s="11">
        <v>38608</v>
      </c>
      <c r="J557" s="11">
        <v>44378</v>
      </c>
      <c r="K557" s="11">
        <v>46203</v>
      </c>
    </row>
    <row r="558" spans="1:11" x14ac:dyDescent="0.4">
      <c r="A558" s="8" t="s">
        <v>11818</v>
      </c>
      <c r="B558" s="8" t="s">
        <v>5383</v>
      </c>
      <c r="C558" s="9" t="s">
        <v>13327</v>
      </c>
      <c r="D558" s="9" t="s">
        <v>13328</v>
      </c>
      <c r="E558" s="10"/>
      <c r="F558" s="10" t="s">
        <v>13329</v>
      </c>
      <c r="G558" s="8" t="s">
        <v>13330</v>
      </c>
      <c r="H558" s="8" t="s">
        <v>13331</v>
      </c>
      <c r="I558" s="11">
        <v>38646</v>
      </c>
      <c r="J558" s="11">
        <v>44166</v>
      </c>
      <c r="K558" s="11">
        <v>45991</v>
      </c>
    </row>
    <row r="559" spans="1:11" x14ac:dyDescent="0.4">
      <c r="A559" s="8" t="s">
        <v>11818</v>
      </c>
      <c r="B559" s="8" t="s">
        <v>3441</v>
      </c>
      <c r="C559" s="9" t="s">
        <v>5898</v>
      </c>
      <c r="D559" s="9" t="s">
        <v>13332</v>
      </c>
      <c r="E559" s="10"/>
      <c r="F559" s="10"/>
      <c r="G559" s="8"/>
      <c r="H559" s="8" t="s">
        <v>13333</v>
      </c>
      <c r="I559" s="11">
        <v>38621</v>
      </c>
      <c r="J559" s="11">
        <v>44136</v>
      </c>
      <c r="K559" s="11">
        <v>45961</v>
      </c>
    </row>
    <row r="560" spans="1:11" x14ac:dyDescent="0.4">
      <c r="A560" s="8" t="s">
        <v>11818</v>
      </c>
      <c r="B560" s="8" t="s">
        <v>48</v>
      </c>
      <c r="C560" s="9" t="s">
        <v>13334</v>
      </c>
      <c r="D560" s="9" t="s">
        <v>13335</v>
      </c>
      <c r="E560" s="10"/>
      <c r="F560" s="10"/>
      <c r="G560" s="8"/>
      <c r="H560" s="8" t="s">
        <v>13336</v>
      </c>
      <c r="I560" s="11">
        <v>38626</v>
      </c>
      <c r="J560" s="11">
        <v>44348</v>
      </c>
      <c r="K560" s="11">
        <v>46173</v>
      </c>
    </row>
    <row r="561" spans="1:11" x14ac:dyDescent="0.4">
      <c r="A561" s="8" t="s">
        <v>11818</v>
      </c>
      <c r="B561" s="8" t="s">
        <v>48</v>
      </c>
      <c r="C561" s="9" t="s">
        <v>13337</v>
      </c>
      <c r="D561" s="9" t="s">
        <v>13338</v>
      </c>
      <c r="E561" s="10"/>
      <c r="F561" s="10"/>
      <c r="G561" s="8"/>
      <c r="H561" s="8" t="s">
        <v>13339</v>
      </c>
      <c r="I561" s="11">
        <v>38645</v>
      </c>
      <c r="J561" s="11">
        <v>44348</v>
      </c>
      <c r="K561" s="11">
        <v>46173</v>
      </c>
    </row>
    <row r="562" spans="1:11" x14ac:dyDescent="0.4">
      <c r="A562" s="8" t="s">
        <v>11818</v>
      </c>
      <c r="B562" s="8" t="s">
        <v>5383</v>
      </c>
      <c r="C562" s="9" t="s">
        <v>13340</v>
      </c>
      <c r="D562" s="9" t="s">
        <v>11619</v>
      </c>
      <c r="E562" s="10"/>
      <c r="F562" s="10" t="s">
        <v>11620</v>
      </c>
      <c r="G562" s="8" t="s">
        <v>11621</v>
      </c>
      <c r="H562" s="8" t="s">
        <v>13341</v>
      </c>
      <c r="I562" s="11">
        <v>38660</v>
      </c>
      <c r="J562" s="11">
        <v>43405</v>
      </c>
      <c r="K562" s="11">
        <v>45596</v>
      </c>
    </row>
    <row r="563" spans="1:11" x14ac:dyDescent="0.4">
      <c r="A563" s="8" t="s">
        <v>11818</v>
      </c>
      <c r="B563" s="8" t="s">
        <v>48</v>
      </c>
      <c r="C563" s="9" t="s">
        <v>13342</v>
      </c>
      <c r="D563" s="9" t="s">
        <v>13343</v>
      </c>
      <c r="E563" s="10"/>
      <c r="F563" s="10"/>
      <c r="G563" s="8"/>
      <c r="H563" s="8" t="s">
        <v>13344</v>
      </c>
      <c r="I563" s="11">
        <v>38668</v>
      </c>
      <c r="J563" s="11">
        <v>44287</v>
      </c>
      <c r="K563" s="11">
        <v>46112</v>
      </c>
    </row>
    <row r="564" spans="1:11" x14ac:dyDescent="0.4">
      <c r="A564" s="8" t="s">
        <v>11818</v>
      </c>
      <c r="B564" s="8" t="s">
        <v>633</v>
      </c>
      <c r="C564" s="9" t="s">
        <v>13345</v>
      </c>
      <c r="D564" s="9" t="s">
        <v>13346</v>
      </c>
      <c r="E564" s="10"/>
      <c r="F564" s="10" t="s">
        <v>12621</v>
      </c>
      <c r="G564" s="8" t="s">
        <v>12620</v>
      </c>
      <c r="H564" s="8" t="s">
        <v>13347</v>
      </c>
      <c r="I564" s="11">
        <v>38678</v>
      </c>
      <c r="J564" s="11">
        <v>44287</v>
      </c>
      <c r="K564" s="11">
        <v>46112</v>
      </c>
    </row>
    <row r="565" spans="1:11" x14ac:dyDescent="0.4">
      <c r="A565" s="8" t="s">
        <v>11818</v>
      </c>
      <c r="B565" s="8" t="s">
        <v>3441</v>
      </c>
      <c r="C565" s="9" t="s">
        <v>13348</v>
      </c>
      <c r="D565" s="9" t="s">
        <v>13349</v>
      </c>
      <c r="E565" s="10"/>
      <c r="F565" s="10"/>
      <c r="G565" s="8"/>
      <c r="H565" s="8" t="s">
        <v>13350</v>
      </c>
      <c r="I565" s="11">
        <v>38684</v>
      </c>
      <c r="J565" s="11">
        <v>43405</v>
      </c>
      <c r="K565" s="11">
        <v>45596</v>
      </c>
    </row>
    <row r="566" spans="1:11" x14ac:dyDescent="0.4">
      <c r="A566" s="8" t="s">
        <v>11818</v>
      </c>
      <c r="B566" s="8" t="s">
        <v>48</v>
      </c>
      <c r="C566" s="9" t="s">
        <v>13351</v>
      </c>
      <c r="D566" s="9" t="s">
        <v>13352</v>
      </c>
      <c r="E566" s="10"/>
      <c r="F566" s="10" t="s">
        <v>13351</v>
      </c>
      <c r="G566" s="8" t="s">
        <v>13353</v>
      </c>
      <c r="H566" s="8" t="s">
        <v>13354</v>
      </c>
      <c r="I566" s="11">
        <v>38687</v>
      </c>
      <c r="J566" s="11">
        <v>44166</v>
      </c>
      <c r="K566" s="11">
        <v>45991</v>
      </c>
    </row>
    <row r="567" spans="1:11" x14ac:dyDescent="0.4">
      <c r="A567" s="8" t="s">
        <v>11818</v>
      </c>
      <c r="B567" s="8" t="s">
        <v>633</v>
      </c>
      <c r="C567" s="9" t="s">
        <v>13355</v>
      </c>
      <c r="D567" s="9" t="s">
        <v>13356</v>
      </c>
      <c r="E567" s="10"/>
      <c r="F567" s="10" t="s">
        <v>13357</v>
      </c>
      <c r="G567" s="8" t="s">
        <v>13358</v>
      </c>
      <c r="H567" s="8" t="s">
        <v>13359</v>
      </c>
      <c r="I567" s="11">
        <v>38691</v>
      </c>
      <c r="J567" s="11">
        <v>43405</v>
      </c>
      <c r="K567" s="11">
        <v>45596</v>
      </c>
    </row>
    <row r="568" spans="1:11" x14ac:dyDescent="0.4">
      <c r="A568" s="8" t="s">
        <v>11818</v>
      </c>
      <c r="B568" s="8" t="s">
        <v>6444</v>
      </c>
      <c r="C568" s="9" t="s">
        <v>13360</v>
      </c>
      <c r="D568" s="9" t="s">
        <v>13361</v>
      </c>
      <c r="E568" s="10"/>
      <c r="F568" s="10"/>
      <c r="G568" s="8"/>
      <c r="H568" s="8" t="s">
        <v>13362</v>
      </c>
      <c r="I568" s="11">
        <v>38695</v>
      </c>
      <c r="J568" s="11">
        <v>43374</v>
      </c>
      <c r="K568" s="11">
        <v>45565</v>
      </c>
    </row>
    <row r="569" spans="1:11" x14ac:dyDescent="0.4">
      <c r="A569" s="8" t="s">
        <v>11818</v>
      </c>
      <c r="B569" s="8" t="s">
        <v>633</v>
      </c>
      <c r="C569" s="9" t="s">
        <v>13363</v>
      </c>
      <c r="D569" s="9" t="s">
        <v>13364</v>
      </c>
      <c r="E569" s="10" t="s">
        <v>13365</v>
      </c>
      <c r="F569" s="10" t="s">
        <v>4085</v>
      </c>
      <c r="G569" s="8" t="s">
        <v>13366</v>
      </c>
      <c r="H569" s="8" t="s">
        <v>13367</v>
      </c>
      <c r="I569" s="11">
        <v>38696</v>
      </c>
      <c r="J569" s="11">
        <v>43282</v>
      </c>
      <c r="K569" s="11">
        <v>45473</v>
      </c>
    </row>
    <row r="570" spans="1:11" x14ac:dyDescent="0.4">
      <c r="A570" s="8" t="s">
        <v>11818</v>
      </c>
      <c r="B570" s="8" t="s">
        <v>633</v>
      </c>
      <c r="C570" s="9" t="s">
        <v>13368</v>
      </c>
      <c r="D570" s="9" t="s">
        <v>13369</v>
      </c>
      <c r="E570" s="10"/>
      <c r="F570" s="10" t="s">
        <v>13370</v>
      </c>
      <c r="G570" s="8" t="s">
        <v>13369</v>
      </c>
      <c r="H570" s="8" t="s">
        <v>13371</v>
      </c>
      <c r="I570" s="11">
        <v>38776</v>
      </c>
      <c r="J570" s="11">
        <v>44317</v>
      </c>
      <c r="K570" s="11">
        <v>46142</v>
      </c>
    </row>
    <row r="571" spans="1:11" x14ac:dyDescent="0.4">
      <c r="A571" s="8" t="s">
        <v>11818</v>
      </c>
      <c r="B571" s="8" t="s">
        <v>633</v>
      </c>
      <c r="C571" s="9" t="s">
        <v>13372</v>
      </c>
      <c r="D571" s="9" t="s">
        <v>13373</v>
      </c>
      <c r="E571" s="10"/>
      <c r="F571" s="10" t="s">
        <v>2634</v>
      </c>
      <c r="G571" s="8" t="s">
        <v>12325</v>
      </c>
      <c r="H571" s="8" t="s">
        <v>13374</v>
      </c>
      <c r="I571" s="11">
        <v>38820</v>
      </c>
      <c r="J571" s="11">
        <v>43282</v>
      </c>
      <c r="K571" s="11">
        <v>45473</v>
      </c>
    </row>
    <row r="572" spans="1:11" x14ac:dyDescent="0.4">
      <c r="A572" s="8" t="s">
        <v>11818</v>
      </c>
      <c r="B572" s="8" t="s">
        <v>633</v>
      </c>
      <c r="C572" s="9" t="s">
        <v>13375</v>
      </c>
      <c r="D572" s="9" t="s">
        <v>13376</v>
      </c>
      <c r="E572" s="10"/>
      <c r="F572" s="10" t="s">
        <v>2321</v>
      </c>
      <c r="G572" s="8" t="s">
        <v>13377</v>
      </c>
      <c r="H572" s="8" t="s">
        <v>13378</v>
      </c>
      <c r="I572" s="11">
        <v>38825</v>
      </c>
      <c r="J572" s="11">
        <v>43405</v>
      </c>
      <c r="K572" s="11">
        <v>45961</v>
      </c>
    </row>
    <row r="573" spans="1:11" x14ac:dyDescent="0.4">
      <c r="A573" s="8" t="s">
        <v>11818</v>
      </c>
      <c r="B573" s="8" t="s">
        <v>633</v>
      </c>
      <c r="C573" s="9" t="s">
        <v>13379</v>
      </c>
      <c r="D573" s="9" t="s">
        <v>13380</v>
      </c>
      <c r="E573" s="10"/>
      <c r="F573" s="10" t="s">
        <v>11153</v>
      </c>
      <c r="G573" s="8" t="s">
        <v>12415</v>
      </c>
      <c r="H573" s="8" t="s">
        <v>13381</v>
      </c>
      <c r="I573" s="11">
        <v>38922</v>
      </c>
      <c r="J573" s="11">
        <v>43556</v>
      </c>
      <c r="K573" s="11">
        <v>46112</v>
      </c>
    </row>
    <row r="574" spans="1:11" x14ac:dyDescent="0.4">
      <c r="A574" s="8" t="s">
        <v>11818</v>
      </c>
      <c r="B574" s="8" t="s">
        <v>633</v>
      </c>
      <c r="C574" s="9" t="s">
        <v>13382</v>
      </c>
      <c r="D574" s="9" t="s">
        <v>13383</v>
      </c>
      <c r="E574" s="10"/>
      <c r="F574" s="10"/>
      <c r="G574" s="8"/>
      <c r="H574" s="8" t="s">
        <v>13384</v>
      </c>
      <c r="I574" s="11">
        <v>38941</v>
      </c>
      <c r="J574" s="11">
        <v>43405</v>
      </c>
      <c r="K574" s="11">
        <v>45596</v>
      </c>
    </row>
    <row r="575" spans="1:11" x14ac:dyDescent="0.4">
      <c r="A575" s="8" t="s">
        <v>11818</v>
      </c>
      <c r="B575" s="8" t="s">
        <v>6444</v>
      </c>
      <c r="C575" s="9" t="s">
        <v>13385</v>
      </c>
      <c r="D575" s="9" t="s">
        <v>13386</v>
      </c>
      <c r="E575" s="10"/>
      <c r="F575" s="10" t="s">
        <v>13387</v>
      </c>
      <c r="G575" s="8" t="s">
        <v>13388</v>
      </c>
      <c r="H575" s="8" t="s">
        <v>13389</v>
      </c>
      <c r="I575" s="11">
        <v>38966</v>
      </c>
      <c r="J575" s="11">
        <v>43647</v>
      </c>
      <c r="K575" s="11">
        <v>45838</v>
      </c>
    </row>
    <row r="576" spans="1:11" x14ac:dyDescent="0.4">
      <c r="A576" s="8" t="s">
        <v>11818</v>
      </c>
      <c r="B576" s="8" t="s">
        <v>1926</v>
      </c>
      <c r="C576" s="9" t="s">
        <v>13390</v>
      </c>
      <c r="D576" s="9" t="s">
        <v>13391</v>
      </c>
      <c r="E576" s="10"/>
      <c r="F576" s="10" t="s">
        <v>13392</v>
      </c>
      <c r="G576" s="8" t="s">
        <v>13393</v>
      </c>
      <c r="H576" s="8" t="s">
        <v>13394</v>
      </c>
      <c r="I576" s="11">
        <v>38982</v>
      </c>
      <c r="J576" s="11">
        <v>43374</v>
      </c>
      <c r="K576" s="11">
        <v>45565</v>
      </c>
    </row>
    <row r="577" spans="1:11" x14ac:dyDescent="0.4">
      <c r="A577" s="8" t="s">
        <v>11818</v>
      </c>
      <c r="B577" s="8" t="s">
        <v>633</v>
      </c>
      <c r="C577" s="9" t="s">
        <v>13395</v>
      </c>
      <c r="D577" s="9" t="s">
        <v>13396</v>
      </c>
      <c r="E577" s="10"/>
      <c r="F577" s="10" t="s">
        <v>4475</v>
      </c>
      <c r="G577" s="8" t="s">
        <v>13397</v>
      </c>
      <c r="H577" s="8" t="s">
        <v>13398</v>
      </c>
      <c r="I577" s="11">
        <v>38996</v>
      </c>
      <c r="J577" s="11">
        <v>43556</v>
      </c>
      <c r="K577" s="11">
        <v>45747</v>
      </c>
    </row>
    <row r="578" spans="1:11" x14ac:dyDescent="0.4">
      <c r="A578" s="8" t="s">
        <v>11818</v>
      </c>
      <c r="B578" s="8" t="s">
        <v>3441</v>
      </c>
      <c r="C578" s="9" t="s">
        <v>13399</v>
      </c>
      <c r="D578" s="9" t="s">
        <v>13400</v>
      </c>
      <c r="E578" s="10"/>
      <c r="F578" s="10"/>
      <c r="G578" s="8"/>
      <c r="H578" s="8" t="s">
        <v>13401</v>
      </c>
      <c r="I578" s="11">
        <v>39003</v>
      </c>
      <c r="J578" s="11">
        <v>43647</v>
      </c>
      <c r="K578" s="11">
        <v>45838</v>
      </c>
    </row>
    <row r="579" spans="1:11" x14ac:dyDescent="0.4">
      <c r="A579" s="8" t="s">
        <v>11818</v>
      </c>
      <c r="B579" s="8" t="s">
        <v>698</v>
      </c>
      <c r="C579" s="9" t="s">
        <v>13402</v>
      </c>
      <c r="D579" s="9" t="s">
        <v>13403</v>
      </c>
      <c r="E579" s="10"/>
      <c r="F579" s="10" t="s">
        <v>13404</v>
      </c>
      <c r="G579" s="8" t="s">
        <v>13405</v>
      </c>
      <c r="H579" s="8" t="s">
        <v>13406</v>
      </c>
      <c r="I579" s="11">
        <v>39027</v>
      </c>
      <c r="J579" s="11">
        <v>43405</v>
      </c>
      <c r="K579" s="11">
        <v>45596</v>
      </c>
    </row>
    <row r="580" spans="1:11" x14ac:dyDescent="0.4">
      <c r="A580" s="8" t="s">
        <v>11818</v>
      </c>
      <c r="B580" s="8" t="s">
        <v>633</v>
      </c>
      <c r="C580" s="9" t="s">
        <v>13407</v>
      </c>
      <c r="D580" s="9" t="s">
        <v>13408</v>
      </c>
      <c r="E580" s="10"/>
      <c r="F580" s="10"/>
      <c r="G580" s="8"/>
      <c r="H580" s="8" t="s">
        <v>13409</v>
      </c>
      <c r="I580" s="11">
        <v>39029</v>
      </c>
      <c r="J580" s="11">
        <v>43374</v>
      </c>
      <c r="K580" s="11">
        <v>45565</v>
      </c>
    </row>
    <row r="581" spans="1:11" x14ac:dyDescent="0.4">
      <c r="A581" s="8" t="s">
        <v>11818</v>
      </c>
      <c r="B581" s="8" t="s">
        <v>633</v>
      </c>
      <c r="C581" s="9" t="s">
        <v>13410</v>
      </c>
      <c r="D581" s="9" t="s">
        <v>13411</v>
      </c>
      <c r="E581" s="10"/>
      <c r="F581" s="10" t="s">
        <v>13412</v>
      </c>
      <c r="G581" s="8" t="s">
        <v>13411</v>
      </c>
      <c r="H581" s="8" t="s">
        <v>13413</v>
      </c>
      <c r="I581" s="11">
        <v>39038</v>
      </c>
      <c r="J581" s="11">
        <v>43282</v>
      </c>
      <c r="K581" s="11">
        <v>45473</v>
      </c>
    </row>
    <row r="582" spans="1:11" x14ac:dyDescent="0.4">
      <c r="A582" s="8" t="s">
        <v>11818</v>
      </c>
      <c r="B582" s="8" t="s">
        <v>3083</v>
      </c>
      <c r="C582" s="9" t="s">
        <v>13414</v>
      </c>
      <c r="D582" s="9" t="s">
        <v>13415</v>
      </c>
      <c r="E582" s="10"/>
      <c r="F582" s="10" t="s">
        <v>13416</v>
      </c>
      <c r="G582" s="8" t="s">
        <v>13417</v>
      </c>
      <c r="H582" s="8" t="s">
        <v>13418</v>
      </c>
      <c r="I582" s="11">
        <v>39049</v>
      </c>
      <c r="J582" s="11">
        <v>43739</v>
      </c>
      <c r="K582" s="11">
        <v>45930</v>
      </c>
    </row>
    <row r="583" spans="1:11" x14ac:dyDescent="0.4">
      <c r="A583" s="8" t="s">
        <v>11818</v>
      </c>
      <c r="B583" s="8" t="s">
        <v>9278</v>
      </c>
      <c r="C583" s="9" t="s">
        <v>13419</v>
      </c>
      <c r="D583" s="9" t="s">
        <v>13420</v>
      </c>
      <c r="E583" s="10"/>
      <c r="F583" s="10"/>
      <c r="G583" s="8"/>
      <c r="H583" s="8" t="s">
        <v>13421</v>
      </c>
      <c r="I583" s="11">
        <v>39053</v>
      </c>
      <c r="J583" s="11">
        <v>43374</v>
      </c>
      <c r="K583" s="11">
        <v>45565</v>
      </c>
    </row>
    <row r="584" spans="1:11" x14ac:dyDescent="0.4">
      <c r="A584" s="8" t="s">
        <v>11818</v>
      </c>
      <c r="B584" s="8" t="s">
        <v>3441</v>
      </c>
      <c r="C584" s="9" t="s">
        <v>13422</v>
      </c>
      <c r="D584" s="9" t="s">
        <v>13423</v>
      </c>
      <c r="E584" s="10" t="s">
        <v>13424</v>
      </c>
      <c r="F584" s="10" t="s">
        <v>13425</v>
      </c>
      <c r="G584" s="8" t="s">
        <v>13423</v>
      </c>
      <c r="H584" s="8" t="s">
        <v>13426</v>
      </c>
      <c r="I584" s="11">
        <v>39059</v>
      </c>
      <c r="J584" s="11">
        <v>43556</v>
      </c>
      <c r="K584" s="11">
        <v>45747</v>
      </c>
    </row>
    <row r="585" spans="1:11" x14ac:dyDescent="0.4">
      <c r="A585" s="8" t="s">
        <v>11818</v>
      </c>
      <c r="B585" s="8" t="s">
        <v>9278</v>
      </c>
      <c r="C585" s="9" t="s">
        <v>13427</v>
      </c>
      <c r="D585" s="9" t="s">
        <v>13428</v>
      </c>
      <c r="E585" s="10"/>
      <c r="F585" s="10"/>
      <c r="G585" s="8"/>
      <c r="H585" s="8" t="s">
        <v>13429</v>
      </c>
      <c r="I585" s="11">
        <v>39071</v>
      </c>
      <c r="J585" s="11">
        <v>43374</v>
      </c>
      <c r="K585" s="11">
        <v>45565</v>
      </c>
    </row>
    <row r="586" spans="1:11" x14ac:dyDescent="0.4">
      <c r="A586" s="8" t="s">
        <v>11818</v>
      </c>
      <c r="B586" s="8" t="s">
        <v>633</v>
      </c>
      <c r="C586" s="9" t="s">
        <v>13430</v>
      </c>
      <c r="D586" s="9" t="s">
        <v>13431</v>
      </c>
      <c r="E586" s="10" t="s">
        <v>13432</v>
      </c>
      <c r="F586" s="10" t="s">
        <v>2634</v>
      </c>
      <c r="G586" s="8" t="s">
        <v>12325</v>
      </c>
      <c r="H586" s="8" t="s">
        <v>13433</v>
      </c>
      <c r="I586" s="11">
        <v>39093</v>
      </c>
      <c r="J586" s="11">
        <v>43435</v>
      </c>
      <c r="K586" s="11">
        <v>45626</v>
      </c>
    </row>
    <row r="587" spans="1:11" x14ac:dyDescent="0.4">
      <c r="A587" s="8" t="s">
        <v>11818</v>
      </c>
      <c r="B587" s="8" t="s">
        <v>3441</v>
      </c>
      <c r="C587" s="9" t="s">
        <v>13390</v>
      </c>
      <c r="D587" s="9" t="s">
        <v>11437</v>
      </c>
      <c r="E587" s="10" t="s">
        <v>13218</v>
      </c>
      <c r="F587" s="10" t="s">
        <v>13392</v>
      </c>
      <c r="G587" s="8" t="s">
        <v>13393</v>
      </c>
      <c r="H587" s="8" t="s">
        <v>13434</v>
      </c>
      <c r="I587" s="11">
        <v>39103</v>
      </c>
      <c r="J587" s="11">
        <v>43374</v>
      </c>
      <c r="K587" s="11">
        <v>45565</v>
      </c>
    </row>
    <row r="588" spans="1:11" x14ac:dyDescent="0.4">
      <c r="A588" s="8" t="s">
        <v>11818</v>
      </c>
      <c r="B588" s="8" t="s">
        <v>2044</v>
      </c>
      <c r="C588" s="9" t="s">
        <v>13435</v>
      </c>
      <c r="D588" s="9" t="s">
        <v>13436</v>
      </c>
      <c r="E588" s="10" t="s">
        <v>13437</v>
      </c>
      <c r="F588" s="10" t="s">
        <v>12768</v>
      </c>
      <c r="G588" s="8" t="s">
        <v>12767</v>
      </c>
      <c r="H588" s="8" t="s">
        <v>13438</v>
      </c>
      <c r="I588" s="11">
        <v>39121</v>
      </c>
      <c r="J588" s="11">
        <v>43374</v>
      </c>
      <c r="K588" s="11">
        <v>45565</v>
      </c>
    </row>
    <row r="589" spans="1:11" x14ac:dyDescent="0.4">
      <c r="A589" s="8" t="s">
        <v>11818</v>
      </c>
      <c r="B589" s="8" t="s">
        <v>633</v>
      </c>
      <c r="C589" s="9" t="s">
        <v>13439</v>
      </c>
      <c r="D589" s="9" t="s">
        <v>13440</v>
      </c>
      <c r="E589" s="10"/>
      <c r="F589" s="10" t="s">
        <v>9515</v>
      </c>
      <c r="G589" s="8" t="s">
        <v>13441</v>
      </c>
      <c r="H589" s="8" t="s">
        <v>13442</v>
      </c>
      <c r="I589" s="11">
        <v>39147</v>
      </c>
      <c r="J589" s="11">
        <v>43556</v>
      </c>
      <c r="K589" s="11">
        <v>45747</v>
      </c>
    </row>
    <row r="590" spans="1:11" x14ac:dyDescent="0.4">
      <c r="A590" s="8" t="s">
        <v>11818</v>
      </c>
      <c r="B590" s="8" t="s">
        <v>633</v>
      </c>
      <c r="C590" s="9" t="s">
        <v>13443</v>
      </c>
      <c r="D590" s="9" t="s">
        <v>13444</v>
      </c>
      <c r="E590" s="10"/>
      <c r="F590" s="10" t="s">
        <v>13445</v>
      </c>
      <c r="G590" s="8" t="s">
        <v>13446</v>
      </c>
      <c r="H590" s="8" t="s">
        <v>13447</v>
      </c>
      <c r="I590" s="11">
        <v>39148</v>
      </c>
      <c r="J590" s="11">
        <v>43556</v>
      </c>
      <c r="K590" s="11">
        <v>45747</v>
      </c>
    </row>
    <row r="591" spans="1:11" x14ac:dyDescent="0.4">
      <c r="A591" s="8" t="s">
        <v>11818</v>
      </c>
      <c r="B591" s="8" t="s">
        <v>698</v>
      </c>
      <c r="C591" s="9" t="s">
        <v>13448</v>
      </c>
      <c r="D591" s="9" t="s">
        <v>13449</v>
      </c>
      <c r="E591" s="10"/>
      <c r="F591" s="10"/>
      <c r="G591" s="8"/>
      <c r="H591" s="8" t="s">
        <v>13450</v>
      </c>
      <c r="I591" s="11">
        <v>39159</v>
      </c>
      <c r="J591" s="11">
        <v>43739</v>
      </c>
      <c r="K591" s="11">
        <v>45930</v>
      </c>
    </row>
    <row r="592" spans="1:11" x14ac:dyDescent="0.4">
      <c r="A592" s="8" t="s">
        <v>11818</v>
      </c>
      <c r="B592" s="8" t="s">
        <v>633</v>
      </c>
      <c r="C592" s="9" t="s">
        <v>13451</v>
      </c>
      <c r="D592" s="9" t="s">
        <v>13452</v>
      </c>
      <c r="E592" s="10" t="s">
        <v>13453</v>
      </c>
      <c r="F592" s="10"/>
      <c r="G592" s="8"/>
      <c r="H592" s="8" t="s">
        <v>13454</v>
      </c>
      <c r="I592" s="11">
        <v>39153</v>
      </c>
      <c r="J592" s="11">
        <v>43374</v>
      </c>
      <c r="K592" s="11">
        <v>45565</v>
      </c>
    </row>
    <row r="593" spans="1:11" x14ac:dyDescent="0.4">
      <c r="A593" s="8" t="s">
        <v>11818</v>
      </c>
      <c r="B593" s="8" t="s">
        <v>633</v>
      </c>
      <c r="C593" s="9" t="s">
        <v>13455</v>
      </c>
      <c r="D593" s="9" t="s">
        <v>13456</v>
      </c>
      <c r="E593" s="10"/>
      <c r="F593" s="10" t="s">
        <v>13457</v>
      </c>
      <c r="G593" s="8" t="s">
        <v>13458</v>
      </c>
      <c r="H593" s="8" t="s">
        <v>13459</v>
      </c>
      <c r="I593" s="11">
        <v>39157</v>
      </c>
      <c r="J593" s="11">
        <v>43739</v>
      </c>
      <c r="K593" s="11">
        <v>45930</v>
      </c>
    </row>
    <row r="594" spans="1:11" x14ac:dyDescent="0.4">
      <c r="A594" s="8" t="s">
        <v>11818</v>
      </c>
      <c r="B594" s="8" t="s">
        <v>698</v>
      </c>
      <c r="C594" s="9" t="s">
        <v>13460</v>
      </c>
      <c r="D594" s="9" t="s">
        <v>13461</v>
      </c>
      <c r="E594" s="10"/>
      <c r="F594" s="10" t="s">
        <v>13462</v>
      </c>
      <c r="G594" s="8" t="s">
        <v>13463</v>
      </c>
      <c r="H594" s="8" t="s">
        <v>13464</v>
      </c>
      <c r="I594" s="11">
        <v>39155</v>
      </c>
      <c r="J594" s="11">
        <v>43556</v>
      </c>
      <c r="K594" s="11">
        <v>45747</v>
      </c>
    </row>
    <row r="595" spans="1:11" x14ac:dyDescent="0.4">
      <c r="A595" s="8" t="s">
        <v>11818</v>
      </c>
      <c r="B595" s="8" t="s">
        <v>48</v>
      </c>
      <c r="C595" s="9" t="s">
        <v>13465</v>
      </c>
      <c r="D595" s="9" t="s">
        <v>13466</v>
      </c>
      <c r="E595" s="10" t="s">
        <v>13467</v>
      </c>
      <c r="F595" s="10" t="s">
        <v>6280</v>
      </c>
      <c r="G595" s="8" t="s">
        <v>13468</v>
      </c>
      <c r="H595" s="8" t="s">
        <v>13469</v>
      </c>
      <c r="I595" s="11">
        <v>39165</v>
      </c>
      <c r="J595" s="11">
        <v>43374</v>
      </c>
      <c r="K595" s="11">
        <v>45565</v>
      </c>
    </row>
    <row r="596" spans="1:11" x14ac:dyDescent="0.4">
      <c r="A596" s="8" t="s">
        <v>11818</v>
      </c>
      <c r="B596" s="8" t="s">
        <v>633</v>
      </c>
      <c r="C596" s="9" t="s">
        <v>13470</v>
      </c>
      <c r="D596" s="9" t="s">
        <v>13468</v>
      </c>
      <c r="E596" s="10" t="s">
        <v>13471</v>
      </c>
      <c r="F596" s="10" t="s">
        <v>6280</v>
      </c>
      <c r="G596" s="8" t="s">
        <v>13468</v>
      </c>
      <c r="H596" s="8" t="s">
        <v>13472</v>
      </c>
      <c r="I596" s="11">
        <v>39165</v>
      </c>
      <c r="J596" s="11">
        <v>43374</v>
      </c>
      <c r="K596" s="11">
        <v>45565</v>
      </c>
    </row>
    <row r="597" spans="1:11" x14ac:dyDescent="0.4">
      <c r="A597" s="8" t="s">
        <v>11818</v>
      </c>
      <c r="B597" s="8" t="s">
        <v>633</v>
      </c>
      <c r="C597" s="9" t="s">
        <v>13473</v>
      </c>
      <c r="D597" s="9" t="s">
        <v>13474</v>
      </c>
      <c r="E597" s="10"/>
      <c r="F597" s="10" t="s">
        <v>2389</v>
      </c>
      <c r="G597" s="8" t="s">
        <v>13475</v>
      </c>
      <c r="H597" s="8" t="s">
        <v>13476</v>
      </c>
      <c r="I597" s="11">
        <v>39173</v>
      </c>
      <c r="J597" s="11">
        <v>43405</v>
      </c>
      <c r="K597" s="11">
        <v>45596</v>
      </c>
    </row>
    <row r="598" spans="1:11" x14ac:dyDescent="0.4">
      <c r="A598" s="8" t="s">
        <v>11818</v>
      </c>
      <c r="B598" s="8" t="s">
        <v>633</v>
      </c>
      <c r="C598" s="9" t="s">
        <v>13477</v>
      </c>
      <c r="D598" s="9" t="s">
        <v>13478</v>
      </c>
      <c r="E598" s="10"/>
      <c r="F598" s="10" t="s">
        <v>13479</v>
      </c>
      <c r="G598" s="8" t="s">
        <v>13480</v>
      </c>
      <c r="H598" s="8" t="s">
        <v>13481</v>
      </c>
      <c r="I598" s="11">
        <v>39174</v>
      </c>
      <c r="J598" s="11">
        <v>43586</v>
      </c>
      <c r="K598" s="11">
        <v>46142</v>
      </c>
    </row>
    <row r="599" spans="1:11" x14ac:dyDescent="0.4">
      <c r="A599" s="8" t="s">
        <v>11818</v>
      </c>
      <c r="B599" s="8" t="s">
        <v>3441</v>
      </c>
      <c r="C599" s="9" t="s">
        <v>13482</v>
      </c>
      <c r="D599" s="9" t="s">
        <v>13483</v>
      </c>
      <c r="E599" s="10"/>
      <c r="F599" s="10"/>
      <c r="G599" s="8"/>
      <c r="H599" s="8" t="s">
        <v>13484</v>
      </c>
      <c r="I599" s="11">
        <v>39178</v>
      </c>
      <c r="J599" s="11">
        <v>43647</v>
      </c>
      <c r="K599" s="11">
        <v>45838</v>
      </c>
    </row>
    <row r="600" spans="1:11" x14ac:dyDescent="0.4">
      <c r="A600" s="8" t="s">
        <v>11818</v>
      </c>
      <c r="B600" s="8" t="s">
        <v>633</v>
      </c>
      <c r="C600" s="9" t="s">
        <v>13485</v>
      </c>
      <c r="D600" s="9" t="s">
        <v>13486</v>
      </c>
      <c r="E600" s="10" t="s">
        <v>13487</v>
      </c>
      <c r="F600" s="10" t="s">
        <v>2634</v>
      </c>
      <c r="G600" s="8" t="s">
        <v>12325</v>
      </c>
      <c r="H600" s="8" t="s">
        <v>13488</v>
      </c>
      <c r="I600" s="11">
        <v>39182</v>
      </c>
      <c r="J600" s="11">
        <v>43922</v>
      </c>
      <c r="K600" s="11">
        <v>46112</v>
      </c>
    </row>
    <row r="601" spans="1:11" x14ac:dyDescent="0.4">
      <c r="A601" s="8" t="s">
        <v>11818</v>
      </c>
      <c r="B601" s="8" t="s">
        <v>633</v>
      </c>
      <c r="C601" s="9" t="s">
        <v>13489</v>
      </c>
      <c r="D601" s="9" t="s">
        <v>13490</v>
      </c>
      <c r="E601" s="10"/>
      <c r="F601" s="10" t="s">
        <v>13491</v>
      </c>
      <c r="G601" s="8" t="s">
        <v>13492</v>
      </c>
      <c r="H601" s="8" t="s">
        <v>13493</v>
      </c>
      <c r="I601" s="11">
        <v>39195</v>
      </c>
      <c r="J601" s="11">
        <v>43586</v>
      </c>
      <c r="K601" s="11">
        <v>45777</v>
      </c>
    </row>
    <row r="602" spans="1:11" x14ac:dyDescent="0.4">
      <c r="A602" s="8" t="s">
        <v>11818</v>
      </c>
      <c r="B602" s="8" t="s">
        <v>5383</v>
      </c>
      <c r="C602" s="9" t="s">
        <v>13494</v>
      </c>
      <c r="D602" s="9" t="s">
        <v>13495</v>
      </c>
      <c r="E602" s="10"/>
      <c r="F602" s="10" t="s">
        <v>13496</v>
      </c>
      <c r="G602" s="8" t="s">
        <v>13497</v>
      </c>
      <c r="H602" s="8" t="s">
        <v>13498</v>
      </c>
      <c r="I602" s="11">
        <v>39212</v>
      </c>
      <c r="J602" s="11">
        <v>43739</v>
      </c>
      <c r="K602" s="11">
        <v>45930</v>
      </c>
    </row>
    <row r="603" spans="1:11" x14ac:dyDescent="0.4">
      <c r="A603" s="8" t="s">
        <v>11818</v>
      </c>
      <c r="B603" s="8" t="s">
        <v>633</v>
      </c>
      <c r="C603" s="9" t="s">
        <v>13499</v>
      </c>
      <c r="D603" s="9" t="s">
        <v>13500</v>
      </c>
      <c r="E603" s="10" t="s">
        <v>13501</v>
      </c>
      <c r="F603" s="10" t="s">
        <v>8284</v>
      </c>
      <c r="G603" s="8" t="s">
        <v>13502</v>
      </c>
      <c r="H603" s="8" t="s">
        <v>13503</v>
      </c>
      <c r="I603" s="11">
        <v>39223</v>
      </c>
      <c r="J603" s="11">
        <v>43435</v>
      </c>
      <c r="K603" s="11">
        <v>45626</v>
      </c>
    </row>
    <row r="604" spans="1:11" x14ac:dyDescent="0.4">
      <c r="A604" s="8" t="s">
        <v>11818</v>
      </c>
      <c r="B604" s="8" t="s">
        <v>3441</v>
      </c>
      <c r="C604" s="9" t="s">
        <v>13504</v>
      </c>
      <c r="D604" s="9" t="s">
        <v>12447</v>
      </c>
      <c r="E604" s="10" t="s">
        <v>13505</v>
      </c>
      <c r="F604" s="10" t="s">
        <v>12449</v>
      </c>
      <c r="G604" s="8" t="s">
        <v>12450</v>
      </c>
      <c r="H604" s="8" t="s">
        <v>13506</v>
      </c>
      <c r="I604" s="11">
        <v>39234</v>
      </c>
      <c r="J604" s="11">
        <v>43647</v>
      </c>
      <c r="K604" s="11">
        <v>45838</v>
      </c>
    </row>
    <row r="605" spans="1:11" x14ac:dyDescent="0.4">
      <c r="A605" s="8" t="s">
        <v>11818</v>
      </c>
      <c r="B605" s="8" t="s">
        <v>9278</v>
      </c>
      <c r="C605" s="9" t="s">
        <v>13507</v>
      </c>
      <c r="D605" s="9" t="s">
        <v>13508</v>
      </c>
      <c r="E605" s="10" t="s">
        <v>13509</v>
      </c>
      <c r="F605" s="10"/>
      <c r="G605" s="8"/>
      <c r="H605" s="8" t="s">
        <v>13510</v>
      </c>
      <c r="I605" s="11">
        <v>39239</v>
      </c>
      <c r="J605" s="11">
        <v>43617</v>
      </c>
      <c r="K605" s="11">
        <v>45808</v>
      </c>
    </row>
    <row r="606" spans="1:11" x14ac:dyDescent="0.4">
      <c r="A606" s="8" t="s">
        <v>11818</v>
      </c>
      <c r="B606" s="8" t="s">
        <v>3441</v>
      </c>
      <c r="C606" s="9" t="s">
        <v>13511</v>
      </c>
      <c r="D606" s="9" t="s">
        <v>13512</v>
      </c>
      <c r="E606" s="10" t="s">
        <v>13513</v>
      </c>
      <c r="F606" s="10" t="s">
        <v>13514</v>
      </c>
      <c r="G606" s="8" t="s">
        <v>13515</v>
      </c>
      <c r="H606" s="8" t="s">
        <v>13516</v>
      </c>
      <c r="I606" s="11">
        <v>39241</v>
      </c>
      <c r="J606" s="11">
        <v>43770</v>
      </c>
      <c r="K606" s="11">
        <v>45961</v>
      </c>
    </row>
    <row r="607" spans="1:11" x14ac:dyDescent="0.4">
      <c r="A607" s="8" t="s">
        <v>11818</v>
      </c>
      <c r="B607" s="8" t="s">
        <v>48</v>
      </c>
      <c r="C607" s="9" t="s">
        <v>13517</v>
      </c>
      <c r="D607" s="9" t="s">
        <v>13518</v>
      </c>
      <c r="E607" s="10"/>
      <c r="F607" s="10" t="s">
        <v>13519</v>
      </c>
      <c r="G607" s="8" t="s">
        <v>13520</v>
      </c>
      <c r="H607" s="8" t="s">
        <v>13521</v>
      </c>
      <c r="I607" s="11">
        <v>39245</v>
      </c>
      <c r="J607" s="11">
        <v>43405</v>
      </c>
      <c r="K607" s="11">
        <v>45596</v>
      </c>
    </row>
    <row r="608" spans="1:11" x14ac:dyDescent="0.4">
      <c r="A608" s="8" t="s">
        <v>11818</v>
      </c>
      <c r="B608" s="8" t="s">
        <v>48</v>
      </c>
      <c r="C608" s="9" t="s">
        <v>13522</v>
      </c>
      <c r="D608" s="9" t="s">
        <v>13523</v>
      </c>
      <c r="E608" s="10"/>
      <c r="F608" s="10" t="s">
        <v>13524</v>
      </c>
      <c r="G608" s="8" t="s">
        <v>13525</v>
      </c>
      <c r="H608" s="8" t="s">
        <v>13526</v>
      </c>
      <c r="I608" s="11">
        <v>39248</v>
      </c>
      <c r="J608" s="11">
        <v>43952</v>
      </c>
      <c r="K608" s="11">
        <v>46142</v>
      </c>
    </row>
    <row r="609" spans="1:11" x14ac:dyDescent="0.4">
      <c r="A609" s="8" t="s">
        <v>11818</v>
      </c>
      <c r="B609" s="8" t="s">
        <v>5383</v>
      </c>
      <c r="C609" s="9" t="s">
        <v>13527</v>
      </c>
      <c r="D609" s="9" t="s">
        <v>13528</v>
      </c>
      <c r="E609" s="10"/>
      <c r="F609" s="10" t="s">
        <v>13529</v>
      </c>
      <c r="G609" s="8" t="s">
        <v>13530</v>
      </c>
      <c r="H609" s="8" t="s">
        <v>13531</v>
      </c>
      <c r="I609" s="11">
        <v>39252</v>
      </c>
      <c r="J609" s="11">
        <v>43586</v>
      </c>
      <c r="K609" s="11">
        <v>45777</v>
      </c>
    </row>
    <row r="610" spans="1:11" x14ac:dyDescent="0.4">
      <c r="A610" s="8" t="s">
        <v>11818</v>
      </c>
      <c r="B610" s="8" t="s">
        <v>5383</v>
      </c>
      <c r="C610" s="9" t="s">
        <v>13532</v>
      </c>
      <c r="D610" s="9" t="s">
        <v>13468</v>
      </c>
      <c r="E610" s="10" t="s">
        <v>13533</v>
      </c>
      <c r="F610" s="10" t="s">
        <v>6280</v>
      </c>
      <c r="G610" s="8" t="s">
        <v>13468</v>
      </c>
      <c r="H610" s="8" t="s">
        <v>13534</v>
      </c>
      <c r="I610" s="11">
        <v>39272</v>
      </c>
      <c r="J610" s="11">
        <v>43739</v>
      </c>
      <c r="K610" s="11">
        <v>45930</v>
      </c>
    </row>
    <row r="611" spans="1:11" x14ac:dyDescent="0.4">
      <c r="A611" s="8" t="s">
        <v>11818</v>
      </c>
      <c r="B611" s="8" t="s">
        <v>3083</v>
      </c>
      <c r="C611" s="9" t="s">
        <v>13535</v>
      </c>
      <c r="D611" s="9" t="s">
        <v>13536</v>
      </c>
      <c r="E611" s="10"/>
      <c r="F611" s="10"/>
      <c r="G611" s="8"/>
      <c r="H611" s="8" t="s">
        <v>13537</v>
      </c>
      <c r="I611" s="11">
        <v>39267</v>
      </c>
      <c r="J611" s="11">
        <v>43586</v>
      </c>
      <c r="K611" s="11">
        <v>45777</v>
      </c>
    </row>
    <row r="612" spans="1:11" x14ac:dyDescent="0.4">
      <c r="A612" s="8" t="s">
        <v>11818</v>
      </c>
      <c r="B612" s="8" t="s">
        <v>633</v>
      </c>
      <c r="C612" s="9" t="s">
        <v>13538</v>
      </c>
      <c r="D612" s="9" t="s">
        <v>13539</v>
      </c>
      <c r="E612" s="10"/>
      <c r="F612" s="10" t="s">
        <v>6000</v>
      </c>
      <c r="G612" s="8" t="s">
        <v>13540</v>
      </c>
      <c r="H612" s="8" t="s">
        <v>13541</v>
      </c>
      <c r="I612" s="11">
        <v>39272</v>
      </c>
      <c r="J612" s="11">
        <v>44013</v>
      </c>
      <c r="K612" s="11">
        <v>46203</v>
      </c>
    </row>
    <row r="613" spans="1:11" x14ac:dyDescent="0.4">
      <c r="A613" s="8" t="s">
        <v>11818</v>
      </c>
      <c r="B613" s="8" t="s">
        <v>633</v>
      </c>
      <c r="C613" s="9" t="s">
        <v>13542</v>
      </c>
      <c r="D613" s="9" t="s">
        <v>13543</v>
      </c>
      <c r="E613" s="10"/>
      <c r="F613" s="10"/>
      <c r="G613" s="8"/>
      <c r="H613" s="8" t="s">
        <v>13544</v>
      </c>
      <c r="I613" s="11">
        <v>39276</v>
      </c>
      <c r="J613" s="11">
        <v>43374</v>
      </c>
      <c r="K613" s="11">
        <v>45565</v>
      </c>
    </row>
    <row r="614" spans="1:11" x14ac:dyDescent="0.4">
      <c r="A614" s="8" t="s">
        <v>11818</v>
      </c>
      <c r="B614" s="8" t="s">
        <v>3441</v>
      </c>
      <c r="C614" s="9" t="s">
        <v>13545</v>
      </c>
      <c r="D614" s="9" t="s">
        <v>13546</v>
      </c>
      <c r="E614" s="10" t="s">
        <v>13547</v>
      </c>
      <c r="F614" s="10" t="s">
        <v>7022</v>
      </c>
      <c r="G614" s="8" t="s">
        <v>13548</v>
      </c>
      <c r="H614" s="8" t="s">
        <v>13549</v>
      </c>
      <c r="I614" s="11">
        <v>39282</v>
      </c>
      <c r="J614" s="11">
        <v>43405</v>
      </c>
      <c r="K614" s="11">
        <v>45596</v>
      </c>
    </row>
    <row r="615" spans="1:11" x14ac:dyDescent="0.4">
      <c r="A615" s="8" t="s">
        <v>11818</v>
      </c>
      <c r="B615" s="8" t="s">
        <v>633</v>
      </c>
      <c r="C615" s="9" t="s">
        <v>13550</v>
      </c>
      <c r="D615" s="9" t="s">
        <v>13551</v>
      </c>
      <c r="E615" s="10"/>
      <c r="F615" s="10" t="s">
        <v>13552</v>
      </c>
      <c r="G615" s="8" t="s">
        <v>12415</v>
      </c>
      <c r="H615" s="8" t="s">
        <v>13553</v>
      </c>
      <c r="I615" s="11">
        <v>39295</v>
      </c>
      <c r="J615" s="11">
        <v>43647</v>
      </c>
      <c r="K615" s="11">
        <v>45838</v>
      </c>
    </row>
    <row r="616" spans="1:11" x14ac:dyDescent="0.4">
      <c r="A616" s="8" t="s">
        <v>11818</v>
      </c>
      <c r="B616" s="8" t="s">
        <v>48</v>
      </c>
      <c r="C616" s="9" t="s">
        <v>13554</v>
      </c>
      <c r="D616" s="9" t="s">
        <v>13555</v>
      </c>
      <c r="E616" s="10"/>
      <c r="F616" s="10"/>
      <c r="G616" s="8"/>
      <c r="H616" s="8" t="s">
        <v>13556</v>
      </c>
      <c r="I616" s="11">
        <v>39300</v>
      </c>
      <c r="J616" s="11">
        <v>43739</v>
      </c>
      <c r="K616" s="11">
        <v>45930</v>
      </c>
    </row>
    <row r="617" spans="1:11" x14ac:dyDescent="0.4">
      <c r="A617" s="8" t="s">
        <v>11818</v>
      </c>
      <c r="B617" s="8" t="s">
        <v>48</v>
      </c>
      <c r="C617" s="9" t="s">
        <v>13557</v>
      </c>
      <c r="D617" s="9" t="s">
        <v>13558</v>
      </c>
      <c r="E617" s="10"/>
      <c r="F617" s="10" t="s">
        <v>13559</v>
      </c>
      <c r="G617" s="8" t="s">
        <v>13560</v>
      </c>
      <c r="H617" s="8" t="s">
        <v>13561</v>
      </c>
      <c r="I617" s="11">
        <v>39302</v>
      </c>
      <c r="J617" s="11">
        <v>43617</v>
      </c>
      <c r="K617" s="11">
        <v>45808</v>
      </c>
    </row>
    <row r="618" spans="1:11" x14ac:dyDescent="0.4">
      <c r="A618" s="8" t="s">
        <v>11818</v>
      </c>
      <c r="B618" s="8" t="s">
        <v>2044</v>
      </c>
      <c r="C618" s="9" t="s">
        <v>13562</v>
      </c>
      <c r="D618" s="9" t="s">
        <v>13563</v>
      </c>
      <c r="E618" s="10"/>
      <c r="F618" s="10" t="s">
        <v>13564</v>
      </c>
      <c r="G618" s="8" t="s">
        <v>13565</v>
      </c>
      <c r="H618" s="8" t="s">
        <v>13566</v>
      </c>
      <c r="I618" s="11">
        <v>39302</v>
      </c>
      <c r="J618" s="11">
        <v>43435</v>
      </c>
      <c r="K618" s="11">
        <v>45626</v>
      </c>
    </row>
    <row r="619" spans="1:11" x14ac:dyDescent="0.4">
      <c r="A619" s="8" t="s">
        <v>11818</v>
      </c>
      <c r="B619" s="8" t="s">
        <v>3441</v>
      </c>
      <c r="C619" s="9" t="s">
        <v>13567</v>
      </c>
      <c r="D619" s="9" t="s">
        <v>13568</v>
      </c>
      <c r="E619" s="10"/>
      <c r="F619" s="10"/>
      <c r="G619" s="8"/>
      <c r="H619" s="8" t="s">
        <v>13569</v>
      </c>
      <c r="I619" s="11">
        <v>39337</v>
      </c>
      <c r="J619" s="11">
        <v>43770</v>
      </c>
      <c r="K619" s="11">
        <v>45961</v>
      </c>
    </row>
    <row r="620" spans="1:11" x14ac:dyDescent="0.4">
      <c r="A620" s="8" t="s">
        <v>11818</v>
      </c>
      <c r="B620" s="8" t="s">
        <v>48</v>
      </c>
      <c r="C620" s="9" t="s">
        <v>13570</v>
      </c>
      <c r="D620" s="9" t="s">
        <v>13571</v>
      </c>
      <c r="E620" s="10"/>
      <c r="F620" s="10"/>
      <c r="G620" s="8"/>
      <c r="H620" s="8" t="s">
        <v>13572</v>
      </c>
      <c r="I620" s="11">
        <v>39329</v>
      </c>
      <c r="J620" s="11">
        <v>43374</v>
      </c>
      <c r="K620" s="11">
        <v>45565</v>
      </c>
    </row>
    <row r="621" spans="1:11" x14ac:dyDescent="0.4">
      <c r="A621" s="8" t="s">
        <v>11818</v>
      </c>
      <c r="B621" s="8" t="s">
        <v>48</v>
      </c>
      <c r="C621" s="9" t="s">
        <v>13573</v>
      </c>
      <c r="D621" s="9" t="s">
        <v>13574</v>
      </c>
      <c r="E621" s="10" t="s">
        <v>13575</v>
      </c>
      <c r="F621" s="10"/>
      <c r="G621" s="8"/>
      <c r="H621" s="8" t="s">
        <v>13576</v>
      </c>
      <c r="I621" s="11">
        <v>39323</v>
      </c>
      <c r="J621" s="11">
        <v>43800</v>
      </c>
      <c r="K621" s="11">
        <v>45991</v>
      </c>
    </row>
    <row r="622" spans="1:11" x14ac:dyDescent="0.4">
      <c r="A622" s="8" t="s">
        <v>11818</v>
      </c>
      <c r="B622" s="8" t="s">
        <v>6444</v>
      </c>
      <c r="C622" s="9" t="s">
        <v>13577</v>
      </c>
      <c r="D622" s="9" t="s">
        <v>13578</v>
      </c>
      <c r="E622" s="10"/>
      <c r="F622" s="10"/>
      <c r="G622" s="8"/>
      <c r="H622" s="8" t="s">
        <v>13579</v>
      </c>
      <c r="I622" s="11">
        <v>39331</v>
      </c>
      <c r="J622" s="11">
        <v>43556</v>
      </c>
      <c r="K622" s="11">
        <v>45747</v>
      </c>
    </row>
    <row r="623" spans="1:11" x14ac:dyDescent="0.4">
      <c r="A623" s="8" t="s">
        <v>11818</v>
      </c>
      <c r="B623" s="8" t="s">
        <v>2044</v>
      </c>
      <c r="C623" s="9" t="s">
        <v>13580</v>
      </c>
      <c r="D623" s="9" t="s">
        <v>13581</v>
      </c>
      <c r="E623" s="10" t="s">
        <v>13582</v>
      </c>
      <c r="F623" s="10" t="s">
        <v>13583</v>
      </c>
      <c r="G623" s="8" t="s">
        <v>13584</v>
      </c>
      <c r="H623" s="8" t="s">
        <v>13585</v>
      </c>
      <c r="I623" s="11">
        <v>39345</v>
      </c>
      <c r="J623" s="11">
        <v>43435</v>
      </c>
      <c r="K623" s="11">
        <v>45626</v>
      </c>
    </row>
    <row r="624" spans="1:11" x14ac:dyDescent="0.4">
      <c r="A624" s="8" t="s">
        <v>11818</v>
      </c>
      <c r="B624" s="8" t="s">
        <v>633</v>
      </c>
      <c r="C624" s="9" t="s">
        <v>13586</v>
      </c>
      <c r="D624" s="9" t="s">
        <v>13581</v>
      </c>
      <c r="E624" s="10" t="s">
        <v>13587</v>
      </c>
      <c r="F624" s="10" t="s">
        <v>9347</v>
      </c>
      <c r="G624" s="8" t="s">
        <v>13588</v>
      </c>
      <c r="H624" s="8" t="s">
        <v>13589</v>
      </c>
      <c r="I624" s="11">
        <v>39345</v>
      </c>
      <c r="J624" s="11">
        <v>43435</v>
      </c>
      <c r="K624" s="11">
        <v>45626</v>
      </c>
    </row>
    <row r="625" spans="1:11" x14ac:dyDescent="0.4">
      <c r="A625" s="8" t="s">
        <v>11818</v>
      </c>
      <c r="B625" s="8" t="s">
        <v>2044</v>
      </c>
      <c r="C625" s="9" t="s">
        <v>13590</v>
      </c>
      <c r="D625" s="9" t="s">
        <v>13581</v>
      </c>
      <c r="E625" s="10" t="s">
        <v>13591</v>
      </c>
      <c r="F625" s="10" t="s">
        <v>13592</v>
      </c>
      <c r="G625" s="8" t="s">
        <v>13593</v>
      </c>
      <c r="H625" s="8" t="s">
        <v>13594</v>
      </c>
      <c r="I625" s="11">
        <v>39345</v>
      </c>
      <c r="J625" s="11">
        <v>43435</v>
      </c>
      <c r="K625" s="11">
        <v>45626</v>
      </c>
    </row>
    <row r="626" spans="1:11" x14ac:dyDescent="0.4">
      <c r="A626" s="8" t="s">
        <v>11818</v>
      </c>
      <c r="B626" s="8" t="s">
        <v>633</v>
      </c>
      <c r="C626" s="9" t="s">
        <v>13595</v>
      </c>
      <c r="D626" s="9" t="s">
        <v>13581</v>
      </c>
      <c r="E626" s="10" t="s">
        <v>13596</v>
      </c>
      <c r="F626" s="10" t="s">
        <v>13597</v>
      </c>
      <c r="G626" s="8" t="s">
        <v>12472</v>
      </c>
      <c r="H626" s="8" t="s">
        <v>13598</v>
      </c>
      <c r="I626" s="11">
        <v>39345</v>
      </c>
      <c r="J626" s="11">
        <v>43435</v>
      </c>
      <c r="K626" s="11">
        <v>45626</v>
      </c>
    </row>
    <row r="627" spans="1:11" x14ac:dyDescent="0.4">
      <c r="A627" s="8" t="s">
        <v>11818</v>
      </c>
      <c r="B627" s="8" t="s">
        <v>633</v>
      </c>
      <c r="C627" s="9" t="s">
        <v>13599</v>
      </c>
      <c r="D627" s="9" t="s">
        <v>13581</v>
      </c>
      <c r="E627" s="10" t="s">
        <v>13596</v>
      </c>
      <c r="F627" s="10" t="s">
        <v>13600</v>
      </c>
      <c r="G627" s="8" t="s">
        <v>13601</v>
      </c>
      <c r="H627" s="8" t="s">
        <v>13602</v>
      </c>
      <c r="I627" s="11">
        <v>39345</v>
      </c>
      <c r="J627" s="11">
        <v>43435</v>
      </c>
      <c r="K627" s="11">
        <v>45626</v>
      </c>
    </row>
    <row r="628" spans="1:11" x14ac:dyDescent="0.4">
      <c r="A628" s="8" t="s">
        <v>11818</v>
      </c>
      <c r="B628" s="8" t="s">
        <v>3083</v>
      </c>
      <c r="C628" s="9" t="s">
        <v>13603</v>
      </c>
      <c r="D628" s="9" t="s">
        <v>13581</v>
      </c>
      <c r="E628" s="10" t="s">
        <v>13596</v>
      </c>
      <c r="F628" s="10" t="s">
        <v>13604</v>
      </c>
      <c r="G628" s="8" t="s">
        <v>13605</v>
      </c>
      <c r="H628" s="8" t="s">
        <v>13606</v>
      </c>
      <c r="I628" s="11">
        <v>39345</v>
      </c>
      <c r="J628" s="11">
        <v>43435</v>
      </c>
      <c r="K628" s="11">
        <v>45626</v>
      </c>
    </row>
    <row r="629" spans="1:11" x14ac:dyDescent="0.4">
      <c r="A629" s="8" t="s">
        <v>11818</v>
      </c>
      <c r="B629" s="8" t="s">
        <v>698</v>
      </c>
      <c r="C629" s="9" t="s">
        <v>13607</v>
      </c>
      <c r="D629" s="9" t="s">
        <v>13581</v>
      </c>
      <c r="E629" s="10" t="s">
        <v>13596</v>
      </c>
      <c r="F629" s="10" t="s">
        <v>13608</v>
      </c>
      <c r="G629" s="8" t="s">
        <v>13609</v>
      </c>
      <c r="H629" s="8" t="s">
        <v>13610</v>
      </c>
      <c r="I629" s="11">
        <v>39345</v>
      </c>
      <c r="J629" s="11">
        <v>43435</v>
      </c>
      <c r="K629" s="11">
        <v>45626</v>
      </c>
    </row>
    <row r="630" spans="1:11" x14ac:dyDescent="0.4">
      <c r="A630" s="8" t="s">
        <v>11818</v>
      </c>
      <c r="B630" s="8" t="s">
        <v>698</v>
      </c>
      <c r="C630" s="9" t="s">
        <v>12492</v>
      </c>
      <c r="D630" s="9" t="s">
        <v>13581</v>
      </c>
      <c r="E630" s="10" t="s">
        <v>13596</v>
      </c>
      <c r="F630" s="10"/>
      <c r="G630" s="8"/>
      <c r="H630" s="8" t="s">
        <v>13611</v>
      </c>
      <c r="I630" s="11">
        <v>39345</v>
      </c>
      <c r="J630" s="11">
        <v>43800</v>
      </c>
      <c r="K630" s="11">
        <v>45991</v>
      </c>
    </row>
    <row r="631" spans="1:11" x14ac:dyDescent="0.4">
      <c r="A631" s="8" t="s">
        <v>11818</v>
      </c>
      <c r="B631" s="8" t="s">
        <v>633</v>
      </c>
      <c r="C631" s="9" t="s">
        <v>13612</v>
      </c>
      <c r="D631" s="9" t="s">
        <v>13613</v>
      </c>
      <c r="E631" s="10"/>
      <c r="F631" s="10" t="s">
        <v>13614</v>
      </c>
      <c r="G631" s="8" t="s">
        <v>13615</v>
      </c>
      <c r="H631" s="8" t="s">
        <v>13616</v>
      </c>
      <c r="I631" s="11">
        <v>39443</v>
      </c>
      <c r="J631" s="11">
        <v>43952</v>
      </c>
      <c r="K631" s="11">
        <v>46142</v>
      </c>
    </row>
    <row r="632" spans="1:11" x14ac:dyDescent="0.4">
      <c r="A632" s="8" t="s">
        <v>11818</v>
      </c>
      <c r="B632" s="8" t="s">
        <v>633</v>
      </c>
      <c r="C632" s="9" t="s">
        <v>13617</v>
      </c>
      <c r="D632" s="9" t="s">
        <v>13618</v>
      </c>
      <c r="E632" s="10"/>
      <c r="F632" s="10" t="s">
        <v>13614</v>
      </c>
      <c r="G632" s="8" t="s">
        <v>13615</v>
      </c>
      <c r="H632" s="8" t="s">
        <v>13619</v>
      </c>
      <c r="I632" s="11">
        <v>39443</v>
      </c>
      <c r="J632" s="11">
        <v>43922</v>
      </c>
      <c r="K632" s="11">
        <v>46112</v>
      </c>
    </row>
    <row r="633" spans="1:11" x14ac:dyDescent="0.4">
      <c r="A633" s="8" t="s">
        <v>11818</v>
      </c>
      <c r="B633" s="8" t="s">
        <v>5383</v>
      </c>
      <c r="C633" s="9" t="s">
        <v>13620</v>
      </c>
      <c r="D633" s="9" t="s">
        <v>13621</v>
      </c>
      <c r="E633" s="10"/>
      <c r="F633" s="10" t="s">
        <v>7124</v>
      </c>
      <c r="G633" s="8" t="s">
        <v>13622</v>
      </c>
      <c r="H633" s="8" t="s">
        <v>13623</v>
      </c>
      <c r="I633" s="11">
        <v>39443</v>
      </c>
      <c r="J633" s="11">
        <v>43800</v>
      </c>
      <c r="K633" s="11">
        <v>45991</v>
      </c>
    </row>
    <row r="634" spans="1:11" x14ac:dyDescent="0.4">
      <c r="A634" s="8" t="s">
        <v>11818</v>
      </c>
      <c r="B634" s="8" t="s">
        <v>793</v>
      </c>
      <c r="C634" s="9" t="s">
        <v>13624</v>
      </c>
      <c r="D634" s="9" t="s">
        <v>13625</v>
      </c>
      <c r="E634" s="10"/>
      <c r="F634" s="10"/>
      <c r="G634" s="8"/>
      <c r="H634" s="8" t="s">
        <v>13626</v>
      </c>
      <c r="I634" s="11">
        <v>39489</v>
      </c>
      <c r="J634" s="11">
        <v>43800</v>
      </c>
      <c r="K634" s="11">
        <v>45991</v>
      </c>
    </row>
    <row r="635" spans="1:11" x14ac:dyDescent="0.4">
      <c r="A635" s="8" t="s">
        <v>11818</v>
      </c>
      <c r="B635" s="8" t="s">
        <v>2044</v>
      </c>
      <c r="C635" s="9" t="s">
        <v>13627</v>
      </c>
      <c r="D635" s="9" t="s">
        <v>13581</v>
      </c>
      <c r="E635" s="10" t="s">
        <v>13628</v>
      </c>
      <c r="F635" s="10" t="s">
        <v>13629</v>
      </c>
      <c r="G635" s="8" t="s">
        <v>13630</v>
      </c>
      <c r="H635" s="8" t="s">
        <v>13631</v>
      </c>
      <c r="I635" s="11">
        <v>39345</v>
      </c>
      <c r="J635" s="11">
        <v>43435</v>
      </c>
      <c r="K635" s="11">
        <v>45626</v>
      </c>
    </row>
    <row r="636" spans="1:11" x14ac:dyDescent="0.4">
      <c r="A636" s="8" t="s">
        <v>11818</v>
      </c>
      <c r="B636" s="8" t="s">
        <v>633</v>
      </c>
      <c r="C636" s="9" t="s">
        <v>13632</v>
      </c>
      <c r="D636" s="9" t="s">
        <v>13581</v>
      </c>
      <c r="E636" s="10" t="s">
        <v>13596</v>
      </c>
      <c r="F636" s="10" t="s">
        <v>1181</v>
      </c>
      <c r="G636" s="8" t="s">
        <v>12850</v>
      </c>
      <c r="H636" s="8" t="s">
        <v>13633</v>
      </c>
      <c r="I636" s="11">
        <v>39345</v>
      </c>
      <c r="J636" s="11">
        <v>43435</v>
      </c>
      <c r="K636" s="11">
        <v>45626</v>
      </c>
    </row>
    <row r="637" spans="1:11" x14ac:dyDescent="0.4">
      <c r="A637" s="8" t="s">
        <v>11818</v>
      </c>
      <c r="B637" s="8" t="s">
        <v>3441</v>
      </c>
      <c r="C637" s="9" t="s">
        <v>13634</v>
      </c>
      <c r="D637" s="9" t="s">
        <v>13581</v>
      </c>
      <c r="E637" s="10" t="s">
        <v>13591</v>
      </c>
      <c r="F637" s="10" t="s">
        <v>13634</v>
      </c>
      <c r="G637" s="8" t="s">
        <v>13635</v>
      </c>
      <c r="H637" s="8" t="s">
        <v>13636</v>
      </c>
      <c r="I637" s="11">
        <v>39345</v>
      </c>
      <c r="J637" s="11">
        <v>43435</v>
      </c>
      <c r="K637" s="11">
        <v>45626</v>
      </c>
    </row>
    <row r="638" spans="1:11" x14ac:dyDescent="0.4">
      <c r="A638" s="8" t="s">
        <v>11818</v>
      </c>
      <c r="B638" s="8" t="s">
        <v>1926</v>
      </c>
      <c r="C638" s="9" t="s">
        <v>13637</v>
      </c>
      <c r="D638" s="9" t="s">
        <v>13581</v>
      </c>
      <c r="E638" s="10" t="s">
        <v>13591</v>
      </c>
      <c r="F638" s="10" t="s">
        <v>13638</v>
      </c>
      <c r="G638" s="8" t="s">
        <v>13639</v>
      </c>
      <c r="H638" s="8" t="s">
        <v>13640</v>
      </c>
      <c r="I638" s="11">
        <v>39345</v>
      </c>
      <c r="J638" s="11">
        <v>43435</v>
      </c>
      <c r="K638" s="11">
        <v>45626</v>
      </c>
    </row>
    <row r="639" spans="1:11" x14ac:dyDescent="0.4">
      <c r="A639" s="8" t="s">
        <v>11818</v>
      </c>
      <c r="B639" s="8" t="s">
        <v>6444</v>
      </c>
      <c r="C639" s="9" t="s">
        <v>13641</v>
      </c>
      <c r="D639" s="9" t="s">
        <v>13581</v>
      </c>
      <c r="E639" s="10" t="s">
        <v>13591</v>
      </c>
      <c r="F639" s="10" t="s">
        <v>13642</v>
      </c>
      <c r="G639" s="8" t="s">
        <v>13643</v>
      </c>
      <c r="H639" s="8" t="s">
        <v>13644</v>
      </c>
      <c r="I639" s="11">
        <v>39345</v>
      </c>
      <c r="J639" s="11">
        <v>43435</v>
      </c>
      <c r="K639" s="11">
        <v>45626</v>
      </c>
    </row>
    <row r="640" spans="1:11" x14ac:dyDescent="0.4">
      <c r="A640" s="8" t="s">
        <v>11818</v>
      </c>
      <c r="B640" s="8" t="s">
        <v>3441</v>
      </c>
      <c r="C640" s="9" t="s">
        <v>13645</v>
      </c>
      <c r="D640" s="9" t="s">
        <v>13581</v>
      </c>
      <c r="E640" s="10" t="s">
        <v>13591</v>
      </c>
      <c r="F640" s="10" t="s">
        <v>13646</v>
      </c>
      <c r="G640" s="8" t="s">
        <v>13647</v>
      </c>
      <c r="H640" s="8" t="s">
        <v>13648</v>
      </c>
      <c r="I640" s="11">
        <v>39345</v>
      </c>
      <c r="J640" s="11">
        <v>43435</v>
      </c>
      <c r="K640" s="11">
        <v>45626</v>
      </c>
    </row>
    <row r="641" spans="1:11" x14ac:dyDescent="0.4">
      <c r="A641" s="8" t="s">
        <v>11818</v>
      </c>
      <c r="B641" s="8" t="s">
        <v>1926</v>
      </c>
      <c r="C641" s="9" t="s">
        <v>13649</v>
      </c>
      <c r="D641" s="9" t="s">
        <v>13581</v>
      </c>
      <c r="E641" s="10" t="s">
        <v>13591</v>
      </c>
      <c r="F641" s="10" t="s">
        <v>13600</v>
      </c>
      <c r="G641" s="8" t="s">
        <v>13601</v>
      </c>
      <c r="H641" s="8" t="s">
        <v>13650</v>
      </c>
      <c r="I641" s="11">
        <v>39345</v>
      </c>
      <c r="J641" s="11">
        <v>43800</v>
      </c>
      <c r="K641" s="11">
        <v>45991</v>
      </c>
    </row>
    <row r="642" spans="1:11" x14ac:dyDescent="0.4">
      <c r="A642" s="8" t="s">
        <v>11818</v>
      </c>
      <c r="B642" s="8" t="s">
        <v>633</v>
      </c>
      <c r="C642" s="9" t="s">
        <v>13651</v>
      </c>
      <c r="D642" s="9" t="s">
        <v>13581</v>
      </c>
      <c r="E642" s="10" t="s">
        <v>13596</v>
      </c>
      <c r="F642" s="10" t="s">
        <v>13608</v>
      </c>
      <c r="G642" s="8" t="s">
        <v>13609</v>
      </c>
      <c r="H642" s="8" t="s">
        <v>13652</v>
      </c>
      <c r="I642" s="11">
        <v>39345</v>
      </c>
      <c r="J642" s="11">
        <v>43435</v>
      </c>
      <c r="K642" s="11">
        <v>45626</v>
      </c>
    </row>
    <row r="643" spans="1:11" x14ac:dyDescent="0.4">
      <c r="A643" s="8" t="s">
        <v>11818</v>
      </c>
      <c r="B643" s="8" t="s">
        <v>1926</v>
      </c>
      <c r="C643" s="9" t="s">
        <v>13653</v>
      </c>
      <c r="D643" s="9" t="s">
        <v>13581</v>
      </c>
      <c r="E643" s="10" t="s">
        <v>13591</v>
      </c>
      <c r="F643" s="10" t="s">
        <v>13654</v>
      </c>
      <c r="G643" s="8" t="s">
        <v>13655</v>
      </c>
      <c r="H643" s="8" t="s">
        <v>13656</v>
      </c>
      <c r="I643" s="11">
        <v>39345</v>
      </c>
      <c r="J643" s="11">
        <v>43435</v>
      </c>
      <c r="K643" s="11">
        <v>45626</v>
      </c>
    </row>
    <row r="644" spans="1:11" x14ac:dyDescent="0.4">
      <c r="A644" s="8" t="s">
        <v>11818</v>
      </c>
      <c r="B644" s="8" t="s">
        <v>1926</v>
      </c>
      <c r="C644" s="9" t="s">
        <v>13657</v>
      </c>
      <c r="D644" s="9" t="s">
        <v>13581</v>
      </c>
      <c r="E644" s="10" t="s">
        <v>13591</v>
      </c>
      <c r="F644" s="10" t="s">
        <v>13658</v>
      </c>
      <c r="G644" s="8" t="s">
        <v>13659</v>
      </c>
      <c r="H644" s="8" t="s">
        <v>13660</v>
      </c>
      <c r="I644" s="11">
        <v>39345</v>
      </c>
      <c r="J644" s="11">
        <v>43800</v>
      </c>
      <c r="K644" s="11">
        <v>45991</v>
      </c>
    </row>
    <row r="645" spans="1:11" x14ac:dyDescent="0.4">
      <c r="A645" s="8" t="s">
        <v>11818</v>
      </c>
      <c r="B645" s="8" t="s">
        <v>1926</v>
      </c>
      <c r="C645" s="9" t="s">
        <v>2804</v>
      </c>
      <c r="D645" s="9" t="s">
        <v>13581</v>
      </c>
      <c r="E645" s="10" t="s">
        <v>13591</v>
      </c>
      <c r="F645" s="10" t="s">
        <v>2800</v>
      </c>
      <c r="G645" s="8" t="s">
        <v>13661</v>
      </c>
      <c r="H645" s="8" t="s">
        <v>13662</v>
      </c>
      <c r="I645" s="11">
        <v>39345</v>
      </c>
      <c r="J645" s="11">
        <v>43800</v>
      </c>
      <c r="K645" s="11">
        <v>45991</v>
      </c>
    </row>
    <row r="646" spans="1:11" x14ac:dyDescent="0.4">
      <c r="A646" s="8" t="s">
        <v>11818</v>
      </c>
      <c r="B646" s="8" t="s">
        <v>48</v>
      </c>
      <c r="C646" s="9" t="s">
        <v>13663</v>
      </c>
      <c r="D646" s="9" t="s">
        <v>13664</v>
      </c>
      <c r="E646" s="10" t="s">
        <v>13665</v>
      </c>
      <c r="F646" s="10"/>
      <c r="G646" s="8"/>
      <c r="H646" s="8" t="s">
        <v>13666</v>
      </c>
      <c r="I646" s="11">
        <v>39343</v>
      </c>
      <c r="J646" s="11">
        <v>43617</v>
      </c>
      <c r="K646" s="11">
        <v>45808</v>
      </c>
    </row>
    <row r="647" spans="1:11" x14ac:dyDescent="0.4">
      <c r="A647" s="8" t="s">
        <v>11818</v>
      </c>
      <c r="B647" s="8" t="s">
        <v>2044</v>
      </c>
      <c r="C647" s="9" t="s">
        <v>13667</v>
      </c>
      <c r="D647" s="9" t="s">
        <v>13668</v>
      </c>
      <c r="E647" s="10"/>
      <c r="F647" s="10"/>
      <c r="G647" s="8"/>
      <c r="H647" s="8" t="s">
        <v>13669</v>
      </c>
      <c r="I647" s="11">
        <v>39343</v>
      </c>
      <c r="J647" s="11">
        <v>43617</v>
      </c>
      <c r="K647" s="11">
        <v>45808</v>
      </c>
    </row>
    <row r="648" spans="1:11" x14ac:dyDescent="0.4">
      <c r="A648" s="8" t="s">
        <v>11818</v>
      </c>
      <c r="B648" s="8" t="s">
        <v>2044</v>
      </c>
      <c r="C648" s="9" t="s">
        <v>13670</v>
      </c>
      <c r="D648" s="9" t="s">
        <v>13671</v>
      </c>
      <c r="E648" s="10"/>
      <c r="F648" s="10"/>
      <c r="G648" s="8"/>
      <c r="H648" s="8" t="s">
        <v>13672</v>
      </c>
      <c r="I648" s="11">
        <v>39353</v>
      </c>
      <c r="J648" s="11">
        <v>43556</v>
      </c>
      <c r="K648" s="11">
        <v>45747</v>
      </c>
    </row>
    <row r="649" spans="1:11" x14ac:dyDescent="0.4">
      <c r="A649" s="8" t="s">
        <v>11818</v>
      </c>
      <c r="B649" s="8" t="s">
        <v>633</v>
      </c>
      <c r="C649" s="9" t="s">
        <v>13673</v>
      </c>
      <c r="D649" s="9" t="s">
        <v>13674</v>
      </c>
      <c r="E649" s="10"/>
      <c r="F649" s="10"/>
      <c r="G649" s="8"/>
      <c r="H649" s="8" t="s">
        <v>13675</v>
      </c>
      <c r="I649" s="11">
        <v>39365</v>
      </c>
      <c r="J649" s="11">
        <v>43586</v>
      </c>
      <c r="K649" s="11">
        <v>45777</v>
      </c>
    </row>
    <row r="650" spans="1:11" x14ac:dyDescent="0.4">
      <c r="A650" s="8" t="s">
        <v>11818</v>
      </c>
      <c r="B650" s="8" t="s">
        <v>633</v>
      </c>
      <c r="C650" s="9" t="s">
        <v>13676</v>
      </c>
      <c r="D650" s="9" t="s">
        <v>13581</v>
      </c>
      <c r="E650" s="10" t="s">
        <v>13596</v>
      </c>
      <c r="F650" s="10" t="s">
        <v>13677</v>
      </c>
      <c r="G650" s="8" t="s">
        <v>13678</v>
      </c>
      <c r="H650" s="8" t="s">
        <v>13679</v>
      </c>
      <c r="I650" s="11">
        <v>39384</v>
      </c>
      <c r="J650" s="11">
        <v>43435</v>
      </c>
      <c r="K650" s="11">
        <v>45626</v>
      </c>
    </row>
    <row r="651" spans="1:11" x14ac:dyDescent="0.4">
      <c r="A651" s="8" t="s">
        <v>11818</v>
      </c>
      <c r="B651" s="8" t="s">
        <v>698</v>
      </c>
      <c r="C651" s="9" t="s">
        <v>6299</v>
      </c>
      <c r="D651" s="9" t="s">
        <v>13680</v>
      </c>
      <c r="E651" s="10"/>
      <c r="F651" s="10" t="s">
        <v>11644</v>
      </c>
      <c r="G651" s="8" t="s">
        <v>11645</v>
      </c>
      <c r="H651" s="8" t="s">
        <v>13681</v>
      </c>
      <c r="I651" s="11">
        <v>39392</v>
      </c>
      <c r="J651" s="11">
        <v>43586</v>
      </c>
      <c r="K651" s="11">
        <v>45777</v>
      </c>
    </row>
    <row r="652" spans="1:11" x14ac:dyDescent="0.4">
      <c r="A652" s="8" t="s">
        <v>11818</v>
      </c>
      <c r="B652" s="8" t="s">
        <v>2044</v>
      </c>
      <c r="C652" s="9" t="s">
        <v>13682</v>
      </c>
      <c r="D652" s="9" t="s">
        <v>13683</v>
      </c>
      <c r="E652" s="10"/>
      <c r="F652" s="10" t="s">
        <v>13583</v>
      </c>
      <c r="G652" s="8" t="s">
        <v>13584</v>
      </c>
      <c r="H652" s="8" t="s">
        <v>13684</v>
      </c>
      <c r="I652" s="11">
        <v>39395</v>
      </c>
      <c r="J652" s="11">
        <v>43556</v>
      </c>
      <c r="K652" s="11">
        <v>45747</v>
      </c>
    </row>
    <row r="653" spans="1:11" x14ac:dyDescent="0.4">
      <c r="A653" s="8" t="s">
        <v>11818</v>
      </c>
      <c r="B653" s="8" t="s">
        <v>633</v>
      </c>
      <c r="C653" s="9" t="s">
        <v>13685</v>
      </c>
      <c r="D653" s="9" t="s">
        <v>13686</v>
      </c>
      <c r="E653" s="10"/>
      <c r="F653" s="10" t="s">
        <v>13687</v>
      </c>
      <c r="G653" s="8" t="s">
        <v>13688</v>
      </c>
      <c r="H653" s="8" t="s">
        <v>13689</v>
      </c>
      <c r="I653" s="11">
        <v>39398</v>
      </c>
      <c r="J653" s="11">
        <v>44105</v>
      </c>
      <c r="K653" s="11">
        <v>46295</v>
      </c>
    </row>
    <row r="654" spans="1:11" x14ac:dyDescent="0.4">
      <c r="A654" s="8" t="s">
        <v>11818</v>
      </c>
      <c r="B654" s="8" t="s">
        <v>6444</v>
      </c>
      <c r="C654" s="9" t="s">
        <v>11421</v>
      </c>
      <c r="D654" s="9" t="s">
        <v>13690</v>
      </c>
      <c r="E654" s="10"/>
      <c r="F654" s="10" t="s">
        <v>11423</v>
      </c>
      <c r="G654" s="8" t="s">
        <v>11424</v>
      </c>
      <c r="H654" s="8" t="s">
        <v>13691</v>
      </c>
      <c r="I654" s="11">
        <v>39402</v>
      </c>
      <c r="J654" s="11">
        <v>43647</v>
      </c>
      <c r="K654" s="11">
        <v>45838</v>
      </c>
    </row>
    <row r="655" spans="1:11" x14ac:dyDescent="0.4">
      <c r="A655" s="8" t="s">
        <v>11818</v>
      </c>
      <c r="B655" s="8" t="s">
        <v>633</v>
      </c>
      <c r="C655" s="9" t="s">
        <v>13692</v>
      </c>
      <c r="D655" s="9" t="s">
        <v>13693</v>
      </c>
      <c r="E655" s="10"/>
      <c r="F655" s="10"/>
      <c r="G655" s="8"/>
      <c r="H655" s="8" t="s">
        <v>13694</v>
      </c>
      <c r="I655" s="11">
        <v>39417</v>
      </c>
      <c r="J655" s="11">
        <v>43586</v>
      </c>
      <c r="K655" s="11">
        <v>45777</v>
      </c>
    </row>
    <row r="656" spans="1:11" x14ac:dyDescent="0.4">
      <c r="A656" s="8" t="s">
        <v>11818</v>
      </c>
      <c r="B656" s="8" t="s">
        <v>3441</v>
      </c>
      <c r="C656" s="9" t="s">
        <v>13695</v>
      </c>
      <c r="D656" s="9" t="s">
        <v>13696</v>
      </c>
      <c r="E656" s="10"/>
      <c r="F656" s="10"/>
      <c r="G656" s="8"/>
      <c r="H656" s="8" t="s">
        <v>13697</v>
      </c>
      <c r="I656" s="11">
        <v>39417</v>
      </c>
      <c r="J656" s="11">
        <v>43556</v>
      </c>
      <c r="K656" s="11">
        <v>45747</v>
      </c>
    </row>
    <row r="657" spans="1:11" x14ac:dyDescent="0.4">
      <c r="A657" s="8" t="s">
        <v>11818</v>
      </c>
      <c r="B657" s="8" t="s">
        <v>3441</v>
      </c>
      <c r="C657" s="9" t="s">
        <v>13698</v>
      </c>
      <c r="D657" s="9" t="s">
        <v>13699</v>
      </c>
      <c r="E657" s="10"/>
      <c r="F657" s="10" t="s">
        <v>13698</v>
      </c>
      <c r="G657" s="8" t="s">
        <v>13700</v>
      </c>
      <c r="H657" s="8" t="s">
        <v>13701</v>
      </c>
      <c r="I657" s="11">
        <v>39421</v>
      </c>
      <c r="J657" s="11">
        <v>44136</v>
      </c>
      <c r="K657" s="11">
        <v>46326</v>
      </c>
    </row>
    <row r="658" spans="1:11" x14ac:dyDescent="0.4">
      <c r="A658" s="8" t="s">
        <v>11818</v>
      </c>
      <c r="B658" s="8" t="s">
        <v>3083</v>
      </c>
      <c r="C658" s="9" t="s">
        <v>13702</v>
      </c>
      <c r="D658" s="9" t="s">
        <v>13703</v>
      </c>
      <c r="E658" s="10"/>
      <c r="F658" s="10" t="s">
        <v>13416</v>
      </c>
      <c r="G658" s="8" t="s">
        <v>13417</v>
      </c>
      <c r="H658" s="8" t="s">
        <v>13704</v>
      </c>
      <c r="I658" s="11">
        <v>39426</v>
      </c>
      <c r="J658" s="11">
        <v>43556</v>
      </c>
      <c r="K658" s="11">
        <v>45747</v>
      </c>
    </row>
    <row r="659" spans="1:11" x14ac:dyDescent="0.4">
      <c r="A659" s="8" t="s">
        <v>11818</v>
      </c>
      <c r="B659" s="8" t="s">
        <v>2044</v>
      </c>
      <c r="C659" s="9" t="s">
        <v>13705</v>
      </c>
      <c r="D659" s="9" t="s">
        <v>13706</v>
      </c>
      <c r="E659" s="10"/>
      <c r="F659" s="10"/>
      <c r="G659" s="8"/>
      <c r="H659" s="8" t="s">
        <v>13707</v>
      </c>
      <c r="I659" s="11">
        <v>39468</v>
      </c>
      <c r="J659" s="11">
        <v>43556</v>
      </c>
      <c r="K659" s="11">
        <v>45747</v>
      </c>
    </row>
    <row r="660" spans="1:11" x14ac:dyDescent="0.4">
      <c r="A660" s="8" t="s">
        <v>11818</v>
      </c>
      <c r="B660" s="8" t="s">
        <v>48</v>
      </c>
      <c r="C660" s="9" t="s">
        <v>13708</v>
      </c>
      <c r="D660" s="9" t="s">
        <v>13709</v>
      </c>
      <c r="E660" s="10" t="s">
        <v>47</v>
      </c>
      <c r="F660" s="10"/>
      <c r="G660" s="8"/>
      <c r="H660" s="8" t="s">
        <v>13710</v>
      </c>
      <c r="I660" s="11">
        <v>39475</v>
      </c>
      <c r="J660" s="11">
        <v>43800</v>
      </c>
      <c r="K660" s="11">
        <v>45991</v>
      </c>
    </row>
    <row r="661" spans="1:11" x14ac:dyDescent="0.4">
      <c r="A661" s="8" t="s">
        <v>11818</v>
      </c>
      <c r="B661" s="8" t="s">
        <v>3441</v>
      </c>
      <c r="C661" s="9" t="s">
        <v>13711</v>
      </c>
      <c r="D661" s="9" t="s">
        <v>13712</v>
      </c>
      <c r="E661" s="10"/>
      <c r="F661" s="10" t="s">
        <v>13713</v>
      </c>
      <c r="G661" s="8" t="s">
        <v>13712</v>
      </c>
      <c r="H661" s="8" t="s">
        <v>13714</v>
      </c>
      <c r="I661" s="11">
        <v>39479</v>
      </c>
      <c r="J661" s="11">
        <v>43739</v>
      </c>
      <c r="K661" s="11">
        <v>45930</v>
      </c>
    </row>
    <row r="662" spans="1:11" x14ac:dyDescent="0.4">
      <c r="A662" s="8" t="s">
        <v>11818</v>
      </c>
      <c r="B662" s="8" t="s">
        <v>3083</v>
      </c>
      <c r="C662" s="9" t="s">
        <v>13715</v>
      </c>
      <c r="D662" s="9" t="s">
        <v>13716</v>
      </c>
      <c r="E662" s="10"/>
      <c r="F662" s="10" t="s">
        <v>4233</v>
      </c>
      <c r="G662" s="8" t="s">
        <v>12822</v>
      </c>
      <c r="H662" s="8" t="s">
        <v>13717</v>
      </c>
      <c r="I662" s="11">
        <v>39485</v>
      </c>
      <c r="J662" s="11">
        <v>43556</v>
      </c>
      <c r="K662" s="11">
        <v>45747</v>
      </c>
    </row>
    <row r="663" spans="1:11" x14ac:dyDescent="0.4">
      <c r="A663" s="8" t="s">
        <v>11818</v>
      </c>
      <c r="B663" s="8" t="s">
        <v>3441</v>
      </c>
      <c r="C663" s="9" t="s">
        <v>13718</v>
      </c>
      <c r="D663" s="9" t="s">
        <v>13719</v>
      </c>
      <c r="E663" s="10"/>
      <c r="F663" s="10" t="s">
        <v>6649</v>
      </c>
      <c r="G663" s="8" t="s">
        <v>11553</v>
      </c>
      <c r="H663" s="8" t="s">
        <v>13720</v>
      </c>
      <c r="I663" s="11">
        <v>39484</v>
      </c>
      <c r="J663" s="11">
        <v>44136</v>
      </c>
      <c r="K663" s="11">
        <v>46326</v>
      </c>
    </row>
    <row r="664" spans="1:11" x14ac:dyDescent="0.4">
      <c r="A664" s="8" t="s">
        <v>11818</v>
      </c>
      <c r="B664" s="8" t="s">
        <v>633</v>
      </c>
      <c r="C664" s="9" t="s">
        <v>13721</v>
      </c>
      <c r="D664" s="9" t="s">
        <v>13722</v>
      </c>
      <c r="E664" s="10"/>
      <c r="F664" s="10"/>
      <c r="G664" s="8"/>
      <c r="H664" s="8" t="s">
        <v>13723</v>
      </c>
      <c r="I664" s="11">
        <v>39486</v>
      </c>
      <c r="J664" s="11">
        <v>44105</v>
      </c>
      <c r="K664" s="11">
        <v>46295</v>
      </c>
    </row>
    <row r="665" spans="1:11" x14ac:dyDescent="0.4">
      <c r="A665" s="8" t="s">
        <v>11818</v>
      </c>
      <c r="B665" s="8" t="s">
        <v>633</v>
      </c>
      <c r="C665" s="9" t="s">
        <v>13724</v>
      </c>
      <c r="D665" s="9" t="s">
        <v>13725</v>
      </c>
      <c r="E665" s="10"/>
      <c r="F665" s="10" t="s">
        <v>13726</v>
      </c>
      <c r="G665" s="8" t="s">
        <v>13727</v>
      </c>
      <c r="H665" s="8" t="s">
        <v>13728</v>
      </c>
      <c r="I665" s="11">
        <v>39486</v>
      </c>
      <c r="J665" s="11">
        <v>43647</v>
      </c>
      <c r="K665" s="11">
        <v>45838</v>
      </c>
    </row>
    <row r="666" spans="1:11" x14ac:dyDescent="0.4">
      <c r="A666" s="8" t="s">
        <v>11818</v>
      </c>
      <c r="B666" s="8" t="s">
        <v>3083</v>
      </c>
      <c r="C666" s="9" t="s">
        <v>13729</v>
      </c>
      <c r="D666" s="9" t="s">
        <v>11437</v>
      </c>
      <c r="E666" s="10"/>
      <c r="F666" s="10" t="s">
        <v>1640</v>
      </c>
      <c r="G666" s="8" t="s">
        <v>13730</v>
      </c>
      <c r="H666" s="8" t="s">
        <v>13731</v>
      </c>
      <c r="I666" s="11">
        <v>40057</v>
      </c>
      <c r="J666" s="11">
        <v>44105</v>
      </c>
      <c r="K666" s="11">
        <v>46295</v>
      </c>
    </row>
    <row r="667" spans="1:11" x14ac:dyDescent="0.4">
      <c r="A667" s="8" t="s">
        <v>11818</v>
      </c>
      <c r="B667" s="8" t="s">
        <v>6444</v>
      </c>
      <c r="C667" s="9" t="s">
        <v>13732</v>
      </c>
      <c r="D667" s="9" t="s">
        <v>11407</v>
      </c>
      <c r="E667" s="10" t="s">
        <v>13733</v>
      </c>
      <c r="F667" s="10" t="s">
        <v>13734</v>
      </c>
      <c r="G667" s="8" t="s">
        <v>13735</v>
      </c>
      <c r="H667" s="8" t="s">
        <v>13736</v>
      </c>
      <c r="I667" s="11">
        <v>40066</v>
      </c>
      <c r="J667" s="11">
        <v>44136</v>
      </c>
      <c r="K667" s="11">
        <v>46326</v>
      </c>
    </row>
    <row r="668" spans="1:11" x14ac:dyDescent="0.4">
      <c r="A668" s="8" t="s">
        <v>11818</v>
      </c>
      <c r="B668" s="8" t="s">
        <v>48</v>
      </c>
      <c r="C668" s="9" t="s">
        <v>13737</v>
      </c>
      <c r="D668" s="9" t="s">
        <v>13738</v>
      </c>
      <c r="E668" s="10" t="s">
        <v>7193</v>
      </c>
      <c r="F668" s="10" t="s">
        <v>13739</v>
      </c>
      <c r="G668" s="8" t="s">
        <v>13740</v>
      </c>
      <c r="H668" s="8" t="s">
        <v>13741</v>
      </c>
      <c r="I668" s="11">
        <v>40073</v>
      </c>
      <c r="J668" s="11">
        <v>43800</v>
      </c>
      <c r="K668" s="11">
        <v>45626</v>
      </c>
    </row>
    <row r="669" spans="1:11" x14ac:dyDescent="0.4">
      <c r="A669" s="8" t="s">
        <v>11818</v>
      </c>
      <c r="B669" s="8" t="s">
        <v>48</v>
      </c>
      <c r="C669" s="9" t="s">
        <v>13742</v>
      </c>
      <c r="D669" s="9" t="s">
        <v>13738</v>
      </c>
      <c r="E669" s="10" t="s">
        <v>767</v>
      </c>
      <c r="F669" s="10" t="s">
        <v>13739</v>
      </c>
      <c r="G669" s="8" t="s">
        <v>13740</v>
      </c>
      <c r="H669" s="8" t="s">
        <v>13743</v>
      </c>
      <c r="I669" s="11">
        <v>40073</v>
      </c>
      <c r="J669" s="11">
        <v>43800</v>
      </c>
      <c r="K669" s="11">
        <v>45626</v>
      </c>
    </row>
    <row r="670" spans="1:11" x14ac:dyDescent="0.4">
      <c r="A670" s="8" t="s">
        <v>11818</v>
      </c>
      <c r="B670" s="8" t="s">
        <v>3441</v>
      </c>
      <c r="C670" s="9" t="s">
        <v>11591</v>
      </c>
      <c r="D670" s="9" t="s">
        <v>11592</v>
      </c>
      <c r="E670" s="10"/>
      <c r="F670" s="10" t="s">
        <v>11593</v>
      </c>
      <c r="G670" s="8" t="s">
        <v>11594</v>
      </c>
      <c r="H670" s="8" t="s">
        <v>13744</v>
      </c>
      <c r="I670" s="11">
        <v>39507</v>
      </c>
      <c r="J670" s="11">
        <v>43556</v>
      </c>
      <c r="K670" s="11">
        <v>45747</v>
      </c>
    </row>
    <row r="671" spans="1:11" x14ac:dyDescent="0.4">
      <c r="A671" s="8" t="s">
        <v>11818</v>
      </c>
      <c r="B671" s="8" t="s">
        <v>1926</v>
      </c>
      <c r="C671" s="9" t="s">
        <v>13745</v>
      </c>
      <c r="D671" s="9" t="s">
        <v>12315</v>
      </c>
      <c r="E671" s="10"/>
      <c r="F671" s="10"/>
      <c r="G671" s="8"/>
      <c r="H671" s="8" t="s">
        <v>13746</v>
      </c>
      <c r="I671" s="11">
        <v>40082</v>
      </c>
      <c r="J671" s="11">
        <v>44013</v>
      </c>
      <c r="K671" s="11">
        <v>45838</v>
      </c>
    </row>
    <row r="672" spans="1:11" x14ac:dyDescent="0.4">
      <c r="A672" s="8" t="s">
        <v>11818</v>
      </c>
      <c r="B672" s="8" t="s">
        <v>48</v>
      </c>
      <c r="C672" s="9" t="s">
        <v>13747</v>
      </c>
      <c r="D672" s="9" t="s">
        <v>13748</v>
      </c>
      <c r="E672" s="10" t="s">
        <v>13749</v>
      </c>
      <c r="F672" s="10"/>
      <c r="G672" s="8"/>
      <c r="H672" s="8" t="s">
        <v>13750</v>
      </c>
      <c r="I672" s="11">
        <v>40080</v>
      </c>
      <c r="J672" s="11">
        <v>43800</v>
      </c>
      <c r="K672" s="11">
        <v>45626</v>
      </c>
    </row>
    <row r="673" spans="1:11" x14ac:dyDescent="0.4">
      <c r="A673" s="8" t="s">
        <v>11818</v>
      </c>
      <c r="B673" s="8" t="s">
        <v>633</v>
      </c>
      <c r="C673" s="9" t="s">
        <v>13751</v>
      </c>
      <c r="D673" s="9" t="s">
        <v>13752</v>
      </c>
      <c r="E673" s="10" t="s">
        <v>13753</v>
      </c>
      <c r="F673" s="10" t="s">
        <v>1776</v>
      </c>
      <c r="G673" s="8" t="s">
        <v>13754</v>
      </c>
      <c r="H673" s="8" t="s">
        <v>13755</v>
      </c>
      <c r="I673" s="11">
        <v>40087</v>
      </c>
      <c r="J673" s="11">
        <v>44105</v>
      </c>
      <c r="K673" s="11">
        <v>46295</v>
      </c>
    </row>
    <row r="674" spans="1:11" x14ac:dyDescent="0.4">
      <c r="A674" s="8" t="s">
        <v>11818</v>
      </c>
      <c r="B674" s="8" t="s">
        <v>633</v>
      </c>
      <c r="C674" s="9" t="s">
        <v>13756</v>
      </c>
      <c r="D674" s="9" t="s">
        <v>13757</v>
      </c>
      <c r="E674" s="10"/>
      <c r="F674" s="10"/>
      <c r="G674" s="8"/>
      <c r="H674" s="8" t="s">
        <v>13758</v>
      </c>
      <c r="I674" s="11">
        <v>39525</v>
      </c>
      <c r="J674" s="11">
        <v>43647</v>
      </c>
      <c r="K674" s="11">
        <v>45838</v>
      </c>
    </row>
    <row r="675" spans="1:11" x14ac:dyDescent="0.4">
      <c r="A675" s="8" t="s">
        <v>11818</v>
      </c>
      <c r="B675" s="8" t="s">
        <v>633</v>
      </c>
      <c r="C675" s="9" t="s">
        <v>13759</v>
      </c>
      <c r="D675" s="9" t="s">
        <v>13760</v>
      </c>
      <c r="E675" s="10"/>
      <c r="F675" s="10" t="s">
        <v>6569</v>
      </c>
      <c r="G675" s="8" t="s">
        <v>13761</v>
      </c>
      <c r="H675" s="8" t="s">
        <v>13762</v>
      </c>
      <c r="I675" s="11">
        <v>39522</v>
      </c>
      <c r="J675" s="11">
        <v>43405</v>
      </c>
      <c r="K675" s="11">
        <v>45596</v>
      </c>
    </row>
    <row r="676" spans="1:11" x14ac:dyDescent="0.4">
      <c r="A676" s="8" t="s">
        <v>11818</v>
      </c>
      <c r="B676" s="8" t="s">
        <v>2044</v>
      </c>
      <c r="C676" s="9" t="s">
        <v>13763</v>
      </c>
      <c r="D676" s="9" t="s">
        <v>13764</v>
      </c>
      <c r="E676" s="10"/>
      <c r="F676" s="10" t="s">
        <v>13765</v>
      </c>
      <c r="G676" s="8" t="s">
        <v>13766</v>
      </c>
      <c r="H676" s="8" t="s">
        <v>13767</v>
      </c>
      <c r="I676" s="11">
        <v>39521</v>
      </c>
      <c r="J676" s="11">
        <v>44013</v>
      </c>
      <c r="K676" s="11">
        <v>46203</v>
      </c>
    </row>
    <row r="677" spans="1:11" x14ac:dyDescent="0.4">
      <c r="A677" s="8" t="s">
        <v>11818</v>
      </c>
      <c r="B677" s="8" t="s">
        <v>3441</v>
      </c>
      <c r="C677" s="9" t="s">
        <v>3822</v>
      </c>
      <c r="D677" s="9" t="s">
        <v>11599</v>
      </c>
      <c r="E677" s="10"/>
      <c r="F677" s="10" t="s">
        <v>3822</v>
      </c>
      <c r="G677" s="8" t="s">
        <v>11600</v>
      </c>
      <c r="H677" s="8" t="s">
        <v>13768</v>
      </c>
      <c r="I677" s="11">
        <v>39519</v>
      </c>
      <c r="J677" s="11">
        <v>44317</v>
      </c>
      <c r="K677" s="11">
        <v>46873</v>
      </c>
    </row>
    <row r="678" spans="1:11" x14ac:dyDescent="0.4">
      <c r="A678" s="8" t="s">
        <v>11818</v>
      </c>
      <c r="B678" s="8" t="s">
        <v>48</v>
      </c>
      <c r="C678" s="9" t="s">
        <v>13769</v>
      </c>
      <c r="D678" s="9" t="s">
        <v>13770</v>
      </c>
      <c r="E678" s="10"/>
      <c r="F678" s="10" t="s">
        <v>3539</v>
      </c>
      <c r="G678" s="8" t="s">
        <v>13771</v>
      </c>
      <c r="H678" s="8" t="s">
        <v>13772</v>
      </c>
      <c r="I678" s="11">
        <v>39534</v>
      </c>
      <c r="J678" s="11">
        <v>43922</v>
      </c>
      <c r="K678" s="11">
        <v>46112</v>
      </c>
    </row>
    <row r="679" spans="1:11" x14ac:dyDescent="0.4">
      <c r="A679" s="8" t="s">
        <v>11818</v>
      </c>
      <c r="B679" s="8" t="s">
        <v>633</v>
      </c>
      <c r="C679" s="9" t="s">
        <v>13773</v>
      </c>
      <c r="D679" s="9" t="s">
        <v>13774</v>
      </c>
      <c r="E679" s="10" t="s">
        <v>13775</v>
      </c>
      <c r="F679" s="10" t="s">
        <v>13776</v>
      </c>
      <c r="G679" s="8" t="s">
        <v>13777</v>
      </c>
      <c r="H679" s="8" t="s">
        <v>13778</v>
      </c>
      <c r="I679" s="11">
        <v>39545</v>
      </c>
      <c r="J679" s="11">
        <v>43586</v>
      </c>
      <c r="K679" s="11">
        <v>45777</v>
      </c>
    </row>
    <row r="680" spans="1:11" x14ac:dyDescent="0.4">
      <c r="A680" s="8" t="s">
        <v>11818</v>
      </c>
      <c r="B680" s="8" t="s">
        <v>633</v>
      </c>
      <c r="C680" s="9" t="s">
        <v>13779</v>
      </c>
      <c r="D680" s="9" t="s">
        <v>13780</v>
      </c>
      <c r="E680" s="10" t="s">
        <v>13781</v>
      </c>
      <c r="F680" s="10"/>
      <c r="G680" s="8"/>
      <c r="H680" s="8" t="s">
        <v>13782</v>
      </c>
      <c r="I680" s="11">
        <v>39550</v>
      </c>
      <c r="J680" s="11">
        <v>43739</v>
      </c>
      <c r="K680" s="11">
        <v>45930</v>
      </c>
    </row>
    <row r="681" spans="1:11" x14ac:dyDescent="0.4">
      <c r="A681" s="8" t="s">
        <v>11818</v>
      </c>
      <c r="B681" s="8" t="s">
        <v>3441</v>
      </c>
      <c r="C681" s="9" t="s">
        <v>11284</v>
      </c>
      <c r="D681" s="9" t="s">
        <v>13783</v>
      </c>
      <c r="E681" s="10"/>
      <c r="F681" s="10"/>
      <c r="G681" s="8"/>
      <c r="H681" s="8" t="s">
        <v>13784</v>
      </c>
      <c r="I681" s="11">
        <v>39556</v>
      </c>
      <c r="J681" s="11">
        <v>43647</v>
      </c>
      <c r="K681" s="11">
        <v>45473</v>
      </c>
    </row>
    <row r="682" spans="1:11" x14ac:dyDescent="0.4">
      <c r="A682" s="8" t="s">
        <v>11818</v>
      </c>
      <c r="B682" s="8" t="s">
        <v>5383</v>
      </c>
      <c r="C682" s="9" t="s">
        <v>13785</v>
      </c>
      <c r="D682" s="9" t="s">
        <v>13786</v>
      </c>
      <c r="E682" s="10"/>
      <c r="F682" s="10"/>
      <c r="G682" s="8"/>
      <c r="H682" s="8" t="s">
        <v>13787</v>
      </c>
      <c r="I682" s="11">
        <v>39555</v>
      </c>
      <c r="J682" s="11">
        <v>43586</v>
      </c>
      <c r="K682" s="11">
        <v>45777</v>
      </c>
    </row>
    <row r="683" spans="1:11" x14ac:dyDescent="0.4">
      <c r="A683" s="8" t="s">
        <v>11818</v>
      </c>
      <c r="B683" s="8" t="s">
        <v>48</v>
      </c>
      <c r="C683" s="9" t="s">
        <v>13788</v>
      </c>
      <c r="D683" s="9" t="s">
        <v>13789</v>
      </c>
      <c r="E683" s="10" t="s">
        <v>13790</v>
      </c>
      <c r="F683" s="10"/>
      <c r="G683" s="8"/>
      <c r="H683" s="8" t="s">
        <v>13791</v>
      </c>
      <c r="I683" s="11">
        <v>39569</v>
      </c>
      <c r="J683" s="11">
        <v>43952</v>
      </c>
      <c r="K683" s="11">
        <v>46142</v>
      </c>
    </row>
    <row r="684" spans="1:11" x14ac:dyDescent="0.4">
      <c r="A684" s="8" t="s">
        <v>11818</v>
      </c>
      <c r="B684" s="8" t="s">
        <v>2044</v>
      </c>
      <c r="C684" s="9" t="s">
        <v>13792</v>
      </c>
      <c r="D684" s="9" t="s">
        <v>13793</v>
      </c>
      <c r="E684" s="10"/>
      <c r="F684" s="10"/>
      <c r="G684" s="8"/>
      <c r="H684" s="8" t="s">
        <v>13794</v>
      </c>
      <c r="I684" s="11">
        <v>39563</v>
      </c>
      <c r="J684" s="11">
        <v>43739</v>
      </c>
      <c r="K684" s="11">
        <v>45930</v>
      </c>
    </row>
    <row r="685" spans="1:11" x14ac:dyDescent="0.4">
      <c r="A685" s="8" t="s">
        <v>11818</v>
      </c>
      <c r="B685" s="8" t="s">
        <v>698</v>
      </c>
      <c r="C685" s="9" t="s">
        <v>11799</v>
      </c>
      <c r="D685" s="9" t="s">
        <v>11800</v>
      </c>
      <c r="E685" s="10"/>
      <c r="F685" s="10"/>
      <c r="G685" s="8"/>
      <c r="H685" s="8" t="s">
        <v>13795</v>
      </c>
      <c r="I685" s="11">
        <v>39571</v>
      </c>
      <c r="J685" s="11">
        <v>43647</v>
      </c>
      <c r="K685" s="11">
        <v>45838</v>
      </c>
    </row>
    <row r="686" spans="1:11" x14ac:dyDescent="0.4">
      <c r="A686" s="8" t="s">
        <v>11818</v>
      </c>
      <c r="B686" s="8" t="s">
        <v>633</v>
      </c>
      <c r="C686" s="9" t="s">
        <v>13796</v>
      </c>
      <c r="D686" s="9" t="s">
        <v>13797</v>
      </c>
      <c r="E686" s="10"/>
      <c r="F686" s="10"/>
      <c r="G686" s="8"/>
      <c r="H686" s="8" t="s">
        <v>13798</v>
      </c>
      <c r="I686" s="11">
        <v>39578</v>
      </c>
      <c r="J686" s="11">
        <v>43739</v>
      </c>
      <c r="K686" s="11">
        <v>45930</v>
      </c>
    </row>
    <row r="687" spans="1:11" x14ac:dyDescent="0.4">
      <c r="A687" s="8" t="s">
        <v>11818</v>
      </c>
      <c r="B687" s="8" t="s">
        <v>3441</v>
      </c>
      <c r="C687" s="9" t="s">
        <v>13799</v>
      </c>
      <c r="D687" s="9" t="s">
        <v>13800</v>
      </c>
      <c r="E687" s="10"/>
      <c r="F687" s="10"/>
      <c r="G687" s="8"/>
      <c r="H687" s="8" t="s">
        <v>13801</v>
      </c>
      <c r="I687" s="11">
        <v>39603</v>
      </c>
      <c r="J687" s="11">
        <v>44105</v>
      </c>
      <c r="K687" s="11">
        <v>46295</v>
      </c>
    </row>
    <row r="688" spans="1:11" x14ac:dyDescent="0.4">
      <c r="A688" s="8" t="s">
        <v>11818</v>
      </c>
      <c r="B688" s="8" t="s">
        <v>633</v>
      </c>
      <c r="C688" s="9" t="s">
        <v>13802</v>
      </c>
      <c r="D688" s="9" t="s">
        <v>13803</v>
      </c>
      <c r="E688" s="10"/>
      <c r="F688" s="10" t="s">
        <v>13804</v>
      </c>
      <c r="G688" s="8" t="s">
        <v>13805</v>
      </c>
      <c r="H688" s="8" t="s">
        <v>13806</v>
      </c>
      <c r="I688" s="11">
        <v>39604</v>
      </c>
      <c r="J688" s="11">
        <v>43739</v>
      </c>
      <c r="K688" s="11">
        <v>45930</v>
      </c>
    </row>
    <row r="689" spans="1:11" x14ac:dyDescent="0.4">
      <c r="A689" s="8" t="s">
        <v>11818</v>
      </c>
      <c r="B689" s="8" t="s">
        <v>3441</v>
      </c>
      <c r="C689" s="9" t="s">
        <v>13807</v>
      </c>
      <c r="D689" s="9" t="s">
        <v>13808</v>
      </c>
      <c r="E689" s="10"/>
      <c r="F689" s="10" t="s">
        <v>7040</v>
      </c>
      <c r="G689" s="8" t="s">
        <v>13809</v>
      </c>
      <c r="H689" s="8" t="s">
        <v>13810</v>
      </c>
      <c r="I689" s="11">
        <v>39624</v>
      </c>
      <c r="J689" s="11">
        <v>43952</v>
      </c>
      <c r="K689" s="11">
        <v>46142</v>
      </c>
    </row>
    <row r="690" spans="1:11" x14ac:dyDescent="0.4">
      <c r="A690" s="8" t="s">
        <v>11818</v>
      </c>
      <c r="B690" s="8" t="s">
        <v>9278</v>
      </c>
      <c r="C690" s="9" t="s">
        <v>13811</v>
      </c>
      <c r="D690" s="9" t="s">
        <v>13812</v>
      </c>
      <c r="E690" s="10"/>
      <c r="F690" s="10" t="s">
        <v>13813</v>
      </c>
      <c r="G690" s="8" t="s">
        <v>13814</v>
      </c>
      <c r="H690" s="8" t="s">
        <v>13815</v>
      </c>
      <c r="I690" s="11">
        <v>39624</v>
      </c>
      <c r="J690" s="11">
        <v>43556</v>
      </c>
      <c r="K690" s="11">
        <v>45747</v>
      </c>
    </row>
    <row r="691" spans="1:11" x14ac:dyDescent="0.4">
      <c r="A691" s="8" t="s">
        <v>11818</v>
      </c>
      <c r="B691" s="8" t="s">
        <v>48</v>
      </c>
      <c r="C691" s="9" t="s">
        <v>13816</v>
      </c>
      <c r="D691" s="9" t="s">
        <v>12599</v>
      </c>
      <c r="E691" s="10" t="s">
        <v>13817</v>
      </c>
      <c r="F691" s="10"/>
      <c r="G691" s="8"/>
      <c r="H691" s="8" t="s">
        <v>13818</v>
      </c>
      <c r="I691" s="11">
        <v>39637</v>
      </c>
      <c r="J691" s="11">
        <v>43800</v>
      </c>
      <c r="K691" s="11">
        <v>45991</v>
      </c>
    </row>
    <row r="692" spans="1:11" x14ac:dyDescent="0.4">
      <c r="A692" s="8" t="s">
        <v>11818</v>
      </c>
      <c r="B692" s="8" t="s">
        <v>633</v>
      </c>
      <c r="C692" s="9" t="s">
        <v>13819</v>
      </c>
      <c r="D692" s="9" t="s">
        <v>13820</v>
      </c>
      <c r="E692" s="10"/>
      <c r="F692" s="10" t="s">
        <v>13552</v>
      </c>
      <c r="G692" s="8" t="s">
        <v>12415</v>
      </c>
      <c r="H692" s="8" t="s">
        <v>13821</v>
      </c>
      <c r="I692" s="11">
        <v>39651</v>
      </c>
      <c r="J692" s="11">
        <v>43922</v>
      </c>
      <c r="K692" s="11">
        <v>46112</v>
      </c>
    </row>
    <row r="693" spans="1:11" x14ac:dyDescent="0.4">
      <c r="A693" s="8" t="s">
        <v>11818</v>
      </c>
      <c r="B693" s="8" t="s">
        <v>6444</v>
      </c>
      <c r="C693" s="9" t="s">
        <v>13822</v>
      </c>
      <c r="D693" s="9" t="s">
        <v>13823</v>
      </c>
      <c r="E693" s="10" t="s">
        <v>3144</v>
      </c>
      <c r="F693" s="10" t="s">
        <v>13642</v>
      </c>
      <c r="G693" s="8" t="s">
        <v>13643</v>
      </c>
      <c r="H693" s="8" t="s">
        <v>13824</v>
      </c>
      <c r="I693" s="11">
        <v>39660</v>
      </c>
      <c r="J693" s="11">
        <v>44287</v>
      </c>
      <c r="K693" s="11">
        <v>46477</v>
      </c>
    </row>
    <row r="694" spans="1:11" x14ac:dyDescent="0.4">
      <c r="A694" s="8" t="s">
        <v>11818</v>
      </c>
      <c r="B694" s="8" t="s">
        <v>9278</v>
      </c>
      <c r="C694" s="9" t="s">
        <v>13825</v>
      </c>
      <c r="D694" s="9" t="s">
        <v>12812</v>
      </c>
      <c r="E694" s="10" t="s">
        <v>13826</v>
      </c>
      <c r="F694" s="10" t="s">
        <v>13827</v>
      </c>
      <c r="G694" s="8" t="s">
        <v>13828</v>
      </c>
      <c r="H694" s="8" t="s">
        <v>13829</v>
      </c>
      <c r="I694" s="11">
        <v>39658</v>
      </c>
      <c r="J694" s="11">
        <v>43983</v>
      </c>
      <c r="K694" s="11">
        <v>46173</v>
      </c>
    </row>
    <row r="695" spans="1:11" x14ac:dyDescent="0.4">
      <c r="A695" s="8" t="s">
        <v>11818</v>
      </c>
      <c r="B695" s="8" t="s">
        <v>3441</v>
      </c>
      <c r="C695" s="9" t="s">
        <v>13830</v>
      </c>
      <c r="D695" s="9" t="s">
        <v>12517</v>
      </c>
      <c r="E695" s="10" t="s">
        <v>12522</v>
      </c>
      <c r="F695" s="10" t="s">
        <v>13831</v>
      </c>
      <c r="G695" s="8" t="s">
        <v>13832</v>
      </c>
      <c r="H695" s="8" t="s">
        <v>13833</v>
      </c>
      <c r="I695" s="11">
        <v>39661</v>
      </c>
      <c r="J695" s="11">
        <v>43952</v>
      </c>
      <c r="K695" s="11">
        <v>46142</v>
      </c>
    </row>
    <row r="696" spans="1:11" x14ac:dyDescent="0.4">
      <c r="A696" s="8" t="s">
        <v>11818</v>
      </c>
      <c r="B696" s="8" t="s">
        <v>48</v>
      </c>
      <c r="C696" s="9" t="s">
        <v>13834</v>
      </c>
      <c r="D696" s="9" t="s">
        <v>13835</v>
      </c>
      <c r="E696" s="10" t="s">
        <v>13836</v>
      </c>
      <c r="F696" s="10"/>
      <c r="G696" s="8"/>
      <c r="H696" s="8" t="s">
        <v>13837</v>
      </c>
      <c r="I696" s="11">
        <v>39671</v>
      </c>
      <c r="J696" s="11">
        <v>43983</v>
      </c>
      <c r="K696" s="11">
        <v>46173</v>
      </c>
    </row>
    <row r="697" spans="1:11" x14ac:dyDescent="0.4">
      <c r="A697" s="8" t="s">
        <v>11818</v>
      </c>
      <c r="B697" s="8" t="s">
        <v>2044</v>
      </c>
      <c r="C697" s="9" t="s">
        <v>13838</v>
      </c>
      <c r="D697" s="9" t="s">
        <v>13839</v>
      </c>
      <c r="E697" s="10"/>
      <c r="F697" s="10" t="s">
        <v>13840</v>
      </c>
      <c r="G697" s="8" t="s">
        <v>13841</v>
      </c>
      <c r="H697" s="8" t="s">
        <v>13842</v>
      </c>
      <c r="I697" s="11">
        <v>39688</v>
      </c>
      <c r="J697" s="11">
        <v>44287</v>
      </c>
      <c r="K697" s="11">
        <v>46477</v>
      </c>
    </row>
    <row r="698" spans="1:11" x14ac:dyDescent="0.4">
      <c r="A698" s="8" t="s">
        <v>11818</v>
      </c>
      <c r="B698" s="8" t="s">
        <v>48</v>
      </c>
      <c r="C698" s="9" t="s">
        <v>13843</v>
      </c>
      <c r="D698" s="9" t="s">
        <v>13844</v>
      </c>
      <c r="E698" s="10"/>
      <c r="F698" s="10"/>
      <c r="G698" s="8"/>
      <c r="H698" s="8" t="s">
        <v>13845</v>
      </c>
      <c r="I698" s="11">
        <v>39689</v>
      </c>
      <c r="J698" s="11">
        <v>43952</v>
      </c>
      <c r="K698" s="11">
        <v>45777</v>
      </c>
    </row>
    <row r="699" spans="1:11" x14ac:dyDescent="0.4">
      <c r="A699" s="8" t="s">
        <v>11818</v>
      </c>
      <c r="B699" s="8" t="s">
        <v>633</v>
      </c>
      <c r="C699" s="9" t="s">
        <v>13846</v>
      </c>
      <c r="D699" s="9" t="s">
        <v>13847</v>
      </c>
      <c r="E699" s="10"/>
      <c r="F699" s="10" t="s">
        <v>13848</v>
      </c>
      <c r="G699" s="8" t="s">
        <v>13849</v>
      </c>
      <c r="H699" s="8" t="s">
        <v>13850</v>
      </c>
      <c r="I699" s="11">
        <v>39709</v>
      </c>
      <c r="J699" s="11">
        <v>43770</v>
      </c>
      <c r="K699" s="11">
        <v>45961</v>
      </c>
    </row>
    <row r="700" spans="1:11" x14ac:dyDescent="0.4">
      <c r="A700" s="8" t="s">
        <v>11818</v>
      </c>
      <c r="B700" s="8" t="s">
        <v>2044</v>
      </c>
      <c r="C700" s="9" t="s">
        <v>13851</v>
      </c>
      <c r="D700" s="9" t="s">
        <v>13852</v>
      </c>
      <c r="E700" s="10" t="s">
        <v>13853</v>
      </c>
      <c r="F700" s="10" t="s">
        <v>13583</v>
      </c>
      <c r="G700" s="8" t="s">
        <v>13584</v>
      </c>
      <c r="H700" s="8" t="s">
        <v>13854</v>
      </c>
      <c r="I700" s="11">
        <v>39720</v>
      </c>
      <c r="J700" s="11">
        <v>43952</v>
      </c>
      <c r="K700" s="11">
        <v>46142</v>
      </c>
    </row>
    <row r="701" spans="1:11" x14ac:dyDescent="0.4">
      <c r="A701" s="8" t="s">
        <v>11818</v>
      </c>
      <c r="B701" s="8" t="s">
        <v>3441</v>
      </c>
      <c r="C701" s="9" t="s">
        <v>11602</v>
      </c>
      <c r="D701" s="9" t="s">
        <v>11603</v>
      </c>
      <c r="E701" s="10"/>
      <c r="F701" s="10" t="s">
        <v>11602</v>
      </c>
      <c r="G701" s="8" t="s">
        <v>11603</v>
      </c>
      <c r="H701" s="8" t="s">
        <v>13855</v>
      </c>
      <c r="I701" s="11">
        <v>39714</v>
      </c>
      <c r="J701" s="11">
        <v>43739</v>
      </c>
      <c r="K701" s="11">
        <v>45930</v>
      </c>
    </row>
    <row r="702" spans="1:11" x14ac:dyDescent="0.4">
      <c r="A702" s="8" t="s">
        <v>11818</v>
      </c>
      <c r="B702" s="8" t="s">
        <v>698</v>
      </c>
      <c r="C702" s="9" t="s">
        <v>13856</v>
      </c>
      <c r="D702" s="9" t="s">
        <v>13857</v>
      </c>
      <c r="E702" s="10"/>
      <c r="F702" s="10" t="s">
        <v>13858</v>
      </c>
      <c r="G702" s="8" t="s">
        <v>13859</v>
      </c>
      <c r="H702" s="8" t="s">
        <v>13860</v>
      </c>
      <c r="I702" s="11">
        <v>39718</v>
      </c>
      <c r="J702" s="11">
        <v>43739</v>
      </c>
      <c r="K702" s="11">
        <v>45930</v>
      </c>
    </row>
    <row r="703" spans="1:11" x14ac:dyDescent="0.4">
      <c r="A703" s="8" t="s">
        <v>11818</v>
      </c>
      <c r="B703" s="8" t="s">
        <v>3441</v>
      </c>
      <c r="C703" s="9" t="s">
        <v>11608</v>
      </c>
      <c r="D703" s="9" t="s">
        <v>11609</v>
      </c>
      <c r="E703" s="10"/>
      <c r="F703" s="10" t="s">
        <v>1864</v>
      </c>
      <c r="G703" s="8" t="s">
        <v>11610</v>
      </c>
      <c r="H703" s="8" t="s">
        <v>13861</v>
      </c>
      <c r="I703" s="11">
        <v>39722</v>
      </c>
      <c r="J703" s="11">
        <v>43739</v>
      </c>
      <c r="K703" s="11">
        <v>45930</v>
      </c>
    </row>
    <row r="704" spans="1:11" x14ac:dyDescent="0.4">
      <c r="A704" s="8" t="s">
        <v>11818</v>
      </c>
      <c r="B704" s="8" t="s">
        <v>9278</v>
      </c>
      <c r="C704" s="9" t="s">
        <v>13862</v>
      </c>
      <c r="D704" s="9" t="s">
        <v>13863</v>
      </c>
      <c r="E704" s="10" t="s">
        <v>13864</v>
      </c>
      <c r="F704" s="10"/>
      <c r="G704" s="8"/>
      <c r="H704" s="8" t="s">
        <v>13865</v>
      </c>
      <c r="I704" s="11">
        <v>39723</v>
      </c>
      <c r="J704" s="11">
        <v>43983</v>
      </c>
      <c r="K704" s="11">
        <v>46173</v>
      </c>
    </row>
    <row r="705" spans="1:11" x14ac:dyDescent="0.4">
      <c r="A705" s="8" t="s">
        <v>11818</v>
      </c>
      <c r="B705" s="8" t="s">
        <v>9278</v>
      </c>
      <c r="C705" s="9" t="s">
        <v>13866</v>
      </c>
      <c r="D705" s="9" t="s">
        <v>13867</v>
      </c>
      <c r="E705" s="10"/>
      <c r="F705" s="10" t="s">
        <v>13868</v>
      </c>
      <c r="G705" s="8" t="s">
        <v>13869</v>
      </c>
      <c r="H705" s="8" t="s">
        <v>13870</v>
      </c>
      <c r="I705" s="11">
        <v>39725</v>
      </c>
      <c r="J705" s="11">
        <v>43922</v>
      </c>
      <c r="K705" s="11">
        <v>46112</v>
      </c>
    </row>
    <row r="706" spans="1:11" x14ac:dyDescent="0.4">
      <c r="A706" s="8" t="s">
        <v>11818</v>
      </c>
      <c r="B706" s="8" t="s">
        <v>793</v>
      </c>
      <c r="C706" s="9" t="s">
        <v>13871</v>
      </c>
      <c r="D706" s="9" t="s">
        <v>12853</v>
      </c>
      <c r="E706" s="10" t="s">
        <v>13872</v>
      </c>
      <c r="F706" s="10" t="s">
        <v>13873</v>
      </c>
      <c r="G706" s="8" t="s">
        <v>13874</v>
      </c>
      <c r="H706" s="8" t="s">
        <v>13875</v>
      </c>
      <c r="I706" s="11">
        <v>39728</v>
      </c>
      <c r="J706" s="11">
        <v>44166</v>
      </c>
      <c r="K706" s="11">
        <v>46356</v>
      </c>
    </row>
    <row r="707" spans="1:11" x14ac:dyDescent="0.4">
      <c r="A707" s="8" t="s">
        <v>11818</v>
      </c>
      <c r="B707" s="8" t="s">
        <v>793</v>
      </c>
      <c r="C707" s="9" t="s">
        <v>13876</v>
      </c>
      <c r="D707" s="9" t="s">
        <v>13877</v>
      </c>
      <c r="E707" s="10"/>
      <c r="F707" s="10"/>
      <c r="G707" s="8"/>
      <c r="H707" s="8" t="s">
        <v>13878</v>
      </c>
      <c r="I707" s="11">
        <v>39751</v>
      </c>
      <c r="J707" s="11">
        <v>43770</v>
      </c>
      <c r="K707" s="11">
        <v>45961</v>
      </c>
    </row>
    <row r="708" spans="1:11" x14ac:dyDescent="0.4">
      <c r="A708" s="8" t="s">
        <v>11818</v>
      </c>
      <c r="B708" s="8" t="s">
        <v>633</v>
      </c>
      <c r="C708" s="9" t="s">
        <v>13879</v>
      </c>
      <c r="D708" s="9" t="s">
        <v>13880</v>
      </c>
      <c r="E708" s="10"/>
      <c r="F708" s="10"/>
      <c r="G708" s="8"/>
      <c r="H708" s="8" t="s">
        <v>13881</v>
      </c>
      <c r="I708" s="11">
        <v>39743</v>
      </c>
      <c r="J708" s="11">
        <v>44287</v>
      </c>
      <c r="K708" s="11">
        <v>46477</v>
      </c>
    </row>
    <row r="709" spans="1:11" x14ac:dyDescent="0.4">
      <c r="A709" s="8" t="s">
        <v>11818</v>
      </c>
      <c r="B709" s="8" t="s">
        <v>5383</v>
      </c>
      <c r="C709" s="9" t="s">
        <v>13882</v>
      </c>
      <c r="D709" s="9" t="s">
        <v>13883</v>
      </c>
      <c r="E709" s="10"/>
      <c r="F709" s="10" t="s">
        <v>13884</v>
      </c>
      <c r="G709" s="8" t="s">
        <v>13885</v>
      </c>
      <c r="H709" s="8" t="s">
        <v>13886</v>
      </c>
      <c r="I709" s="11">
        <v>39738</v>
      </c>
      <c r="J709" s="11">
        <v>43556</v>
      </c>
      <c r="K709" s="11">
        <v>45747</v>
      </c>
    </row>
    <row r="710" spans="1:11" x14ac:dyDescent="0.4">
      <c r="A710" s="8" t="s">
        <v>11818</v>
      </c>
      <c r="B710" s="8" t="s">
        <v>633</v>
      </c>
      <c r="C710" s="9" t="s">
        <v>13887</v>
      </c>
      <c r="D710" s="9" t="s">
        <v>13888</v>
      </c>
      <c r="E710" s="10"/>
      <c r="F710" s="10" t="s">
        <v>13889</v>
      </c>
      <c r="G710" s="8" t="s">
        <v>13890</v>
      </c>
      <c r="H710" s="8" t="s">
        <v>13891</v>
      </c>
      <c r="I710" s="11">
        <v>39751</v>
      </c>
      <c r="J710" s="11">
        <v>43952</v>
      </c>
      <c r="K710" s="11">
        <v>46142</v>
      </c>
    </row>
    <row r="711" spans="1:11" x14ac:dyDescent="0.4">
      <c r="A711" s="8" t="s">
        <v>11818</v>
      </c>
      <c r="B711" s="8" t="s">
        <v>3441</v>
      </c>
      <c r="C711" s="9" t="s">
        <v>13892</v>
      </c>
      <c r="D711" s="9" t="s">
        <v>11437</v>
      </c>
      <c r="E711" s="10"/>
      <c r="F711" s="10" t="s">
        <v>13893</v>
      </c>
      <c r="G711" s="8" t="s">
        <v>13894</v>
      </c>
      <c r="H711" s="8" t="s">
        <v>13895</v>
      </c>
      <c r="I711" s="11">
        <v>39753</v>
      </c>
      <c r="J711" s="11">
        <v>44105</v>
      </c>
      <c r="K711" s="11">
        <v>46295</v>
      </c>
    </row>
    <row r="712" spans="1:11" x14ac:dyDescent="0.4">
      <c r="A712" s="8" t="s">
        <v>11818</v>
      </c>
      <c r="B712" s="8" t="s">
        <v>633</v>
      </c>
      <c r="C712" s="9" t="s">
        <v>13896</v>
      </c>
      <c r="D712" s="9" t="s">
        <v>13897</v>
      </c>
      <c r="E712" s="10"/>
      <c r="F712" s="10" t="s">
        <v>3848</v>
      </c>
      <c r="G712" s="8" t="s">
        <v>13898</v>
      </c>
      <c r="H712" s="8" t="s">
        <v>13899</v>
      </c>
      <c r="I712" s="11">
        <v>39759</v>
      </c>
      <c r="J712" s="11">
        <v>44287</v>
      </c>
      <c r="K712" s="11">
        <v>46477</v>
      </c>
    </row>
    <row r="713" spans="1:11" x14ac:dyDescent="0.4">
      <c r="A713" s="8" t="s">
        <v>11818</v>
      </c>
      <c r="B713" s="8" t="s">
        <v>48</v>
      </c>
      <c r="C713" s="9" t="s">
        <v>13900</v>
      </c>
      <c r="D713" s="9" t="s">
        <v>13901</v>
      </c>
      <c r="E713" s="10"/>
      <c r="F713" s="10"/>
      <c r="G713" s="8"/>
      <c r="H713" s="8" t="s">
        <v>13902</v>
      </c>
      <c r="I713" s="11">
        <v>39772</v>
      </c>
      <c r="J713" s="11">
        <v>43647</v>
      </c>
      <c r="K713" s="11">
        <v>45473</v>
      </c>
    </row>
    <row r="714" spans="1:11" x14ac:dyDescent="0.4">
      <c r="A714" s="8" t="s">
        <v>11818</v>
      </c>
      <c r="B714" s="8" t="s">
        <v>5383</v>
      </c>
      <c r="C714" s="9" t="s">
        <v>13903</v>
      </c>
      <c r="D714" s="9" t="s">
        <v>13904</v>
      </c>
      <c r="E714" s="10"/>
      <c r="F714" s="10" t="s">
        <v>11887</v>
      </c>
      <c r="G714" s="8" t="s">
        <v>11888</v>
      </c>
      <c r="H714" s="8" t="s">
        <v>13905</v>
      </c>
      <c r="I714" s="11">
        <v>39771</v>
      </c>
      <c r="J714" s="11">
        <v>43983</v>
      </c>
      <c r="K714" s="11">
        <v>46173</v>
      </c>
    </row>
    <row r="715" spans="1:11" x14ac:dyDescent="0.4">
      <c r="A715" s="8" t="s">
        <v>11818</v>
      </c>
      <c r="B715" s="8" t="s">
        <v>633</v>
      </c>
      <c r="C715" s="9" t="s">
        <v>13906</v>
      </c>
      <c r="D715" s="9" t="s">
        <v>13907</v>
      </c>
      <c r="E715" s="10"/>
      <c r="F715" s="10" t="s">
        <v>13908</v>
      </c>
      <c r="G715" s="8" t="s">
        <v>13909</v>
      </c>
      <c r="H715" s="8" t="s">
        <v>13910</v>
      </c>
      <c r="I715" s="11">
        <v>39773</v>
      </c>
      <c r="J715" s="11">
        <v>43739</v>
      </c>
      <c r="K715" s="11">
        <v>45565</v>
      </c>
    </row>
    <row r="716" spans="1:11" x14ac:dyDescent="0.4">
      <c r="A716" s="8" t="s">
        <v>11818</v>
      </c>
      <c r="B716" s="8" t="s">
        <v>2044</v>
      </c>
      <c r="C716" s="9" t="s">
        <v>13911</v>
      </c>
      <c r="D716" s="9" t="s">
        <v>13912</v>
      </c>
      <c r="E716" s="10" t="s">
        <v>13913</v>
      </c>
      <c r="F716" s="10" t="s">
        <v>13914</v>
      </c>
      <c r="G716" s="8" t="s">
        <v>13915</v>
      </c>
      <c r="H716" s="8" t="s">
        <v>13916</v>
      </c>
      <c r="I716" s="11">
        <v>39773</v>
      </c>
      <c r="J716" s="11">
        <v>44105</v>
      </c>
      <c r="K716" s="11">
        <v>45930</v>
      </c>
    </row>
    <row r="717" spans="1:11" x14ac:dyDescent="0.4">
      <c r="A717" s="8" t="s">
        <v>11818</v>
      </c>
      <c r="B717" s="8" t="s">
        <v>3083</v>
      </c>
      <c r="C717" s="9" t="s">
        <v>13917</v>
      </c>
      <c r="D717" s="9" t="s">
        <v>13918</v>
      </c>
      <c r="E717" s="10"/>
      <c r="F717" s="10"/>
      <c r="G717" s="8"/>
      <c r="H717" s="8" t="s">
        <v>13919</v>
      </c>
      <c r="I717" s="11">
        <v>39772</v>
      </c>
      <c r="J717" s="11">
        <v>43800</v>
      </c>
      <c r="K717" s="11">
        <v>45991</v>
      </c>
    </row>
    <row r="718" spans="1:11" x14ac:dyDescent="0.4">
      <c r="A718" s="8" t="s">
        <v>11818</v>
      </c>
      <c r="B718" s="8" t="s">
        <v>698</v>
      </c>
      <c r="C718" s="9" t="s">
        <v>13920</v>
      </c>
      <c r="D718" s="9" t="s">
        <v>13921</v>
      </c>
      <c r="E718" s="10" t="s">
        <v>13922</v>
      </c>
      <c r="F718" s="10"/>
      <c r="G718" s="8"/>
      <c r="H718" s="8" t="s">
        <v>13923</v>
      </c>
      <c r="I718" s="11">
        <v>39780</v>
      </c>
      <c r="J718" s="11">
        <v>43952</v>
      </c>
      <c r="K718" s="11">
        <v>46142</v>
      </c>
    </row>
    <row r="719" spans="1:11" x14ac:dyDescent="0.4">
      <c r="A719" s="8" t="s">
        <v>11818</v>
      </c>
      <c r="B719" s="8" t="s">
        <v>698</v>
      </c>
      <c r="C719" s="9" t="s">
        <v>13924</v>
      </c>
      <c r="D719" s="9" t="s">
        <v>13925</v>
      </c>
      <c r="E719" s="10"/>
      <c r="F719" s="10"/>
      <c r="G719" s="8"/>
      <c r="H719" s="8" t="s">
        <v>13926</v>
      </c>
      <c r="I719" s="11">
        <v>39784</v>
      </c>
      <c r="J719" s="11">
        <v>43922</v>
      </c>
      <c r="K719" s="11">
        <v>46112</v>
      </c>
    </row>
    <row r="720" spans="1:11" x14ac:dyDescent="0.4">
      <c r="A720" s="8" t="s">
        <v>11818</v>
      </c>
      <c r="B720" s="8" t="s">
        <v>3441</v>
      </c>
      <c r="C720" s="9" t="s">
        <v>13927</v>
      </c>
      <c r="D720" s="9" t="s">
        <v>13928</v>
      </c>
      <c r="E720" s="10"/>
      <c r="F720" s="10"/>
      <c r="G720" s="8"/>
      <c r="H720" s="8" t="s">
        <v>13929</v>
      </c>
      <c r="I720" s="11">
        <v>39784</v>
      </c>
      <c r="J720" s="11">
        <v>43739</v>
      </c>
      <c r="K720" s="11">
        <v>45565</v>
      </c>
    </row>
    <row r="721" spans="1:11" x14ac:dyDescent="0.4">
      <c r="A721" s="8" t="s">
        <v>11818</v>
      </c>
      <c r="B721" s="8" t="s">
        <v>633</v>
      </c>
      <c r="C721" s="9" t="s">
        <v>13930</v>
      </c>
      <c r="D721" s="9" t="s">
        <v>13931</v>
      </c>
      <c r="E721" s="10" t="s">
        <v>13932</v>
      </c>
      <c r="F721" s="10" t="s">
        <v>1234</v>
      </c>
      <c r="G721" s="8" t="s">
        <v>12245</v>
      </c>
      <c r="H721" s="8" t="s">
        <v>13933</v>
      </c>
      <c r="I721" s="11">
        <v>39794</v>
      </c>
      <c r="J721" s="11">
        <v>43800</v>
      </c>
      <c r="K721" s="11">
        <v>45626</v>
      </c>
    </row>
    <row r="722" spans="1:11" x14ac:dyDescent="0.4">
      <c r="A722" s="8" t="s">
        <v>11818</v>
      </c>
      <c r="B722" s="8" t="s">
        <v>633</v>
      </c>
      <c r="C722" s="9" t="s">
        <v>13934</v>
      </c>
      <c r="D722" s="9" t="s">
        <v>13935</v>
      </c>
      <c r="E722" s="10" t="s">
        <v>13936</v>
      </c>
      <c r="F722" s="10"/>
      <c r="G722" s="8"/>
      <c r="H722" s="8" t="s">
        <v>13937</v>
      </c>
      <c r="I722" s="11">
        <v>39799</v>
      </c>
      <c r="J722" s="11">
        <v>44166</v>
      </c>
      <c r="K722" s="11">
        <v>46356</v>
      </c>
    </row>
    <row r="723" spans="1:11" x14ac:dyDescent="0.4">
      <c r="A723" s="8" t="s">
        <v>11818</v>
      </c>
      <c r="B723" s="8" t="s">
        <v>48</v>
      </c>
      <c r="C723" s="9" t="s">
        <v>13938</v>
      </c>
      <c r="D723" s="9" t="s">
        <v>13939</v>
      </c>
      <c r="E723" s="10"/>
      <c r="F723" s="10"/>
      <c r="G723" s="8"/>
      <c r="H723" s="8" t="s">
        <v>13940</v>
      </c>
      <c r="I723" s="11">
        <v>39808</v>
      </c>
      <c r="J723" s="11">
        <v>43739</v>
      </c>
      <c r="K723" s="11">
        <v>45565</v>
      </c>
    </row>
    <row r="724" spans="1:11" x14ac:dyDescent="0.4">
      <c r="A724" s="8" t="s">
        <v>11818</v>
      </c>
      <c r="B724" s="8" t="s">
        <v>6444</v>
      </c>
      <c r="C724" s="9" t="s">
        <v>13941</v>
      </c>
      <c r="D724" s="9" t="s">
        <v>13942</v>
      </c>
      <c r="E724" s="10"/>
      <c r="F724" s="10" t="s">
        <v>10821</v>
      </c>
      <c r="G724" s="8" t="s">
        <v>12668</v>
      </c>
      <c r="H724" s="8" t="s">
        <v>13943</v>
      </c>
      <c r="I724" s="11">
        <v>39828</v>
      </c>
      <c r="J724" s="11">
        <v>44136</v>
      </c>
      <c r="K724" s="11">
        <v>46326</v>
      </c>
    </row>
    <row r="725" spans="1:11" x14ac:dyDescent="0.4">
      <c r="A725" s="8" t="s">
        <v>11818</v>
      </c>
      <c r="B725" s="8" t="s">
        <v>6444</v>
      </c>
      <c r="C725" s="9" t="s">
        <v>13944</v>
      </c>
      <c r="D725" s="9" t="s">
        <v>13945</v>
      </c>
      <c r="E725" s="10"/>
      <c r="F725" s="10"/>
      <c r="G725" s="8"/>
      <c r="H725" s="8" t="s">
        <v>13946</v>
      </c>
      <c r="I725" s="11">
        <v>39834</v>
      </c>
      <c r="J725" s="11">
        <v>43922</v>
      </c>
      <c r="K725" s="11">
        <v>46112</v>
      </c>
    </row>
    <row r="726" spans="1:11" x14ac:dyDescent="0.4">
      <c r="A726" s="8" t="s">
        <v>11818</v>
      </c>
      <c r="B726" s="8" t="s">
        <v>6444</v>
      </c>
      <c r="C726" s="9" t="s">
        <v>13947</v>
      </c>
      <c r="D726" s="9" t="s">
        <v>13948</v>
      </c>
      <c r="E726" s="10"/>
      <c r="F726" s="10"/>
      <c r="G726" s="8"/>
      <c r="H726" s="8" t="s">
        <v>13949</v>
      </c>
      <c r="I726" s="11">
        <v>39834</v>
      </c>
      <c r="J726" s="11">
        <v>43922</v>
      </c>
      <c r="K726" s="11">
        <v>46112</v>
      </c>
    </row>
    <row r="727" spans="1:11" x14ac:dyDescent="0.4">
      <c r="A727" s="8" t="s">
        <v>11818</v>
      </c>
      <c r="B727" s="8" t="s">
        <v>633</v>
      </c>
      <c r="C727" s="9" t="s">
        <v>13950</v>
      </c>
      <c r="D727" s="9" t="s">
        <v>13951</v>
      </c>
      <c r="E727" s="10" t="s">
        <v>13952</v>
      </c>
      <c r="F727" s="10" t="s">
        <v>3944</v>
      </c>
      <c r="G727" s="8" t="s">
        <v>13953</v>
      </c>
      <c r="H727" s="8" t="s">
        <v>13954</v>
      </c>
      <c r="I727" s="11">
        <v>39845</v>
      </c>
      <c r="J727" s="11">
        <v>43922</v>
      </c>
      <c r="K727" s="11">
        <v>46112</v>
      </c>
    </row>
    <row r="728" spans="1:11" x14ac:dyDescent="0.4">
      <c r="A728" s="8" t="s">
        <v>11818</v>
      </c>
      <c r="B728" s="8" t="s">
        <v>633</v>
      </c>
      <c r="C728" s="9" t="s">
        <v>13955</v>
      </c>
      <c r="D728" s="9" t="s">
        <v>13956</v>
      </c>
      <c r="E728" s="10"/>
      <c r="F728" s="10" t="s">
        <v>13055</v>
      </c>
      <c r="G728" s="8" t="s">
        <v>13056</v>
      </c>
      <c r="H728" s="8" t="s">
        <v>13957</v>
      </c>
      <c r="I728" s="11">
        <v>39849</v>
      </c>
      <c r="J728" s="11">
        <v>44136</v>
      </c>
      <c r="K728" s="11">
        <v>46326</v>
      </c>
    </row>
    <row r="729" spans="1:11" x14ac:dyDescent="0.4">
      <c r="A729" s="8" t="s">
        <v>11818</v>
      </c>
      <c r="B729" s="8" t="s">
        <v>48</v>
      </c>
      <c r="C729" s="9" t="s">
        <v>13958</v>
      </c>
      <c r="D729" s="9" t="s">
        <v>12818</v>
      </c>
      <c r="E729" s="10" t="s">
        <v>13959</v>
      </c>
      <c r="F729" s="10" t="s">
        <v>13960</v>
      </c>
      <c r="G729" s="8" t="s">
        <v>13961</v>
      </c>
      <c r="H729" s="8" t="s">
        <v>13962</v>
      </c>
      <c r="I729" s="11">
        <v>39858</v>
      </c>
      <c r="J729" s="11">
        <v>44105</v>
      </c>
      <c r="K729" s="11">
        <v>46295</v>
      </c>
    </row>
    <row r="730" spans="1:11" x14ac:dyDescent="0.4">
      <c r="A730" s="8" t="s">
        <v>11818</v>
      </c>
      <c r="B730" s="8" t="s">
        <v>633</v>
      </c>
      <c r="C730" s="9" t="s">
        <v>13963</v>
      </c>
      <c r="D730" s="9" t="s">
        <v>13964</v>
      </c>
      <c r="E730" s="10"/>
      <c r="F730" s="10"/>
      <c r="G730" s="8"/>
      <c r="H730" s="8" t="s">
        <v>13965</v>
      </c>
      <c r="I730" s="11">
        <v>39862</v>
      </c>
      <c r="J730" s="11">
        <v>44136</v>
      </c>
      <c r="K730" s="11">
        <v>46326</v>
      </c>
    </row>
    <row r="731" spans="1:11" x14ac:dyDescent="0.4">
      <c r="A731" s="8" t="s">
        <v>11818</v>
      </c>
      <c r="B731" s="8" t="s">
        <v>633</v>
      </c>
      <c r="C731" s="9" t="s">
        <v>13966</v>
      </c>
      <c r="D731" s="9" t="s">
        <v>13967</v>
      </c>
      <c r="E731" s="10"/>
      <c r="F731" s="10"/>
      <c r="G731" s="8"/>
      <c r="H731" s="8" t="s">
        <v>13968</v>
      </c>
      <c r="I731" s="11">
        <v>39874</v>
      </c>
      <c r="J731" s="11">
        <v>44105</v>
      </c>
      <c r="K731" s="11">
        <v>46295</v>
      </c>
    </row>
    <row r="732" spans="1:11" x14ac:dyDescent="0.4">
      <c r="A732" s="8" t="s">
        <v>11818</v>
      </c>
      <c r="B732" s="8" t="s">
        <v>6444</v>
      </c>
      <c r="C732" s="9" t="s">
        <v>13969</v>
      </c>
      <c r="D732" s="9" t="s">
        <v>13970</v>
      </c>
      <c r="E732" s="10"/>
      <c r="F732" s="10"/>
      <c r="G732" s="8"/>
      <c r="H732" s="8" t="s">
        <v>13971</v>
      </c>
      <c r="I732" s="11">
        <v>39871</v>
      </c>
      <c r="J732" s="11">
        <v>43770</v>
      </c>
      <c r="K732" s="11">
        <v>45596</v>
      </c>
    </row>
    <row r="733" spans="1:11" x14ac:dyDescent="0.4">
      <c r="A733" s="8" t="s">
        <v>11818</v>
      </c>
      <c r="B733" s="8" t="s">
        <v>6444</v>
      </c>
      <c r="C733" s="9" t="s">
        <v>13972</v>
      </c>
      <c r="D733" s="9" t="s">
        <v>13973</v>
      </c>
      <c r="E733" s="10"/>
      <c r="F733" s="10"/>
      <c r="G733" s="8"/>
      <c r="H733" s="8" t="s">
        <v>13974</v>
      </c>
      <c r="I733" s="11">
        <v>39870</v>
      </c>
      <c r="J733" s="11">
        <v>44166</v>
      </c>
      <c r="K733" s="11">
        <v>46356</v>
      </c>
    </row>
    <row r="734" spans="1:11" x14ac:dyDescent="0.4">
      <c r="A734" s="8" t="s">
        <v>11818</v>
      </c>
      <c r="B734" s="8" t="s">
        <v>6444</v>
      </c>
      <c r="C734" s="9" t="s">
        <v>13975</v>
      </c>
      <c r="D734" s="9" t="s">
        <v>13976</v>
      </c>
      <c r="E734" s="10"/>
      <c r="F734" s="10"/>
      <c r="G734" s="8"/>
      <c r="H734" s="8" t="s">
        <v>13977</v>
      </c>
      <c r="I734" s="11">
        <v>39870</v>
      </c>
      <c r="J734" s="11">
        <v>43922</v>
      </c>
      <c r="K734" s="11">
        <v>46112</v>
      </c>
    </row>
    <row r="735" spans="1:11" x14ac:dyDescent="0.4">
      <c r="A735" s="8" t="s">
        <v>11818</v>
      </c>
      <c r="B735" s="8" t="s">
        <v>3441</v>
      </c>
      <c r="C735" s="9" t="s">
        <v>13978</v>
      </c>
      <c r="D735" s="9" t="s">
        <v>13979</v>
      </c>
      <c r="E735" s="10"/>
      <c r="F735" s="10" t="s">
        <v>13980</v>
      </c>
      <c r="G735" s="8" t="s">
        <v>13981</v>
      </c>
      <c r="H735" s="8" t="s">
        <v>13982</v>
      </c>
      <c r="I735" s="11">
        <v>39875</v>
      </c>
      <c r="J735" s="11">
        <v>43952</v>
      </c>
      <c r="K735" s="11">
        <v>46142</v>
      </c>
    </row>
    <row r="736" spans="1:11" x14ac:dyDescent="0.4">
      <c r="A736" s="8" t="s">
        <v>11818</v>
      </c>
      <c r="B736" s="8" t="s">
        <v>3083</v>
      </c>
      <c r="C736" s="9" t="s">
        <v>13983</v>
      </c>
      <c r="D736" s="9" t="s">
        <v>13984</v>
      </c>
      <c r="E736" s="10"/>
      <c r="F736" s="10"/>
      <c r="G736" s="8"/>
      <c r="H736" s="8" t="s">
        <v>13985</v>
      </c>
      <c r="I736" s="11">
        <v>39878</v>
      </c>
      <c r="J736" s="11">
        <v>43770</v>
      </c>
      <c r="K736" s="11">
        <v>45596</v>
      </c>
    </row>
    <row r="737" spans="1:11" x14ac:dyDescent="0.4">
      <c r="A737" s="8" t="s">
        <v>11818</v>
      </c>
      <c r="B737" s="8" t="s">
        <v>2044</v>
      </c>
      <c r="C737" s="9" t="s">
        <v>13986</v>
      </c>
      <c r="D737" s="9" t="s">
        <v>13987</v>
      </c>
      <c r="E737" s="10"/>
      <c r="F737" s="10"/>
      <c r="G737" s="8"/>
      <c r="H737" s="8" t="s">
        <v>13988</v>
      </c>
      <c r="I737" s="11">
        <v>39878</v>
      </c>
      <c r="J737" s="11">
        <v>43770</v>
      </c>
      <c r="K737" s="11">
        <v>45596</v>
      </c>
    </row>
    <row r="738" spans="1:11" x14ac:dyDescent="0.4">
      <c r="A738" s="8" t="s">
        <v>11818</v>
      </c>
      <c r="B738" s="8" t="s">
        <v>3083</v>
      </c>
      <c r="C738" s="9" t="s">
        <v>13989</v>
      </c>
      <c r="D738" s="9" t="s">
        <v>13990</v>
      </c>
      <c r="E738" s="10"/>
      <c r="F738" s="10" t="s">
        <v>1640</v>
      </c>
      <c r="G738" s="8" t="s">
        <v>13991</v>
      </c>
      <c r="H738" s="8" t="s">
        <v>13992</v>
      </c>
      <c r="I738" s="11">
        <v>39884</v>
      </c>
      <c r="J738" s="11">
        <v>43922</v>
      </c>
      <c r="K738" s="11">
        <v>46112</v>
      </c>
    </row>
    <row r="739" spans="1:11" x14ac:dyDescent="0.4">
      <c r="A739" s="8" t="s">
        <v>11818</v>
      </c>
      <c r="B739" s="8" t="s">
        <v>48</v>
      </c>
      <c r="C739" s="9" t="s">
        <v>13993</v>
      </c>
      <c r="D739" s="9" t="s">
        <v>12357</v>
      </c>
      <c r="E739" s="10" t="s">
        <v>13994</v>
      </c>
      <c r="F739" s="10"/>
      <c r="G739" s="8"/>
      <c r="H739" s="8" t="s">
        <v>13995</v>
      </c>
      <c r="I739" s="11">
        <v>39884</v>
      </c>
      <c r="J739" s="11">
        <v>43800</v>
      </c>
      <c r="K739" s="11">
        <v>45626</v>
      </c>
    </row>
    <row r="740" spans="1:11" x14ac:dyDescent="0.4">
      <c r="A740" s="8" t="s">
        <v>11818</v>
      </c>
      <c r="B740" s="8" t="s">
        <v>2044</v>
      </c>
      <c r="C740" s="9" t="s">
        <v>13996</v>
      </c>
      <c r="D740" s="9" t="s">
        <v>13997</v>
      </c>
      <c r="E740" s="10"/>
      <c r="F740" s="10"/>
      <c r="G740" s="8"/>
      <c r="H740" s="8" t="s">
        <v>13998</v>
      </c>
      <c r="I740" s="11">
        <v>39890</v>
      </c>
      <c r="J740" s="11">
        <v>43739</v>
      </c>
      <c r="K740" s="11">
        <v>45565</v>
      </c>
    </row>
    <row r="741" spans="1:11" x14ac:dyDescent="0.4">
      <c r="A741" s="8" t="s">
        <v>11818</v>
      </c>
      <c r="B741" s="8" t="s">
        <v>48</v>
      </c>
      <c r="C741" s="9" t="s">
        <v>13999</v>
      </c>
      <c r="D741" s="9" t="s">
        <v>14000</v>
      </c>
      <c r="E741" s="10"/>
      <c r="F741" s="10" t="s">
        <v>14001</v>
      </c>
      <c r="G741" s="8" t="s">
        <v>14002</v>
      </c>
      <c r="H741" s="8" t="s">
        <v>14003</v>
      </c>
      <c r="I741" s="11">
        <v>39891</v>
      </c>
      <c r="J741" s="11">
        <v>43983</v>
      </c>
      <c r="K741" s="11">
        <v>46173</v>
      </c>
    </row>
    <row r="742" spans="1:11" x14ac:dyDescent="0.4">
      <c r="A742" s="8" t="s">
        <v>11818</v>
      </c>
      <c r="B742" s="8" t="s">
        <v>48</v>
      </c>
      <c r="C742" s="9" t="s">
        <v>14004</v>
      </c>
      <c r="D742" s="9" t="s">
        <v>14005</v>
      </c>
      <c r="E742" s="10"/>
      <c r="F742" s="10" t="s">
        <v>12833</v>
      </c>
      <c r="G742" s="8" t="s">
        <v>12834</v>
      </c>
      <c r="H742" s="8" t="s">
        <v>14006</v>
      </c>
      <c r="I742" s="11">
        <v>39903</v>
      </c>
      <c r="J742" s="11">
        <v>43922</v>
      </c>
      <c r="K742" s="11">
        <v>46112</v>
      </c>
    </row>
    <row r="743" spans="1:11" x14ac:dyDescent="0.4">
      <c r="A743" s="8" t="s">
        <v>11818</v>
      </c>
      <c r="B743" s="8" t="s">
        <v>633</v>
      </c>
      <c r="C743" s="9" t="s">
        <v>14007</v>
      </c>
      <c r="D743" s="9" t="s">
        <v>14008</v>
      </c>
      <c r="E743" s="10"/>
      <c r="F743" s="10" t="s">
        <v>3822</v>
      </c>
      <c r="G743" s="8" t="s">
        <v>11600</v>
      </c>
      <c r="H743" s="8" t="s">
        <v>14009</v>
      </c>
      <c r="I743" s="11">
        <v>39904</v>
      </c>
      <c r="J743" s="11">
        <v>44317</v>
      </c>
      <c r="K743" s="11">
        <v>46507</v>
      </c>
    </row>
    <row r="744" spans="1:11" x14ac:dyDescent="0.4">
      <c r="A744" s="8" t="s">
        <v>11818</v>
      </c>
      <c r="B744" s="8" t="s">
        <v>633</v>
      </c>
      <c r="C744" s="9" t="s">
        <v>14010</v>
      </c>
      <c r="D744" s="9" t="s">
        <v>14011</v>
      </c>
      <c r="E744" s="10"/>
      <c r="F744" s="10" t="s">
        <v>13479</v>
      </c>
      <c r="G744" s="8" t="s">
        <v>13480</v>
      </c>
      <c r="H744" s="8" t="s">
        <v>14012</v>
      </c>
      <c r="I744" s="11">
        <v>39904</v>
      </c>
      <c r="J744" s="11">
        <v>44317</v>
      </c>
      <c r="K744" s="11">
        <v>46507</v>
      </c>
    </row>
    <row r="745" spans="1:11" x14ac:dyDescent="0.4">
      <c r="A745" s="8" t="s">
        <v>11818</v>
      </c>
      <c r="B745" s="8" t="s">
        <v>3441</v>
      </c>
      <c r="C745" s="9" t="s">
        <v>14013</v>
      </c>
      <c r="D745" s="9" t="s">
        <v>12555</v>
      </c>
      <c r="E745" s="10"/>
      <c r="F745" s="10" t="s">
        <v>12554</v>
      </c>
      <c r="G745" s="8" t="s">
        <v>12555</v>
      </c>
      <c r="H745" s="8" t="s">
        <v>14014</v>
      </c>
      <c r="I745" s="11">
        <v>39904</v>
      </c>
      <c r="J745" s="11">
        <v>43770</v>
      </c>
      <c r="K745" s="11">
        <v>45596</v>
      </c>
    </row>
    <row r="746" spans="1:11" x14ac:dyDescent="0.4">
      <c r="A746" s="8" t="s">
        <v>11818</v>
      </c>
      <c r="B746" s="8" t="s">
        <v>48</v>
      </c>
      <c r="C746" s="9" t="s">
        <v>14015</v>
      </c>
      <c r="D746" s="9" t="s">
        <v>14016</v>
      </c>
      <c r="E746" s="10" t="s">
        <v>14017</v>
      </c>
      <c r="F746" s="10"/>
      <c r="G746" s="8"/>
      <c r="H746" s="8" t="s">
        <v>14018</v>
      </c>
      <c r="I746" s="11">
        <v>39904</v>
      </c>
      <c r="J746" s="11">
        <v>44105</v>
      </c>
      <c r="K746" s="11">
        <v>46295</v>
      </c>
    </row>
    <row r="747" spans="1:11" x14ac:dyDescent="0.4">
      <c r="A747" s="8" t="s">
        <v>11818</v>
      </c>
      <c r="B747" s="8" t="s">
        <v>633</v>
      </c>
      <c r="C747" s="9" t="s">
        <v>14019</v>
      </c>
      <c r="D747" s="9" t="s">
        <v>14020</v>
      </c>
      <c r="E747" s="10"/>
      <c r="F747" s="10" t="s">
        <v>13491</v>
      </c>
      <c r="G747" s="8" t="s">
        <v>13492</v>
      </c>
      <c r="H747" s="8" t="s">
        <v>14021</v>
      </c>
      <c r="I747" s="11">
        <v>39906</v>
      </c>
      <c r="J747" s="11">
        <v>44317</v>
      </c>
      <c r="K747" s="11">
        <v>46507</v>
      </c>
    </row>
    <row r="748" spans="1:11" x14ac:dyDescent="0.4">
      <c r="A748" s="8" t="s">
        <v>11818</v>
      </c>
      <c r="B748" s="8" t="s">
        <v>633</v>
      </c>
      <c r="C748" s="9" t="s">
        <v>14022</v>
      </c>
      <c r="D748" s="9" t="s">
        <v>14023</v>
      </c>
      <c r="E748" s="10" t="s">
        <v>14024</v>
      </c>
      <c r="F748" s="10" t="s">
        <v>2634</v>
      </c>
      <c r="G748" s="8" t="s">
        <v>12325</v>
      </c>
      <c r="H748" s="8" t="s">
        <v>14025</v>
      </c>
      <c r="I748" s="11">
        <v>39909</v>
      </c>
      <c r="J748" s="11">
        <v>44105</v>
      </c>
      <c r="K748" s="11">
        <v>46295</v>
      </c>
    </row>
    <row r="749" spans="1:11" x14ac:dyDescent="0.4">
      <c r="A749" s="8" t="s">
        <v>11818</v>
      </c>
      <c r="B749" s="8" t="s">
        <v>1926</v>
      </c>
      <c r="C749" s="9" t="s">
        <v>14026</v>
      </c>
      <c r="D749" s="9" t="s">
        <v>12517</v>
      </c>
      <c r="E749" s="10" t="s">
        <v>9431</v>
      </c>
      <c r="F749" s="10" t="s">
        <v>14027</v>
      </c>
      <c r="G749" s="8" t="s">
        <v>14028</v>
      </c>
      <c r="H749" s="8" t="s">
        <v>14029</v>
      </c>
      <c r="I749" s="11">
        <v>39910</v>
      </c>
      <c r="J749" s="11">
        <v>43952</v>
      </c>
      <c r="K749" s="11">
        <v>46142</v>
      </c>
    </row>
    <row r="750" spans="1:11" x14ac:dyDescent="0.4">
      <c r="A750" s="8" t="s">
        <v>11818</v>
      </c>
      <c r="B750" s="8" t="s">
        <v>48</v>
      </c>
      <c r="C750" s="9" t="s">
        <v>14030</v>
      </c>
      <c r="D750" s="9" t="s">
        <v>14031</v>
      </c>
      <c r="E750" s="10" t="s">
        <v>14032</v>
      </c>
      <c r="F750" s="10"/>
      <c r="G750" s="8"/>
      <c r="H750" s="8" t="s">
        <v>14033</v>
      </c>
      <c r="I750" s="11">
        <v>39910</v>
      </c>
      <c r="J750" s="11">
        <v>43800</v>
      </c>
      <c r="K750" s="11">
        <v>45626</v>
      </c>
    </row>
    <row r="751" spans="1:11" x14ac:dyDescent="0.4">
      <c r="A751" s="8" t="s">
        <v>11818</v>
      </c>
      <c r="B751" s="8" t="s">
        <v>48</v>
      </c>
      <c r="C751" s="9" t="s">
        <v>14034</v>
      </c>
      <c r="D751" s="9" t="s">
        <v>14035</v>
      </c>
      <c r="E751" s="10" t="s">
        <v>14036</v>
      </c>
      <c r="F751" s="10"/>
      <c r="G751" s="8"/>
      <c r="H751" s="8" t="s">
        <v>14037</v>
      </c>
      <c r="I751" s="11">
        <v>39910</v>
      </c>
      <c r="J751" s="11">
        <v>43800</v>
      </c>
      <c r="K751" s="11">
        <v>45626</v>
      </c>
    </row>
    <row r="752" spans="1:11" x14ac:dyDescent="0.4">
      <c r="A752" s="8" t="s">
        <v>11818</v>
      </c>
      <c r="B752" s="8" t="s">
        <v>2044</v>
      </c>
      <c r="C752" s="9" t="s">
        <v>14038</v>
      </c>
      <c r="D752" s="9" t="s">
        <v>14039</v>
      </c>
      <c r="E752" s="10" t="s">
        <v>14040</v>
      </c>
      <c r="F752" s="10"/>
      <c r="G752" s="8"/>
      <c r="H752" s="8" t="s">
        <v>14041</v>
      </c>
      <c r="I752" s="11">
        <v>39921</v>
      </c>
      <c r="J752" s="11">
        <v>43922</v>
      </c>
      <c r="K752" s="11">
        <v>45747</v>
      </c>
    </row>
    <row r="753" spans="1:11" x14ac:dyDescent="0.4">
      <c r="A753" s="8" t="s">
        <v>11818</v>
      </c>
      <c r="B753" s="8" t="s">
        <v>3083</v>
      </c>
      <c r="C753" s="9" t="s">
        <v>14042</v>
      </c>
      <c r="D753" s="9" t="s">
        <v>14043</v>
      </c>
      <c r="E753" s="10"/>
      <c r="F753" s="10" t="s">
        <v>14044</v>
      </c>
      <c r="G753" s="8" t="s">
        <v>14045</v>
      </c>
      <c r="H753" s="8" t="s">
        <v>14046</v>
      </c>
      <c r="I753" s="11">
        <v>39918</v>
      </c>
      <c r="J753" s="11">
        <v>44136</v>
      </c>
      <c r="K753" s="11">
        <v>46326</v>
      </c>
    </row>
    <row r="754" spans="1:11" x14ac:dyDescent="0.4">
      <c r="A754" s="8" t="s">
        <v>11818</v>
      </c>
      <c r="B754" s="8" t="s">
        <v>633</v>
      </c>
      <c r="C754" s="9" t="s">
        <v>14047</v>
      </c>
      <c r="D754" s="9" t="s">
        <v>14048</v>
      </c>
      <c r="E754" s="10"/>
      <c r="F754" s="10"/>
      <c r="G754" s="8"/>
      <c r="H754" s="8" t="s">
        <v>14049</v>
      </c>
      <c r="I754" s="11">
        <v>39913</v>
      </c>
      <c r="J754" s="11">
        <v>43770</v>
      </c>
      <c r="K754" s="11">
        <v>45596</v>
      </c>
    </row>
    <row r="755" spans="1:11" x14ac:dyDescent="0.4">
      <c r="A755" s="8" t="s">
        <v>11818</v>
      </c>
      <c r="B755" s="8" t="s">
        <v>633</v>
      </c>
      <c r="C755" s="9" t="s">
        <v>14050</v>
      </c>
      <c r="D755" s="9" t="s">
        <v>14051</v>
      </c>
      <c r="E755" s="10"/>
      <c r="F755" s="10"/>
      <c r="G755" s="8"/>
      <c r="H755" s="8" t="s">
        <v>14052</v>
      </c>
      <c r="I755" s="11">
        <v>39923</v>
      </c>
      <c r="J755" s="11">
        <v>43739</v>
      </c>
      <c r="K755" s="11">
        <v>45565</v>
      </c>
    </row>
    <row r="756" spans="1:11" x14ac:dyDescent="0.4">
      <c r="A756" s="8" t="s">
        <v>11818</v>
      </c>
      <c r="B756" s="8" t="s">
        <v>793</v>
      </c>
      <c r="C756" s="9" t="s">
        <v>14053</v>
      </c>
      <c r="D756" s="9" t="s">
        <v>14054</v>
      </c>
      <c r="E756" s="10"/>
      <c r="F756" s="10"/>
      <c r="G756" s="8"/>
      <c r="H756" s="8" t="s">
        <v>14055</v>
      </c>
      <c r="I756" s="11">
        <v>39927</v>
      </c>
      <c r="J756" s="11">
        <v>44105</v>
      </c>
      <c r="K756" s="11">
        <v>46295</v>
      </c>
    </row>
    <row r="757" spans="1:11" x14ac:dyDescent="0.4">
      <c r="A757" s="8" t="s">
        <v>11818</v>
      </c>
      <c r="B757" s="8" t="s">
        <v>48</v>
      </c>
      <c r="C757" s="9" t="s">
        <v>14056</v>
      </c>
      <c r="D757" s="9" t="s">
        <v>14057</v>
      </c>
      <c r="E757" s="10"/>
      <c r="F757" s="10" t="s">
        <v>14058</v>
      </c>
      <c r="G757" s="8" t="s">
        <v>14059</v>
      </c>
      <c r="H757" s="8" t="s">
        <v>14060</v>
      </c>
      <c r="I757" s="11">
        <v>39949</v>
      </c>
      <c r="J757" s="11">
        <v>44317</v>
      </c>
      <c r="K757" s="11">
        <v>46507</v>
      </c>
    </row>
    <row r="758" spans="1:11" x14ac:dyDescent="0.4">
      <c r="A758" s="8" t="s">
        <v>11818</v>
      </c>
      <c r="B758" s="8" t="s">
        <v>698</v>
      </c>
      <c r="C758" s="9" t="s">
        <v>14061</v>
      </c>
      <c r="D758" s="9" t="s">
        <v>14062</v>
      </c>
      <c r="E758" s="10"/>
      <c r="F758" s="10" t="s">
        <v>14063</v>
      </c>
      <c r="G758" s="8" t="s">
        <v>14064</v>
      </c>
      <c r="H758" s="8" t="s">
        <v>14065</v>
      </c>
      <c r="I758" s="11">
        <v>39948</v>
      </c>
      <c r="J758" s="11">
        <v>44287</v>
      </c>
      <c r="K758" s="11">
        <v>46477</v>
      </c>
    </row>
    <row r="759" spans="1:11" x14ac:dyDescent="0.4">
      <c r="A759" s="8" t="s">
        <v>11818</v>
      </c>
      <c r="B759" s="8" t="s">
        <v>633</v>
      </c>
      <c r="C759" s="9" t="s">
        <v>14066</v>
      </c>
      <c r="D759" s="9" t="s">
        <v>13377</v>
      </c>
      <c r="E759" s="10"/>
      <c r="F759" s="10" t="s">
        <v>2321</v>
      </c>
      <c r="G759" s="8" t="s">
        <v>13377</v>
      </c>
      <c r="H759" s="8" t="s">
        <v>14067</v>
      </c>
      <c r="I759" s="11">
        <v>39952</v>
      </c>
      <c r="J759" s="11">
        <v>44136</v>
      </c>
      <c r="K759" s="11">
        <v>46326</v>
      </c>
    </row>
    <row r="760" spans="1:11" x14ac:dyDescent="0.4">
      <c r="A760" s="8" t="s">
        <v>11818</v>
      </c>
      <c r="B760" s="8" t="s">
        <v>633</v>
      </c>
      <c r="C760" s="9" t="s">
        <v>5304</v>
      </c>
      <c r="D760" s="9" t="s">
        <v>14068</v>
      </c>
      <c r="E760" s="10"/>
      <c r="F760" s="10" t="s">
        <v>5304</v>
      </c>
      <c r="G760" s="8" t="s">
        <v>14069</v>
      </c>
      <c r="H760" s="8" t="s">
        <v>14070</v>
      </c>
      <c r="I760" s="11">
        <v>39950</v>
      </c>
      <c r="J760" s="11">
        <v>43647</v>
      </c>
      <c r="K760" s="11">
        <v>45473</v>
      </c>
    </row>
    <row r="761" spans="1:11" x14ac:dyDescent="0.4">
      <c r="A761" s="8" t="s">
        <v>11818</v>
      </c>
      <c r="B761" s="8" t="s">
        <v>48</v>
      </c>
      <c r="C761" s="9" t="s">
        <v>14071</v>
      </c>
      <c r="D761" s="9" t="s">
        <v>14072</v>
      </c>
      <c r="E761" s="10" t="s">
        <v>14073</v>
      </c>
      <c r="F761" s="10"/>
      <c r="G761" s="8"/>
      <c r="H761" s="8" t="s">
        <v>14074</v>
      </c>
      <c r="I761" s="11">
        <v>39975</v>
      </c>
      <c r="J761" s="11">
        <v>44166</v>
      </c>
      <c r="K761" s="11">
        <v>46356</v>
      </c>
    </row>
    <row r="762" spans="1:11" x14ac:dyDescent="0.4">
      <c r="A762" s="8" t="s">
        <v>11818</v>
      </c>
      <c r="B762" s="8" t="s">
        <v>793</v>
      </c>
      <c r="C762" s="9" t="s">
        <v>14075</v>
      </c>
      <c r="D762" s="9" t="s">
        <v>14076</v>
      </c>
      <c r="E762" s="10"/>
      <c r="F762" s="10" t="s">
        <v>14077</v>
      </c>
      <c r="G762" s="8" t="s">
        <v>14078</v>
      </c>
      <c r="H762" s="8" t="s">
        <v>14079</v>
      </c>
      <c r="I762" s="11">
        <v>39968</v>
      </c>
      <c r="J762" s="11">
        <v>43922</v>
      </c>
      <c r="K762" s="11">
        <v>45747</v>
      </c>
    </row>
    <row r="763" spans="1:11" x14ac:dyDescent="0.4">
      <c r="A763" s="8" t="s">
        <v>11818</v>
      </c>
      <c r="B763" s="8" t="s">
        <v>1871</v>
      </c>
      <c r="C763" s="9" t="s">
        <v>14080</v>
      </c>
      <c r="D763" s="9" t="s">
        <v>1332</v>
      </c>
      <c r="E763" s="10"/>
      <c r="F763" s="10"/>
      <c r="G763" s="8"/>
      <c r="H763" s="8" t="s">
        <v>14081</v>
      </c>
      <c r="I763" s="11">
        <v>39977</v>
      </c>
      <c r="J763" s="11">
        <v>43983</v>
      </c>
      <c r="K763" s="11">
        <v>45808</v>
      </c>
    </row>
    <row r="764" spans="1:11" x14ac:dyDescent="0.4">
      <c r="A764" s="8" t="s">
        <v>11818</v>
      </c>
      <c r="B764" s="8" t="s">
        <v>48</v>
      </c>
      <c r="C764" s="9" t="s">
        <v>14082</v>
      </c>
      <c r="D764" s="9" t="s">
        <v>11869</v>
      </c>
      <c r="E764" s="10" t="s">
        <v>3130</v>
      </c>
      <c r="F764" s="10"/>
      <c r="G764" s="8"/>
      <c r="H764" s="8" t="s">
        <v>14083</v>
      </c>
      <c r="I764" s="11">
        <v>39987</v>
      </c>
      <c r="J764" s="11">
        <v>43800</v>
      </c>
      <c r="K764" s="11">
        <v>45626</v>
      </c>
    </row>
    <row r="765" spans="1:11" x14ac:dyDescent="0.4">
      <c r="A765" s="8" t="s">
        <v>11818</v>
      </c>
      <c r="B765" s="8" t="s">
        <v>3441</v>
      </c>
      <c r="C765" s="9" t="s">
        <v>11612</v>
      </c>
      <c r="D765" s="9" t="s">
        <v>11613</v>
      </c>
      <c r="E765" s="10"/>
      <c r="F765" s="10"/>
      <c r="G765" s="8"/>
      <c r="H765" s="8" t="s">
        <v>14084</v>
      </c>
      <c r="I765" s="11">
        <v>39976</v>
      </c>
      <c r="J765" s="11">
        <v>43770</v>
      </c>
      <c r="K765" s="11">
        <v>45596</v>
      </c>
    </row>
    <row r="766" spans="1:11" x14ac:dyDescent="0.4">
      <c r="A766" s="8" t="s">
        <v>11818</v>
      </c>
      <c r="B766" s="8" t="s">
        <v>48</v>
      </c>
      <c r="C766" s="9" t="s">
        <v>14085</v>
      </c>
      <c r="D766" s="9" t="s">
        <v>13931</v>
      </c>
      <c r="E766" s="10" t="s">
        <v>13932</v>
      </c>
      <c r="F766" s="10"/>
      <c r="G766" s="8"/>
      <c r="H766" s="8" t="s">
        <v>14086</v>
      </c>
      <c r="I766" s="11">
        <v>39981</v>
      </c>
      <c r="J766" s="11">
        <v>43800</v>
      </c>
      <c r="K766" s="11">
        <v>45626</v>
      </c>
    </row>
    <row r="767" spans="1:11" x14ac:dyDescent="0.4">
      <c r="A767" s="8" t="s">
        <v>11818</v>
      </c>
      <c r="B767" s="8" t="s">
        <v>793</v>
      </c>
      <c r="C767" s="9" t="s">
        <v>14087</v>
      </c>
      <c r="D767" s="9" t="s">
        <v>14088</v>
      </c>
      <c r="E767" s="10" t="s">
        <v>14089</v>
      </c>
      <c r="F767" s="10" t="s">
        <v>14090</v>
      </c>
      <c r="G767" s="8" t="s">
        <v>14091</v>
      </c>
      <c r="H767" s="8" t="s">
        <v>14092</v>
      </c>
      <c r="I767" s="11">
        <v>39987</v>
      </c>
      <c r="J767" s="11">
        <v>43983</v>
      </c>
      <c r="K767" s="11">
        <v>45808</v>
      </c>
    </row>
    <row r="768" spans="1:11" x14ac:dyDescent="0.4">
      <c r="A768" s="8" t="s">
        <v>11818</v>
      </c>
      <c r="B768" s="8" t="s">
        <v>6444</v>
      </c>
      <c r="C768" s="9" t="s">
        <v>14093</v>
      </c>
      <c r="D768" s="9" t="s">
        <v>14094</v>
      </c>
      <c r="E768" s="10"/>
      <c r="F768" s="10"/>
      <c r="G768" s="8"/>
      <c r="H768" s="8" t="s">
        <v>14095</v>
      </c>
      <c r="I768" s="11">
        <v>39988</v>
      </c>
      <c r="J768" s="11">
        <v>44105</v>
      </c>
      <c r="K768" s="11">
        <v>46295</v>
      </c>
    </row>
    <row r="769" spans="1:11" x14ac:dyDescent="0.4">
      <c r="A769" s="8" t="s">
        <v>11818</v>
      </c>
      <c r="B769" s="8" t="s">
        <v>48</v>
      </c>
      <c r="C769" s="9" t="s">
        <v>14096</v>
      </c>
      <c r="D769" s="9" t="s">
        <v>12599</v>
      </c>
      <c r="E769" s="10" t="s">
        <v>14097</v>
      </c>
      <c r="F769" s="10"/>
      <c r="G769" s="8"/>
      <c r="H769" s="8" t="s">
        <v>14098</v>
      </c>
      <c r="I769" s="11">
        <v>39993</v>
      </c>
      <c r="J769" s="11">
        <v>43800</v>
      </c>
      <c r="K769" s="11">
        <v>45626</v>
      </c>
    </row>
    <row r="770" spans="1:11" x14ac:dyDescent="0.4">
      <c r="A770" s="8" t="s">
        <v>11818</v>
      </c>
      <c r="B770" s="8" t="s">
        <v>698</v>
      </c>
      <c r="C770" s="9" t="s">
        <v>14099</v>
      </c>
      <c r="D770" s="9" t="s">
        <v>14100</v>
      </c>
      <c r="E770" s="10" t="s">
        <v>47</v>
      </c>
      <c r="F770" s="10"/>
      <c r="G770" s="8"/>
      <c r="H770" s="8" t="s">
        <v>14101</v>
      </c>
      <c r="I770" s="11">
        <v>39998</v>
      </c>
      <c r="J770" s="11">
        <v>44013</v>
      </c>
      <c r="K770" s="11">
        <v>45838</v>
      </c>
    </row>
    <row r="771" spans="1:11" x14ac:dyDescent="0.4">
      <c r="A771" s="8" t="s">
        <v>11818</v>
      </c>
      <c r="B771" s="8" t="s">
        <v>3441</v>
      </c>
      <c r="C771" s="9" t="s">
        <v>14102</v>
      </c>
      <c r="D771" s="9" t="s">
        <v>14103</v>
      </c>
      <c r="E771" s="10"/>
      <c r="F771" s="10" t="s">
        <v>14104</v>
      </c>
      <c r="G771" s="8" t="s">
        <v>14105</v>
      </c>
      <c r="H771" s="8" t="s">
        <v>14106</v>
      </c>
      <c r="I771" s="11">
        <v>40009</v>
      </c>
      <c r="J771" s="11">
        <v>44287</v>
      </c>
      <c r="K771" s="11">
        <v>46112</v>
      </c>
    </row>
    <row r="772" spans="1:11" x14ac:dyDescent="0.4">
      <c r="A772" s="8" t="s">
        <v>11818</v>
      </c>
      <c r="B772" s="8" t="s">
        <v>3441</v>
      </c>
      <c r="C772" s="9" t="s">
        <v>14107</v>
      </c>
      <c r="D772" s="9" t="s">
        <v>14108</v>
      </c>
      <c r="E772" s="10"/>
      <c r="F772" s="10" t="s">
        <v>14107</v>
      </c>
      <c r="G772" s="8" t="s">
        <v>14109</v>
      </c>
      <c r="H772" s="8" t="s">
        <v>14110</v>
      </c>
      <c r="I772" s="11">
        <v>40008</v>
      </c>
      <c r="J772" s="11">
        <v>44287</v>
      </c>
      <c r="K772" s="11">
        <v>46477</v>
      </c>
    </row>
    <row r="773" spans="1:11" x14ac:dyDescent="0.4">
      <c r="A773" s="8" t="s">
        <v>11818</v>
      </c>
      <c r="B773" s="8" t="s">
        <v>5454</v>
      </c>
      <c r="C773" s="9" t="s">
        <v>14111</v>
      </c>
      <c r="D773" s="9" t="s">
        <v>14072</v>
      </c>
      <c r="E773" s="10" t="s">
        <v>14112</v>
      </c>
      <c r="F773" s="10"/>
      <c r="G773" s="8"/>
      <c r="H773" s="8" t="s">
        <v>14113</v>
      </c>
      <c r="I773" s="11">
        <v>40024</v>
      </c>
      <c r="J773" s="11">
        <v>43800</v>
      </c>
      <c r="K773" s="11">
        <v>45626</v>
      </c>
    </row>
    <row r="774" spans="1:11" x14ac:dyDescent="0.4">
      <c r="A774" s="8" t="s">
        <v>11818</v>
      </c>
      <c r="B774" s="8" t="s">
        <v>1871</v>
      </c>
      <c r="C774" s="9" t="s">
        <v>14114</v>
      </c>
      <c r="D774" s="9" t="s">
        <v>1332</v>
      </c>
      <c r="E774" s="10"/>
      <c r="F774" s="10" t="s">
        <v>11644</v>
      </c>
      <c r="G774" s="8" t="s">
        <v>11645</v>
      </c>
      <c r="H774" s="8" t="s">
        <v>14115</v>
      </c>
      <c r="I774" s="11">
        <v>40035</v>
      </c>
      <c r="J774" s="11">
        <v>43983</v>
      </c>
      <c r="K774" s="11">
        <v>45808</v>
      </c>
    </row>
    <row r="775" spans="1:11" x14ac:dyDescent="0.4">
      <c r="A775" s="8" t="s">
        <v>11818</v>
      </c>
      <c r="B775" s="8" t="s">
        <v>633</v>
      </c>
      <c r="C775" s="9" t="s">
        <v>14116</v>
      </c>
      <c r="D775" s="9" t="s">
        <v>14117</v>
      </c>
      <c r="E775" s="10"/>
      <c r="F775" s="10"/>
      <c r="G775" s="8"/>
      <c r="H775" s="8" t="s">
        <v>14118</v>
      </c>
      <c r="I775" s="11">
        <v>40038</v>
      </c>
      <c r="J775" s="11">
        <v>43739</v>
      </c>
      <c r="K775" s="11">
        <v>45565</v>
      </c>
    </row>
    <row r="776" spans="1:11" x14ac:dyDescent="0.4">
      <c r="A776" s="8" t="s">
        <v>11818</v>
      </c>
      <c r="B776" s="8" t="s">
        <v>2044</v>
      </c>
      <c r="C776" s="9" t="s">
        <v>14119</v>
      </c>
      <c r="D776" s="9" t="s">
        <v>14120</v>
      </c>
      <c r="E776" s="10"/>
      <c r="F776" s="10"/>
      <c r="G776" s="8"/>
      <c r="H776" s="8" t="s">
        <v>14121</v>
      </c>
      <c r="I776" s="11">
        <v>40049</v>
      </c>
      <c r="J776" s="11">
        <v>43922</v>
      </c>
      <c r="K776" s="11">
        <v>45747</v>
      </c>
    </row>
    <row r="777" spans="1:11" x14ac:dyDescent="0.4">
      <c r="A777" s="8" t="s">
        <v>11818</v>
      </c>
      <c r="B777" s="8" t="s">
        <v>6444</v>
      </c>
      <c r="C777" s="9" t="s">
        <v>14122</v>
      </c>
      <c r="D777" s="9" t="s">
        <v>14123</v>
      </c>
      <c r="E777" s="10"/>
      <c r="F777" s="10"/>
      <c r="G777" s="8"/>
      <c r="H777" s="8" t="s">
        <v>14124</v>
      </c>
      <c r="I777" s="11">
        <v>40051</v>
      </c>
      <c r="J777" s="11">
        <v>44378</v>
      </c>
      <c r="K777" s="11">
        <v>46568</v>
      </c>
    </row>
    <row r="778" spans="1:11" x14ac:dyDescent="0.4">
      <c r="A778" s="8" t="s">
        <v>11818</v>
      </c>
      <c r="B778" s="8" t="s">
        <v>2044</v>
      </c>
      <c r="C778" s="9" t="s">
        <v>14125</v>
      </c>
      <c r="D778" s="9" t="s">
        <v>14126</v>
      </c>
      <c r="E778" s="10"/>
      <c r="F778" s="10"/>
      <c r="G778" s="8"/>
      <c r="H778" s="8" t="s">
        <v>14127</v>
      </c>
      <c r="I778" s="11">
        <v>40051</v>
      </c>
      <c r="J778" s="11">
        <v>43739</v>
      </c>
      <c r="K778" s="11">
        <v>45565</v>
      </c>
    </row>
    <row r="779" spans="1:11" x14ac:dyDescent="0.4">
      <c r="A779" s="8" t="s">
        <v>11818</v>
      </c>
      <c r="B779" s="8" t="s">
        <v>48</v>
      </c>
      <c r="C779" s="9" t="s">
        <v>14128</v>
      </c>
      <c r="D779" s="9" t="s">
        <v>13288</v>
      </c>
      <c r="E779" s="10" t="s">
        <v>14129</v>
      </c>
      <c r="F779" s="10"/>
      <c r="G779" s="8"/>
      <c r="H779" s="8" t="s">
        <v>14130</v>
      </c>
      <c r="I779" s="11">
        <v>40054</v>
      </c>
      <c r="J779" s="11">
        <v>43983</v>
      </c>
      <c r="K779" s="11">
        <v>45808</v>
      </c>
    </row>
    <row r="780" spans="1:11" x14ac:dyDescent="0.4">
      <c r="A780" s="8" t="s">
        <v>11818</v>
      </c>
      <c r="B780" s="8" t="s">
        <v>48</v>
      </c>
      <c r="C780" s="9" t="s">
        <v>14131</v>
      </c>
      <c r="D780" s="9" t="s">
        <v>14132</v>
      </c>
      <c r="E780" s="10"/>
      <c r="F780" s="10"/>
      <c r="G780" s="8"/>
      <c r="H780" s="8" t="s">
        <v>14133</v>
      </c>
      <c r="I780" s="11">
        <v>40058</v>
      </c>
      <c r="J780" s="11">
        <v>43739</v>
      </c>
      <c r="K780" s="11">
        <v>45565</v>
      </c>
    </row>
    <row r="781" spans="1:11" x14ac:dyDescent="0.4">
      <c r="A781" s="8" t="s">
        <v>11818</v>
      </c>
      <c r="B781" s="8" t="s">
        <v>48</v>
      </c>
      <c r="C781" s="9" t="s">
        <v>14134</v>
      </c>
      <c r="D781" s="9" t="s">
        <v>14135</v>
      </c>
      <c r="E781" s="10" t="s">
        <v>14136</v>
      </c>
      <c r="F781" s="10"/>
      <c r="G781" s="8"/>
      <c r="H781" s="8" t="s">
        <v>14137</v>
      </c>
      <c r="I781" s="11">
        <v>40096</v>
      </c>
      <c r="J781" s="11">
        <v>43983</v>
      </c>
      <c r="K781" s="11">
        <v>45808</v>
      </c>
    </row>
    <row r="782" spans="1:11" x14ac:dyDescent="0.4">
      <c r="A782" s="8" t="s">
        <v>11818</v>
      </c>
      <c r="B782" s="8" t="s">
        <v>793</v>
      </c>
      <c r="C782" s="9" t="s">
        <v>14138</v>
      </c>
      <c r="D782" s="9" t="s">
        <v>14139</v>
      </c>
      <c r="E782" s="10"/>
      <c r="F782" s="10"/>
      <c r="G782" s="8"/>
      <c r="H782" s="8" t="s">
        <v>14140</v>
      </c>
      <c r="I782" s="11">
        <v>40157</v>
      </c>
      <c r="J782" s="11">
        <v>44136</v>
      </c>
      <c r="K782" s="11">
        <v>45961</v>
      </c>
    </row>
    <row r="783" spans="1:11" x14ac:dyDescent="0.4">
      <c r="A783" s="8" t="s">
        <v>11818</v>
      </c>
      <c r="B783" s="8" t="s">
        <v>48</v>
      </c>
      <c r="C783" s="9" t="s">
        <v>14141</v>
      </c>
      <c r="D783" s="9" t="s">
        <v>14142</v>
      </c>
      <c r="E783" s="10" t="s">
        <v>14143</v>
      </c>
      <c r="F783" s="10" t="s">
        <v>14144</v>
      </c>
      <c r="G783" s="8" t="s">
        <v>14145</v>
      </c>
      <c r="H783" s="8" t="s">
        <v>14146</v>
      </c>
      <c r="I783" s="11">
        <v>40128</v>
      </c>
      <c r="J783" s="11">
        <v>44166</v>
      </c>
      <c r="K783" s="11">
        <v>46356</v>
      </c>
    </row>
    <row r="784" spans="1:11" x14ac:dyDescent="0.4">
      <c r="A784" s="8" t="s">
        <v>11818</v>
      </c>
      <c r="B784" s="8" t="s">
        <v>48</v>
      </c>
      <c r="C784" s="9" t="s">
        <v>6311</v>
      </c>
      <c r="D784" s="9" t="s">
        <v>14147</v>
      </c>
      <c r="E784" s="10"/>
      <c r="F784" s="10"/>
      <c r="G784" s="8"/>
      <c r="H784" s="8" t="s">
        <v>14148</v>
      </c>
      <c r="I784" s="11">
        <v>40141</v>
      </c>
      <c r="J784" s="11">
        <v>44136</v>
      </c>
      <c r="K784" s="11">
        <v>45961</v>
      </c>
    </row>
    <row r="785" spans="1:11" x14ac:dyDescent="0.4">
      <c r="A785" s="8" t="s">
        <v>11818</v>
      </c>
      <c r="B785" s="8" t="s">
        <v>48</v>
      </c>
      <c r="C785" s="9" t="s">
        <v>14149</v>
      </c>
      <c r="D785" s="9" t="s">
        <v>14150</v>
      </c>
      <c r="E785" s="10"/>
      <c r="F785" s="10"/>
      <c r="G785" s="8"/>
      <c r="H785" s="8" t="s">
        <v>14151</v>
      </c>
      <c r="I785" s="11">
        <v>40131</v>
      </c>
      <c r="J785" s="11">
        <v>43952</v>
      </c>
      <c r="K785" s="11">
        <v>45777</v>
      </c>
    </row>
    <row r="786" spans="1:11" x14ac:dyDescent="0.4">
      <c r="A786" s="8" t="s">
        <v>11818</v>
      </c>
      <c r="B786" s="8" t="s">
        <v>698</v>
      </c>
      <c r="C786" s="9" t="s">
        <v>11651</v>
      </c>
      <c r="D786" s="9" t="s">
        <v>11652</v>
      </c>
      <c r="E786" s="10"/>
      <c r="F786" s="10" t="s">
        <v>11653</v>
      </c>
      <c r="G786" s="8" t="s">
        <v>11654</v>
      </c>
      <c r="H786" s="8" t="s">
        <v>14152</v>
      </c>
      <c r="I786" s="11">
        <v>40142</v>
      </c>
      <c r="J786" s="11">
        <v>44105</v>
      </c>
      <c r="K786" s="11">
        <v>46295</v>
      </c>
    </row>
    <row r="787" spans="1:11" x14ac:dyDescent="0.4">
      <c r="A787" s="8" t="s">
        <v>11818</v>
      </c>
      <c r="B787" s="8" t="s">
        <v>633</v>
      </c>
      <c r="C787" s="9" t="s">
        <v>8263</v>
      </c>
      <c r="D787" s="9" t="s">
        <v>14153</v>
      </c>
      <c r="E787" s="10"/>
      <c r="F787" s="10" t="s">
        <v>8263</v>
      </c>
      <c r="G787" s="8" t="s">
        <v>14153</v>
      </c>
      <c r="H787" s="8" t="s">
        <v>14154</v>
      </c>
      <c r="I787" s="11">
        <v>40157</v>
      </c>
      <c r="J787" s="11">
        <v>44378</v>
      </c>
      <c r="K787" s="11">
        <v>46568</v>
      </c>
    </row>
    <row r="788" spans="1:11" x14ac:dyDescent="0.4">
      <c r="A788" s="8" t="s">
        <v>11818</v>
      </c>
      <c r="B788" s="8" t="s">
        <v>2044</v>
      </c>
      <c r="C788" s="9" t="s">
        <v>14155</v>
      </c>
      <c r="D788" s="9" t="s">
        <v>14156</v>
      </c>
      <c r="E788" s="10"/>
      <c r="F788" s="10"/>
      <c r="G788" s="8"/>
      <c r="H788" s="8" t="s">
        <v>14157</v>
      </c>
      <c r="I788" s="11">
        <v>40165</v>
      </c>
      <c r="J788" s="11">
        <v>44136</v>
      </c>
      <c r="K788" s="11">
        <v>45961</v>
      </c>
    </row>
    <row r="789" spans="1:11" x14ac:dyDescent="0.4">
      <c r="A789" s="8" t="s">
        <v>11818</v>
      </c>
      <c r="B789" s="8" t="s">
        <v>2044</v>
      </c>
      <c r="C789" s="9" t="s">
        <v>14158</v>
      </c>
      <c r="D789" s="9" t="s">
        <v>14159</v>
      </c>
      <c r="E789" s="10"/>
      <c r="F789" s="10"/>
      <c r="G789" s="8"/>
      <c r="H789" s="8" t="s">
        <v>14160</v>
      </c>
      <c r="I789" s="11">
        <v>40172</v>
      </c>
      <c r="J789" s="11">
        <v>43922</v>
      </c>
      <c r="K789" s="11">
        <v>45747</v>
      </c>
    </row>
    <row r="790" spans="1:11" x14ac:dyDescent="0.4">
      <c r="A790" s="8" t="s">
        <v>11818</v>
      </c>
      <c r="B790" s="8" t="s">
        <v>48</v>
      </c>
      <c r="C790" s="9" t="s">
        <v>14161</v>
      </c>
      <c r="D790" s="9" t="s">
        <v>14162</v>
      </c>
      <c r="E790" s="10" t="s">
        <v>14163</v>
      </c>
      <c r="F790" s="10"/>
      <c r="G790" s="8"/>
      <c r="H790" s="8" t="s">
        <v>14164</v>
      </c>
      <c r="I790" s="11">
        <v>40171</v>
      </c>
      <c r="J790" s="11">
        <v>44166</v>
      </c>
      <c r="K790" s="11">
        <v>45991</v>
      </c>
    </row>
    <row r="791" spans="1:11" x14ac:dyDescent="0.4">
      <c r="A791" s="8" t="s">
        <v>11818</v>
      </c>
      <c r="B791" s="8" t="s">
        <v>1871</v>
      </c>
      <c r="C791" s="9" t="s">
        <v>14165</v>
      </c>
      <c r="D791" s="9" t="s">
        <v>1332</v>
      </c>
      <c r="E791" s="10"/>
      <c r="F791" s="10"/>
      <c r="G791" s="8"/>
      <c r="H791" s="8" t="s">
        <v>14166</v>
      </c>
      <c r="I791" s="11">
        <v>40198</v>
      </c>
      <c r="J791" s="11">
        <v>43983</v>
      </c>
      <c r="K791" s="11">
        <v>45808</v>
      </c>
    </row>
    <row r="792" spans="1:11" x14ac:dyDescent="0.4">
      <c r="A792" s="8" t="s">
        <v>11818</v>
      </c>
      <c r="B792" s="8" t="s">
        <v>633</v>
      </c>
      <c r="C792" s="9" t="s">
        <v>14167</v>
      </c>
      <c r="D792" s="9" t="s">
        <v>14168</v>
      </c>
      <c r="E792" s="10"/>
      <c r="F792" s="10" t="s">
        <v>14169</v>
      </c>
      <c r="G792" s="8" t="s">
        <v>14170</v>
      </c>
      <c r="H792" s="8" t="s">
        <v>14171</v>
      </c>
      <c r="I792" s="11">
        <v>40213</v>
      </c>
      <c r="J792" s="11">
        <v>43922</v>
      </c>
      <c r="K792" s="11">
        <v>45747</v>
      </c>
    </row>
    <row r="793" spans="1:11" x14ac:dyDescent="0.4">
      <c r="A793" s="8" t="s">
        <v>11818</v>
      </c>
      <c r="B793" s="8" t="s">
        <v>48</v>
      </c>
      <c r="C793" s="9" t="s">
        <v>14172</v>
      </c>
      <c r="D793" s="9" t="s">
        <v>14173</v>
      </c>
      <c r="E793" s="10"/>
      <c r="F793" s="10" t="s">
        <v>14174</v>
      </c>
      <c r="G793" s="8" t="s">
        <v>14175</v>
      </c>
      <c r="H793" s="8" t="s">
        <v>14176</v>
      </c>
      <c r="I793" s="11">
        <v>40227</v>
      </c>
      <c r="J793" s="11">
        <v>43922</v>
      </c>
      <c r="K793" s="11">
        <v>45747</v>
      </c>
    </row>
    <row r="794" spans="1:11" x14ac:dyDescent="0.4">
      <c r="A794" s="8" t="s">
        <v>11818</v>
      </c>
      <c r="B794" s="8" t="s">
        <v>48</v>
      </c>
      <c r="C794" s="9" t="s">
        <v>14177</v>
      </c>
      <c r="D794" s="9" t="s">
        <v>14178</v>
      </c>
      <c r="E794" s="10"/>
      <c r="F794" s="10" t="s">
        <v>3539</v>
      </c>
      <c r="G794" s="8" t="s">
        <v>13771</v>
      </c>
      <c r="H794" s="8" t="s">
        <v>14179</v>
      </c>
      <c r="I794" s="11">
        <v>40242</v>
      </c>
      <c r="J794" s="11">
        <v>44287</v>
      </c>
      <c r="K794" s="11">
        <v>46112</v>
      </c>
    </row>
    <row r="795" spans="1:11" x14ac:dyDescent="0.4">
      <c r="A795" s="8" t="s">
        <v>11818</v>
      </c>
      <c r="B795" s="8" t="s">
        <v>2044</v>
      </c>
      <c r="C795" s="9" t="s">
        <v>14180</v>
      </c>
      <c r="D795" s="9" t="s">
        <v>14181</v>
      </c>
      <c r="E795" s="10"/>
      <c r="F795" s="10"/>
      <c r="G795" s="8"/>
      <c r="H795" s="8" t="s">
        <v>14182</v>
      </c>
      <c r="I795" s="11">
        <v>40263</v>
      </c>
      <c r="J795" s="11">
        <v>44136</v>
      </c>
      <c r="K795" s="11">
        <v>45961</v>
      </c>
    </row>
    <row r="796" spans="1:11" x14ac:dyDescent="0.4">
      <c r="A796" s="8" t="s">
        <v>11818</v>
      </c>
      <c r="B796" s="8" t="s">
        <v>48</v>
      </c>
      <c r="C796" s="9" t="s">
        <v>14183</v>
      </c>
      <c r="D796" s="9" t="s">
        <v>13748</v>
      </c>
      <c r="E796" s="10" t="s">
        <v>14184</v>
      </c>
      <c r="F796" s="10"/>
      <c r="G796" s="8"/>
      <c r="H796" s="8" t="s">
        <v>14185</v>
      </c>
      <c r="I796" s="11">
        <v>40262</v>
      </c>
      <c r="J796" s="11">
        <v>44166</v>
      </c>
      <c r="K796" s="11">
        <v>45991</v>
      </c>
    </row>
    <row r="797" spans="1:11" x14ac:dyDescent="0.4">
      <c r="A797" s="8" t="s">
        <v>11818</v>
      </c>
      <c r="B797" s="8" t="s">
        <v>2044</v>
      </c>
      <c r="C797" s="9" t="s">
        <v>14186</v>
      </c>
      <c r="D797" s="9" t="s">
        <v>14187</v>
      </c>
      <c r="E797" s="10"/>
      <c r="F797" s="10"/>
      <c r="G797" s="8"/>
      <c r="H797" s="8" t="s">
        <v>14188</v>
      </c>
      <c r="I797" s="11">
        <v>40259</v>
      </c>
      <c r="J797" s="11">
        <v>43922</v>
      </c>
      <c r="K797" s="11">
        <v>45747</v>
      </c>
    </row>
    <row r="798" spans="1:11" x14ac:dyDescent="0.4">
      <c r="A798" s="8" t="s">
        <v>11818</v>
      </c>
      <c r="B798" s="8" t="s">
        <v>3441</v>
      </c>
      <c r="C798" s="9" t="s">
        <v>14189</v>
      </c>
      <c r="D798" s="9" t="s">
        <v>14190</v>
      </c>
      <c r="E798" s="10"/>
      <c r="F798" s="10" t="s">
        <v>14191</v>
      </c>
      <c r="G798" s="8" t="s">
        <v>14192</v>
      </c>
      <c r="H798" s="8" t="s">
        <v>14193</v>
      </c>
      <c r="I798" s="11">
        <v>40264</v>
      </c>
      <c r="J798" s="11">
        <v>44013</v>
      </c>
      <c r="K798" s="11">
        <v>45838</v>
      </c>
    </row>
    <row r="799" spans="1:11" x14ac:dyDescent="0.4">
      <c r="A799" s="8" t="s">
        <v>11818</v>
      </c>
      <c r="B799" s="8" t="s">
        <v>633</v>
      </c>
      <c r="C799" s="9" t="s">
        <v>14194</v>
      </c>
      <c r="D799" s="9" t="s">
        <v>14195</v>
      </c>
      <c r="E799" s="10"/>
      <c r="F799" s="10" t="s">
        <v>14196</v>
      </c>
      <c r="G799" s="8" t="s">
        <v>14197</v>
      </c>
      <c r="H799" s="8" t="s">
        <v>14198</v>
      </c>
      <c r="I799" s="11">
        <v>40269</v>
      </c>
      <c r="J799" s="11">
        <v>44136</v>
      </c>
      <c r="K799" s="11">
        <v>45961</v>
      </c>
    </row>
    <row r="800" spans="1:11" x14ac:dyDescent="0.4">
      <c r="A800" s="8" t="s">
        <v>11818</v>
      </c>
      <c r="B800" s="8" t="s">
        <v>633</v>
      </c>
      <c r="C800" s="9" t="s">
        <v>10745</v>
      </c>
      <c r="D800" s="9" t="s">
        <v>14199</v>
      </c>
      <c r="E800" s="10"/>
      <c r="F800" s="10"/>
      <c r="G800" s="8"/>
      <c r="H800" s="8" t="s">
        <v>14200</v>
      </c>
      <c r="I800" s="11">
        <v>40269</v>
      </c>
      <c r="J800" s="11">
        <v>43952</v>
      </c>
      <c r="K800" s="11">
        <v>45777</v>
      </c>
    </row>
    <row r="801" spans="1:11" x14ac:dyDescent="0.4">
      <c r="A801" s="8" t="s">
        <v>11818</v>
      </c>
      <c r="B801" s="8" t="s">
        <v>1871</v>
      </c>
      <c r="C801" s="9" t="s">
        <v>14201</v>
      </c>
      <c r="D801" s="9" t="s">
        <v>14202</v>
      </c>
      <c r="E801" s="10"/>
      <c r="F801" s="10"/>
      <c r="G801" s="8"/>
      <c r="H801" s="8" t="s">
        <v>14203</v>
      </c>
      <c r="I801" s="11">
        <v>40313</v>
      </c>
      <c r="J801" s="11">
        <v>43983</v>
      </c>
      <c r="K801" s="11">
        <v>45808</v>
      </c>
    </row>
    <row r="802" spans="1:11" x14ac:dyDescent="0.4">
      <c r="A802" s="8" t="s">
        <v>11818</v>
      </c>
      <c r="B802" s="8" t="s">
        <v>2044</v>
      </c>
      <c r="C802" s="9" t="s">
        <v>14204</v>
      </c>
      <c r="D802" s="9" t="s">
        <v>14205</v>
      </c>
      <c r="E802" s="10"/>
      <c r="F802" s="10" t="s">
        <v>14206</v>
      </c>
      <c r="G802" s="8" t="s">
        <v>14207</v>
      </c>
      <c r="H802" s="8" t="s">
        <v>14208</v>
      </c>
      <c r="I802" s="11">
        <v>40326</v>
      </c>
      <c r="J802" s="11">
        <v>44136</v>
      </c>
      <c r="K802" s="11">
        <v>45961</v>
      </c>
    </row>
    <row r="803" spans="1:11" x14ac:dyDescent="0.4">
      <c r="A803" s="8" t="s">
        <v>11818</v>
      </c>
      <c r="B803" s="8" t="s">
        <v>2044</v>
      </c>
      <c r="C803" s="9" t="s">
        <v>14209</v>
      </c>
      <c r="D803" s="9" t="s">
        <v>14210</v>
      </c>
      <c r="E803" s="10"/>
      <c r="F803" s="10"/>
      <c r="G803" s="8"/>
      <c r="H803" s="8" t="s">
        <v>14211</v>
      </c>
      <c r="I803" s="11">
        <v>40364</v>
      </c>
      <c r="J803" s="11">
        <v>44136</v>
      </c>
      <c r="K803" s="11">
        <v>45961</v>
      </c>
    </row>
    <row r="804" spans="1:11" x14ac:dyDescent="0.4">
      <c r="A804" s="8" t="s">
        <v>11818</v>
      </c>
      <c r="B804" s="8" t="s">
        <v>48</v>
      </c>
      <c r="C804" s="9" t="s">
        <v>14212</v>
      </c>
      <c r="D804" s="9" t="s">
        <v>14213</v>
      </c>
      <c r="E804" s="10"/>
      <c r="F804" s="10"/>
      <c r="G804" s="8"/>
      <c r="H804" s="8" t="s">
        <v>14214</v>
      </c>
      <c r="I804" s="11">
        <v>40373</v>
      </c>
      <c r="J804" s="11">
        <v>44105</v>
      </c>
      <c r="K804" s="11">
        <v>45930</v>
      </c>
    </row>
    <row r="805" spans="1:11" x14ac:dyDescent="0.4">
      <c r="A805" s="8" t="s">
        <v>11818</v>
      </c>
      <c r="B805" s="8" t="s">
        <v>5383</v>
      </c>
      <c r="C805" s="9" t="s">
        <v>14215</v>
      </c>
      <c r="D805" s="9" t="s">
        <v>14216</v>
      </c>
      <c r="E805" s="10"/>
      <c r="F805" s="10"/>
      <c r="G805" s="8"/>
      <c r="H805" s="8" t="s">
        <v>14217</v>
      </c>
      <c r="I805" s="11">
        <v>40391</v>
      </c>
      <c r="J805" s="11">
        <v>44136</v>
      </c>
      <c r="K805" s="11">
        <v>45961</v>
      </c>
    </row>
    <row r="806" spans="1:11" x14ac:dyDescent="0.4">
      <c r="A806" s="8" t="s">
        <v>11818</v>
      </c>
      <c r="B806" s="8" t="s">
        <v>1871</v>
      </c>
      <c r="C806" s="9" t="s">
        <v>14218</v>
      </c>
      <c r="D806" s="9" t="s">
        <v>1332</v>
      </c>
      <c r="E806" s="10"/>
      <c r="F806" s="10" t="s">
        <v>8143</v>
      </c>
      <c r="G806" s="8" t="s">
        <v>12090</v>
      </c>
      <c r="H806" s="8" t="s">
        <v>14219</v>
      </c>
      <c r="I806" s="11">
        <v>40403</v>
      </c>
      <c r="J806" s="11">
        <v>44348</v>
      </c>
      <c r="K806" s="11">
        <v>46173</v>
      </c>
    </row>
    <row r="807" spans="1:11" x14ac:dyDescent="0.4">
      <c r="A807" s="8" t="s">
        <v>11818</v>
      </c>
      <c r="B807" s="8" t="s">
        <v>3441</v>
      </c>
      <c r="C807" s="9" t="s">
        <v>14220</v>
      </c>
      <c r="D807" s="9" t="s">
        <v>14221</v>
      </c>
      <c r="E807" s="10"/>
      <c r="F807" s="10"/>
      <c r="G807" s="8"/>
      <c r="H807" s="8" t="s">
        <v>14222</v>
      </c>
      <c r="I807" s="11">
        <v>40421</v>
      </c>
      <c r="J807" s="11">
        <v>44105</v>
      </c>
      <c r="K807" s="11">
        <v>45930</v>
      </c>
    </row>
    <row r="808" spans="1:11" x14ac:dyDescent="0.4">
      <c r="A808" s="8" t="s">
        <v>11818</v>
      </c>
      <c r="B808" s="8" t="s">
        <v>48</v>
      </c>
      <c r="C808" s="9" t="s">
        <v>14223</v>
      </c>
      <c r="D808" s="9" t="s">
        <v>14224</v>
      </c>
      <c r="E808" s="10" t="s">
        <v>3029</v>
      </c>
      <c r="F808" s="10"/>
      <c r="G808" s="8"/>
      <c r="H808" s="8" t="s">
        <v>14225</v>
      </c>
      <c r="I808" s="11">
        <v>40512</v>
      </c>
      <c r="J808" s="11">
        <v>44166</v>
      </c>
      <c r="K808" s="11">
        <v>45991</v>
      </c>
    </row>
    <row r="809" spans="1:11" x14ac:dyDescent="0.4">
      <c r="A809" s="8" t="s">
        <v>11818</v>
      </c>
      <c r="B809" s="8" t="s">
        <v>2044</v>
      </c>
      <c r="C809" s="9" t="s">
        <v>11615</v>
      </c>
      <c r="D809" s="9" t="s">
        <v>11616</v>
      </c>
      <c r="E809" s="10"/>
      <c r="F809" s="10"/>
      <c r="G809" s="8"/>
      <c r="H809" s="8" t="s">
        <v>14226</v>
      </c>
      <c r="I809" s="11">
        <v>40420</v>
      </c>
      <c r="J809" s="11">
        <v>44105</v>
      </c>
      <c r="K809" s="11">
        <v>45930</v>
      </c>
    </row>
    <row r="810" spans="1:11" x14ac:dyDescent="0.4">
      <c r="A810" s="8" t="s">
        <v>11818</v>
      </c>
      <c r="B810" s="8" t="s">
        <v>9278</v>
      </c>
      <c r="C810" s="9" t="s">
        <v>14227</v>
      </c>
      <c r="D810" s="9" t="s">
        <v>14228</v>
      </c>
      <c r="E810" s="10"/>
      <c r="F810" s="10"/>
      <c r="G810" s="8"/>
      <c r="H810" s="8" t="s">
        <v>14229</v>
      </c>
      <c r="I810" s="11">
        <v>40483</v>
      </c>
      <c r="J810" s="11">
        <v>44136</v>
      </c>
      <c r="K810" s="11">
        <v>45961</v>
      </c>
    </row>
    <row r="811" spans="1:11" x14ac:dyDescent="0.4">
      <c r="A811" s="8" t="s">
        <v>11818</v>
      </c>
      <c r="B811" s="8" t="s">
        <v>48</v>
      </c>
      <c r="C811" s="9" t="s">
        <v>14230</v>
      </c>
      <c r="D811" s="9" t="s">
        <v>14231</v>
      </c>
      <c r="E811" s="10" t="s">
        <v>14232</v>
      </c>
      <c r="F811" s="10"/>
      <c r="G811" s="8"/>
      <c r="H811" s="8" t="s">
        <v>14233</v>
      </c>
      <c r="I811" s="11">
        <v>40446</v>
      </c>
      <c r="J811" s="11">
        <v>44348</v>
      </c>
      <c r="K811" s="11">
        <v>46173</v>
      </c>
    </row>
    <row r="812" spans="1:11" x14ac:dyDescent="0.4">
      <c r="A812" s="8" t="s">
        <v>11818</v>
      </c>
      <c r="B812" s="8" t="s">
        <v>48</v>
      </c>
      <c r="C812" s="9" t="s">
        <v>14234</v>
      </c>
      <c r="D812" s="9" t="s">
        <v>14235</v>
      </c>
      <c r="E812" s="10"/>
      <c r="F812" s="10"/>
      <c r="G812" s="8"/>
      <c r="H812" s="8" t="s">
        <v>14236</v>
      </c>
      <c r="I812" s="11">
        <v>40467</v>
      </c>
      <c r="J812" s="11">
        <v>44317</v>
      </c>
      <c r="K812" s="11">
        <v>46142</v>
      </c>
    </row>
    <row r="813" spans="1:11" x14ac:dyDescent="0.4">
      <c r="A813" s="8" t="s">
        <v>11818</v>
      </c>
      <c r="B813" s="8" t="s">
        <v>6444</v>
      </c>
      <c r="C813" s="9" t="s">
        <v>2756</v>
      </c>
      <c r="D813" s="9" t="s">
        <v>11418</v>
      </c>
      <c r="E813" s="10"/>
      <c r="F813" s="10" t="s">
        <v>2754</v>
      </c>
      <c r="G813" s="8" t="s">
        <v>13272</v>
      </c>
      <c r="H813" s="8" t="s">
        <v>14237</v>
      </c>
      <c r="I813" s="11">
        <v>40480</v>
      </c>
      <c r="J813" s="11">
        <v>44136</v>
      </c>
      <c r="K813" s="11">
        <v>45961</v>
      </c>
    </row>
    <row r="814" spans="1:11" x14ac:dyDescent="0.4">
      <c r="A814" s="8" t="s">
        <v>11818</v>
      </c>
      <c r="B814" s="8" t="s">
        <v>2044</v>
      </c>
      <c r="C814" s="9" t="s">
        <v>14238</v>
      </c>
      <c r="D814" s="9" t="s">
        <v>14239</v>
      </c>
      <c r="E814" s="10" t="s">
        <v>14240</v>
      </c>
      <c r="F814" s="10" t="s">
        <v>14241</v>
      </c>
      <c r="G814" s="8" t="s">
        <v>14242</v>
      </c>
      <c r="H814" s="8" t="s">
        <v>14243</v>
      </c>
      <c r="I814" s="11">
        <v>40495</v>
      </c>
      <c r="J814" s="11">
        <v>44317</v>
      </c>
      <c r="K814" s="11">
        <v>46142</v>
      </c>
    </row>
    <row r="815" spans="1:11" x14ac:dyDescent="0.4">
      <c r="A815" s="8" t="s">
        <v>11818</v>
      </c>
      <c r="B815" s="8" t="s">
        <v>5383</v>
      </c>
      <c r="C815" s="9" t="s">
        <v>14244</v>
      </c>
      <c r="D815" s="9" t="s">
        <v>14245</v>
      </c>
      <c r="E815" s="10"/>
      <c r="F815" s="10" t="s">
        <v>14246</v>
      </c>
      <c r="G815" s="8" t="s">
        <v>14247</v>
      </c>
      <c r="H815" s="8" t="s">
        <v>14248</v>
      </c>
      <c r="I815" s="11">
        <v>40507</v>
      </c>
      <c r="J815" s="11">
        <v>44287</v>
      </c>
      <c r="K815" s="11">
        <v>46112</v>
      </c>
    </row>
    <row r="816" spans="1:11" x14ac:dyDescent="0.4">
      <c r="A816" s="8" t="s">
        <v>11818</v>
      </c>
      <c r="B816" s="8" t="s">
        <v>633</v>
      </c>
      <c r="C816" s="9" t="s">
        <v>14249</v>
      </c>
      <c r="D816" s="9" t="s">
        <v>14250</v>
      </c>
      <c r="E816" s="10"/>
      <c r="F816" s="10" t="s">
        <v>14251</v>
      </c>
      <c r="G816" s="8" t="s">
        <v>14252</v>
      </c>
      <c r="H816" s="8" t="s">
        <v>14253</v>
      </c>
      <c r="I816" s="11">
        <v>40528</v>
      </c>
      <c r="J816" s="11">
        <v>43191</v>
      </c>
      <c r="K816" s="11">
        <v>45747</v>
      </c>
    </row>
    <row r="817" spans="1:11" x14ac:dyDescent="0.4">
      <c r="A817" s="8" t="s">
        <v>11818</v>
      </c>
      <c r="B817" s="8" t="s">
        <v>48</v>
      </c>
      <c r="C817" s="9" t="s">
        <v>14254</v>
      </c>
      <c r="D817" s="9" t="s">
        <v>14255</v>
      </c>
      <c r="E817" s="10" t="s">
        <v>14256</v>
      </c>
      <c r="F817" s="10" t="s">
        <v>6965</v>
      </c>
      <c r="G817" s="8" t="s">
        <v>14257</v>
      </c>
      <c r="H817" s="8" t="s">
        <v>14258</v>
      </c>
      <c r="I817" s="11">
        <v>40533</v>
      </c>
      <c r="J817" s="11">
        <v>44348</v>
      </c>
      <c r="K817" s="11">
        <v>46173</v>
      </c>
    </row>
    <row r="818" spans="1:11" x14ac:dyDescent="0.4">
      <c r="A818" s="8" t="s">
        <v>11818</v>
      </c>
      <c r="B818" s="8" t="s">
        <v>48</v>
      </c>
      <c r="C818" s="9" t="s">
        <v>14259</v>
      </c>
      <c r="D818" s="9" t="s">
        <v>14260</v>
      </c>
      <c r="E818" s="10" t="s">
        <v>14261</v>
      </c>
      <c r="F818" s="10"/>
      <c r="G818" s="8"/>
      <c r="H818" s="8" t="s">
        <v>14262</v>
      </c>
      <c r="I818" s="11">
        <v>40551</v>
      </c>
      <c r="J818" s="11">
        <v>44287</v>
      </c>
      <c r="K818" s="11">
        <v>46112</v>
      </c>
    </row>
    <row r="819" spans="1:11" x14ac:dyDescent="0.4">
      <c r="A819" s="8" t="s">
        <v>11818</v>
      </c>
      <c r="B819" s="8" t="s">
        <v>48</v>
      </c>
      <c r="C819" s="9" t="s">
        <v>14263</v>
      </c>
      <c r="D819" s="9" t="s">
        <v>14264</v>
      </c>
      <c r="E819" s="10"/>
      <c r="F819" s="10"/>
      <c r="G819" s="8"/>
      <c r="H819" s="8" t="s">
        <v>14265</v>
      </c>
      <c r="I819" s="11">
        <v>40592</v>
      </c>
      <c r="J819" s="11">
        <v>44287</v>
      </c>
      <c r="K819" s="11">
        <v>46112</v>
      </c>
    </row>
    <row r="820" spans="1:11" x14ac:dyDescent="0.4">
      <c r="A820" s="8" t="s">
        <v>11818</v>
      </c>
      <c r="B820" s="8" t="s">
        <v>2044</v>
      </c>
      <c r="C820" s="9" t="s">
        <v>14266</v>
      </c>
      <c r="D820" s="9" t="s">
        <v>14267</v>
      </c>
      <c r="E820" s="10"/>
      <c r="F820" s="10"/>
      <c r="G820" s="8"/>
      <c r="H820" s="8" t="s">
        <v>14268</v>
      </c>
      <c r="I820" s="11">
        <v>40596</v>
      </c>
      <c r="J820" s="11">
        <v>44317</v>
      </c>
      <c r="K820" s="11">
        <v>46142</v>
      </c>
    </row>
    <row r="821" spans="1:11" x14ac:dyDescent="0.4">
      <c r="A821" s="8" t="s">
        <v>11818</v>
      </c>
      <c r="B821" s="8" t="s">
        <v>633</v>
      </c>
      <c r="C821" s="9" t="s">
        <v>14269</v>
      </c>
      <c r="D821" s="9" t="s">
        <v>14270</v>
      </c>
      <c r="E821" s="10"/>
      <c r="F821" s="10" t="s">
        <v>6000</v>
      </c>
      <c r="G821" s="8" t="s">
        <v>11961</v>
      </c>
      <c r="H821" s="8" t="s">
        <v>14271</v>
      </c>
      <c r="I821" s="11">
        <v>40641</v>
      </c>
      <c r="J821" s="11">
        <v>43282</v>
      </c>
      <c r="K821" s="11">
        <v>45838</v>
      </c>
    </row>
    <row r="822" spans="1:11" x14ac:dyDescent="0.4">
      <c r="A822" s="8" t="s">
        <v>11818</v>
      </c>
      <c r="B822" s="8" t="s">
        <v>48</v>
      </c>
      <c r="C822" s="9" t="s">
        <v>14272</v>
      </c>
      <c r="D822" s="9" t="s">
        <v>14273</v>
      </c>
      <c r="E822" s="10"/>
      <c r="F822" s="10"/>
      <c r="G822" s="8"/>
      <c r="H822" s="8" t="s">
        <v>14274</v>
      </c>
      <c r="I822" s="11">
        <v>40704</v>
      </c>
      <c r="J822" s="11">
        <v>44378</v>
      </c>
      <c r="K822" s="11">
        <v>46203</v>
      </c>
    </row>
    <row r="823" spans="1:11" x14ac:dyDescent="0.4">
      <c r="A823" s="8" t="s">
        <v>11818</v>
      </c>
      <c r="B823" s="8" t="s">
        <v>698</v>
      </c>
      <c r="C823" s="9" t="s">
        <v>14275</v>
      </c>
      <c r="D823" s="9" t="s">
        <v>14276</v>
      </c>
      <c r="E823" s="10"/>
      <c r="F823" s="10" t="s">
        <v>14277</v>
      </c>
      <c r="G823" s="8" t="s">
        <v>14278</v>
      </c>
      <c r="H823" s="8" t="s">
        <v>14279</v>
      </c>
      <c r="I823" s="11">
        <v>40759</v>
      </c>
      <c r="J823" s="11">
        <v>43282</v>
      </c>
      <c r="K823" s="11">
        <v>45473</v>
      </c>
    </row>
    <row r="824" spans="1:11" x14ac:dyDescent="0.4">
      <c r="A824" s="8" t="s">
        <v>11818</v>
      </c>
      <c r="B824" s="8" t="s">
        <v>6444</v>
      </c>
      <c r="C824" s="9" t="s">
        <v>14280</v>
      </c>
      <c r="D824" s="9" t="s">
        <v>14281</v>
      </c>
      <c r="E824" s="10"/>
      <c r="F824" s="10" t="s">
        <v>14282</v>
      </c>
      <c r="G824" s="8" t="s">
        <v>14283</v>
      </c>
      <c r="H824" s="8" t="s">
        <v>14284</v>
      </c>
      <c r="I824" s="11">
        <v>40786</v>
      </c>
      <c r="J824" s="11">
        <v>43282</v>
      </c>
      <c r="K824" s="11">
        <v>45473</v>
      </c>
    </row>
    <row r="825" spans="1:11" x14ac:dyDescent="0.4">
      <c r="A825" s="8" t="s">
        <v>11818</v>
      </c>
      <c r="B825" s="8" t="s">
        <v>633</v>
      </c>
      <c r="C825" s="9" t="s">
        <v>14285</v>
      </c>
      <c r="D825" s="9" t="s">
        <v>14286</v>
      </c>
      <c r="E825" s="10"/>
      <c r="F825" s="10"/>
      <c r="G825" s="8"/>
      <c r="H825" s="8" t="s">
        <v>14287</v>
      </c>
      <c r="I825" s="11">
        <v>40837</v>
      </c>
      <c r="J825" s="11">
        <v>43374</v>
      </c>
      <c r="K825" s="11">
        <v>45565</v>
      </c>
    </row>
    <row r="826" spans="1:11" x14ac:dyDescent="0.4">
      <c r="A826" s="8" t="s">
        <v>11818</v>
      </c>
      <c r="B826" s="8" t="s">
        <v>1926</v>
      </c>
      <c r="C826" s="9" t="s">
        <v>14288</v>
      </c>
      <c r="D826" s="9" t="s">
        <v>12447</v>
      </c>
      <c r="E826" s="10" t="s">
        <v>3672</v>
      </c>
      <c r="F826" s="10" t="s">
        <v>4434</v>
      </c>
      <c r="G826" s="8" t="s">
        <v>13221</v>
      </c>
      <c r="H826" s="8" t="s">
        <v>14289</v>
      </c>
      <c r="I826" s="11">
        <v>40850</v>
      </c>
      <c r="J826" s="11">
        <v>43282</v>
      </c>
      <c r="K826" s="11">
        <v>45473</v>
      </c>
    </row>
    <row r="827" spans="1:11" x14ac:dyDescent="0.4">
      <c r="A827" s="8" t="s">
        <v>11818</v>
      </c>
      <c r="B827" s="8" t="s">
        <v>48</v>
      </c>
      <c r="C827" s="9" t="s">
        <v>14290</v>
      </c>
      <c r="D827" s="9" t="s">
        <v>14291</v>
      </c>
      <c r="E827" s="10" t="s">
        <v>14292</v>
      </c>
      <c r="F827" s="10"/>
      <c r="G827" s="8"/>
      <c r="H827" s="8" t="s">
        <v>14293</v>
      </c>
      <c r="I827" s="11">
        <v>40876</v>
      </c>
      <c r="J827" s="11">
        <v>43374</v>
      </c>
      <c r="K827" s="11">
        <v>45565</v>
      </c>
    </row>
    <row r="828" spans="1:11" x14ac:dyDescent="0.4">
      <c r="A828" s="8" t="s">
        <v>11818</v>
      </c>
      <c r="B828" s="8" t="s">
        <v>48</v>
      </c>
      <c r="C828" s="9" t="s">
        <v>14294</v>
      </c>
      <c r="D828" s="9" t="s">
        <v>14295</v>
      </c>
      <c r="E828" s="10" t="s">
        <v>14296</v>
      </c>
      <c r="F828" s="10"/>
      <c r="G828" s="8"/>
      <c r="H828" s="8" t="s">
        <v>14297</v>
      </c>
      <c r="I828" s="11">
        <v>40880</v>
      </c>
      <c r="J828" s="11">
        <v>43435</v>
      </c>
      <c r="K828" s="11">
        <v>45626</v>
      </c>
    </row>
    <row r="829" spans="1:11" x14ac:dyDescent="0.4">
      <c r="A829" s="8" t="s">
        <v>11818</v>
      </c>
      <c r="B829" s="8" t="s">
        <v>633</v>
      </c>
      <c r="C829" s="9" t="s">
        <v>14298</v>
      </c>
      <c r="D829" s="9" t="s">
        <v>14299</v>
      </c>
      <c r="E829" s="10"/>
      <c r="F829" s="10" t="s">
        <v>7680</v>
      </c>
      <c r="G829" s="8" t="s">
        <v>14300</v>
      </c>
      <c r="H829" s="8" t="s">
        <v>14301</v>
      </c>
      <c r="I829" s="11">
        <v>40886</v>
      </c>
      <c r="J829" s="11">
        <v>43374</v>
      </c>
      <c r="K829" s="11">
        <v>45565</v>
      </c>
    </row>
    <row r="830" spans="1:11" x14ac:dyDescent="0.4">
      <c r="A830" s="8" t="s">
        <v>11818</v>
      </c>
      <c r="B830" s="8" t="s">
        <v>6444</v>
      </c>
      <c r="C830" s="9" t="s">
        <v>14302</v>
      </c>
      <c r="D830" s="9" t="s">
        <v>14303</v>
      </c>
      <c r="E830" s="10"/>
      <c r="F830" s="10"/>
      <c r="G830" s="8"/>
      <c r="H830" s="8" t="s">
        <v>14304</v>
      </c>
      <c r="I830" s="11">
        <v>40886</v>
      </c>
      <c r="J830" s="11">
        <v>43374</v>
      </c>
      <c r="K830" s="11">
        <v>45565</v>
      </c>
    </row>
    <row r="831" spans="1:11" x14ac:dyDescent="0.4">
      <c r="A831" s="8" t="s">
        <v>11818</v>
      </c>
      <c r="B831" s="8" t="s">
        <v>633</v>
      </c>
      <c r="C831" s="9" t="s">
        <v>14305</v>
      </c>
      <c r="D831" s="9" t="s">
        <v>14306</v>
      </c>
      <c r="E831" s="10"/>
      <c r="F831" s="10" t="s">
        <v>14307</v>
      </c>
      <c r="G831" s="8" t="s">
        <v>14308</v>
      </c>
      <c r="H831" s="8" t="s">
        <v>14309</v>
      </c>
      <c r="I831" s="11">
        <v>40891</v>
      </c>
      <c r="J831" s="11">
        <v>43374</v>
      </c>
      <c r="K831" s="11">
        <v>45565</v>
      </c>
    </row>
    <row r="832" spans="1:11" x14ac:dyDescent="0.4">
      <c r="A832" s="8" t="s">
        <v>11818</v>
      </c>
      <c r="B832" s="8" t="s">
        <v>48</v>
      </c>
      <c r="C832" s="9" t="s">
        <v>14310</v>
      </c>
      <c r="D832" s="9" t="s">
        <v>14311</v>
      </c>
      <c r="E832" s="10" t="s">
        <v>14312</v>
      </c>
      <c r="F832" s="10"/>
      <c r="G832" s="8"/>
      <c r="H832" s="8" t="s">
        <v>14313</v>
      </c>
      <c r="I832" s="11">
        <v>40893</v>
      </c>
      <c r="J832" s="11">
        <v>43374</v>
      </c>
      <c r="K832" s="11">
        <v>45565</v>
      </c>
    </row>
    <row r="833" spans="1:11" x14ac:dyDescent="0.4">
      <c r="A833" s="8" t="s">
        <v>11818</v>
      </c>
      <c r="B833" s="8" t="s">
        <v>3083</v>
      </c>
      <c r="C833" s="9" t="s">
        <v>14314</v>
      </c>
      <c r="D833" s="9" t="s">
        <v>14315</v>
      </c>
      <c r="E833" s="10"/>
      <c r="F833" s="10"/>
      <c r="G833" s="8"/>
      <c r="H833" s="8" t="s">
        <v>14316</v>
      </c>
      <c r="I833" s="11">
        <v>40909</v>
      </c>
      <c r="J833" s="11">
        <v>43374</v>
      </c>
      <c r="K833" s="11">
        <v>45565</v>
      </c>
    </row>
    <row r="834" spans="1:11" x14ac:dyDescent="0.4">
      <c r="A834" s="8" t="s">
        <v>11818</v>
      </c>
      <c r="B834" s="8" t="s">
        <v>9278</v>
      </c>
      <c r="C834" s="9" t="s">
        <v>14317</v>
      </c>
      <c r="D834" s="9" t="s">
        <v>14318</v>
      </c>
      <c r="E834" s="10"/>
      <c r="F834" s="10"/>
      <c r="G834" s="8"/>
      <c r="H834" s="8" t="s">
        <v>14319</v>
      </c>
      <c r="I834" s="11">
        <v>40946</v>
      </c>
      <c r="J834" s="11">
        <v>43435</v>
      </c>
      <c r="K834" s="11">
        <v>45626</v>
      </c>
    </row>
    <row r="835" spans="1:11" x14ac:dyDescent="0.4">
      <c r="A835" s="8" t="s">
        <v>11818</v>
      </c>
      <c r="B835" s="8" t="s">
        <v>9278</v>
      </c>
      <c r="C835" s="9" t="s">
        <v>14320</v>
      </c>
      <c r="D835" s="9" t="s">
        <v>14321</v>
      </c>
      <c r="E835" s="10"/>
      <c r="F835" s="10"/>
      <c r="G835" s="8"/>
      <c r="H835" s="8" t="s">
        <v>14322</v>
      </c>
      <c r="I835" s="11">
        <v>40953</v>
      </c>
      <c r="J835" s="11">
        <v>43435</v>
      </c>
      <c r="K835" s="11">
        <v>45626</v>
      </c>
    </row>
    <row r="836" spans="1:11" x14ac:dyDescent="0.4">
      <c r="A836" s="8" t="s">
        <v>11818</v>
      </c>
      <c r="B836" s="8" t="s">
        <v>5454</v>
      </c>
      <c r="C836" s="9" t="s">
        <v>14323</v>
      </c>
      <c r="D836" s="9" t="s">
        <v>14324</v>
      </c>
      <c r="E836" s="10" t="s">
        <v>2310</v>
      </c>
      <c r="F836" s="10" t="s">
        <v>14325</v>
      </c>
      <c r="G836" s="8" t="s">
        <v>14326</v>
      </c>
      <c r="H836" s="8" t="s">
        <v>14327</v>
      </c>
      <c r="I836" s="11">
        <v>40954</v>
      </c>
      <c r="J836" s="11">
        <v>43435</v>
      </c>
      <c r="K836" s="11">
        <v>45626</v>
      </c>
    </row>
    <row r="837" spans="1:11" x14ac:dyDescent="0.4">
      <c r="A837" s="8" t="s">
        <v>11818</v>
      </c>
      <c r="B837" s="8" t="s">
        <v>633</v>
      </c>
      <c r="C837" s="9" t="s">
        <v>14328</v>
      </c>
      <c r="D837" s="9" t="s">
        <v>14329</v>
      </c>
      <c r="E837" s="10"/>
      <c r="F837" s="10" t="s">
        <v>14330</v>
      </c>
      <c r="G837" s="8" t="s">
        <v>14331</v>
      </c>
      <c r="H837" s="8" t="s">
        <v>14332</v>
      </c>
      <c r="I837" s="11">
        <v>40984</v>
      </c>
      <c r="J837" s="11">
        <v>43282</v>
      </c>
      <c r="K837" s="11">
        <v>45473</v>
      </c>
    </row>
    <row r="838" spans="1:11" x14ac:dyDescent="0.4">
      <c r="A838" s="8" t="s">
        <v>11818</v>
      </c>
      <c r="B838" s="8" t="s">
        <v>9278</v>
      </c>
      <c r="C838" s="9" t="s">
        <v>14333</v>
      </c>
      <c r="D838" s="9" t="s">
        <v>14334</v>
      </c>
      <c r="E838" s="10"/>
      <c r="F838" s="10"/>
      <c r="G838" s="8"/>
      <c r="H838" s="8" t="s">
        <v>14335</v>
      </c>
      <c r="I838" s="11">
        <v>41026</v>
      </c>
      <c r="J838" s="11">
        <v>43556</v>
      </c>
      <c r="K838" s="11">
        <v>45747</v>
      </c>
    </row>
    <row r="839" spans="1:11" x14ac:dyDescent="0.4">
      <c r="A839" s="8" t="s">
        <v>11818</v>
      </c>
      <c r="B839" s="8" t="s">
        <v>2044</v>
      </c>
      <c r="C839" s="9" t="s">
        <v>14336</v>
      </c>
      <c r="D839" s="9" t="s">
        <v>14337</v>
      </c>
      <c r="E839" s="10"/>
      <c r="F839" s="10" t="s">
        <v>14338</v>
      </c>
      <c r="G839" s="8" t="s">
        <v>14339</v>
      </c>
      <c r="H839" s="8" t="s">
        <v>14340</v>
      </c>
      <c r="I839" s="11">
        <v>41026</v>
      </c>
      <c r="J839" s="11">
        <v>43556</v>
      </c>
      <c r="K839" s="11">
        <v>45747</v>
      </c>
    </row>
    <row r="840" spans="1:11" x14ac:dyDescent="0.4">
      <c r="A840" s="8" t="s">
        <v>11818</v>
      </c>
      <c r="B840" s="8" t="s">
        <v>633</v>
      </c>
      <c r="C840" s="9" t="s">
        <v>14341</v>
      </c>
      <c r="D840" s="9" t="s">
        <v>14342</v>
      </c>
      <c r="E840" s="10"/>
      <c r="F840" s="10" t="s">
        <v>14343</v>
      </c>
      <c r="G840" s="8" t="s">
        <v>14344</v>
      </c>
      <c r="H840" s="8" t="s">
        <v>14345</v>
      </c>
      <c r="I840" s="11">
        <v>41047</v>
      </c>
      <c r="J840" s="11">
        <v>43405</v>
      </c>
      <c r="K840" s="11">
        <v>45596</v>
      </c>
    </row>
    <row r="841" spans="1:11" x14ac:dyDescent="0.4">
      <c r="A841" s="8" t="s">
        <v>11818</v>
      </c>
      <c r="B841" s="8" t="s">
        <v>2044</v>
      </c>
      <c r="C841" s="9" t="s">
        <v>14346</v>
      </c>
      <c r="D841" s="9" t="s">
        <v>14347</v>
      </c>
      <c r="E841" s="10"/>
      <c r="F841" s="10" t="s">
        <v>14343</v>
      </c>
      <c r="G841" s="8" t="s">
        <v>14344</v>
      </c>
      <c r="H841" s="8" t="s">
        <v>14348</v>
      </c>
      <c r="I841" s="11">
        <v>41047</v>
      </c>
      <c r="J841" s="11">
        <v>43405</v>
      </c>
      <c r="K841" s="11">
        <v>45596</v>
      </c>
    </row>
    <row r="842" spans="1:11" x14ac:dyDescent="0.4">
      <c r="A842" s="8" t="s">
        <v>11818</v>
      </c>
      <c r="B842" s="8" t="s">
        <v>633</v>
      </c>
      <c r="C842" s="9" t="s">
        <v>14349</v>
      </c>
      <c r="D842" s="9" t="s">
        <v>14350</v>
      </c>
      <c r="E842" s="10"/>
      <c r="F842" s="10" t="s">
        <v>2634</v>
      </c>
      <c r="G842" s="8" t="s">
        <v>12325</v>
      </c>
      <c r="H842" s="8" t="s">
        <v>14351</v>
      </c>
      <c r="I842" s="11">
        <v>41051</v>
      </c>
      <c r="J842" s="11">
        <v>43282</v>
      </c>
      <c r="K842" s="11">
        <v>45473</v>
      </c>
    </row>
    <row r="843" spans="1:11" x14ac:dyDescent="0.4">
      <c r="A843" s="8" t="s">
        <v>11818</v>
      </c>
      <c r="B843" s="8" t="s">
        <v>48</v>
      </c>
      <c r="C843" s="9" t="s">
        <v>14352</v>
      </c>
      <c r="D843" s="9" t="s">
        <v>14353</v>
      </c>
      <c r="E843" s="10" t="s">
        <v>14354</v>
      </c>
      <c r="F843" s="10"/>
      <c r="G843" s="8"/>
      <c r="H843" s="8" t="s">
        <v>14355</v>
      </c>
      <c r="I843" s="11">
        <v>41057</v>
      </c>
      <c r="J843" s="11">
        <v>43435</v>
      </c>
      <c r="K843" s="11">
        <v>45626</v>
      </c>
    </row>
    <row r="844" spans="1:11" x14ac:dyDescent="0.4">
      <c r="A844" s="8" t="s">
        <v>11818</v>
      </c>
      <c r="B844" s="8" t="s">
        <v>2044</v>
      </c>
      <c r="C844" s="9" t="s">
        <v>14356</v>
      </c>
      <c r="D844" s="9" t="s">
        <v>14357</v>
      </c>
      <c r="E844" s="10" t="s">
        <v>14358</v>
      </c>
      <c r="F844" s="10" t="s">
        <v>14359</v>
      </c>
      <c r="G844" s="8" t="s">
        <v>14360</v>
      </c>
      <c r="H844" s="8" t="s">
        <v>14361</v>
      </c>
      <c r="I844" s="11">
        <v>41053</v>
      </c>
      <c r="J844" s="11">
        <v>43586</v>
      </c>
      <c r="K844" s="11">
        <v>45777</v>
      </c>
    </row>
    <row r="845" spans="1:11" x14ac:dyDescent="0.4">
      <c r="A845" s="8" t="s">
        <v>11818</v>
      </c>
      <c r="B845" s="8" t="s">
        <v>633</v>
      </c>
      <c r="C845" s="9" t="s">
        <v>14362</v>
      </c>
      <c r="D845" s="9" t="s">
        <v>14363</v>
      </c>
      <c r="E845" s="10"/>
      <c r="F845" s="10" t="s">
        <v>7680</v>
      </c>
      <c r="G845" s="8" t="s">
        <v>14300</v>
      </c>
      <c r="H845" s="8" t="s">
        <v>14364</v>
      </c>
      <c r="I845" s="11">
        <v>41059</v>
      </c>
      <c r="J845" s="11">
        <v>43586</v>
      </c>
      <c r="K845" s="11">
        <v>45777</v>
      </c>
    </row>
    <row r="846" spans="1:11" x14ac:dyDescent="0.4">
      <c r="A846" s="8" t="s">
        <v>11818</v>
      </c>
      <c r="B846" s="8" t="s">
        <v>5454</v>
      </c>
      <c r="C846" s="9" t="s">
        <v>14365</v>
      </c>
      <c r="D846" s="9" t="s">
        <v>14366</v>
      </c>
      <c r="E846" s="10" t="s">
        <v>14367</v>
      </c>
      <c r="F846" s="10" t="s">
        <v>14368</v>
      </c>
      <c r="G846" s="8" t="s">
        <v>14369</v>
      </c>
      <c r="H846" s="8" t="s">
        <v>14370</v>
      </c>
      <c r="I846" s="11">
        <v>41059</v>
      </c>
      <c r="J846" s="11">
        <v>43435</v>
      </c>
      <c r="K846" s="11">
        <v>45626</v>
      </c>
    </row>
    <row r="847" spans="1:11" x14ac:dyDescent="0.4">
      <c r="A847" s="8" t="s">
        <v>11818</v>
      </c>
      <c r="B847" s="8" t="s">
        <v>3441</v>
      </c>
      <c r="C847" s="9" t="s">
        <v>14371</v>
      </c>
      <c r="D847" s="9" t="s">
        <v>14372</v>
      </c>
      <c r="E847" s="10"/>
      <c r="F847" s="10" t="s">
        <v>2634</v>
      </c>
      <c r="G847" s="8" t="s">
        <v>12325</v>
      </c>
      <c r="H847" s="8" t="s">
        <v>14373</v>
      </c>
      <c r="I847" s="11">
        <v>41061</v>
      </c>
      <c r="J847" s="11">
        <v>43556</v>
      </c>
      <c r="K847" s="11">
        <v>45747</v>
      </c>
    </row>
    <row r="848" spans="1:11" x14ac:dyDescent="0.4">
      <c r="A848" s="8" t="s">
        <v>11818</v>
      </c>
      <c r="B848" s="8" t="s">
        <v>6444</v>
      </c>
      <c r="C848" s="9" t="s">
        <v>14374</v>
      </c>
      <c r="D848" s="9" t="s">
        <v>14375</v>
      </c>
      <c r="E848" s="10"/>
      <c r="F848" s="10"/>
      <c r="G848" s="8"/>
      <c r="H848" s="8" t="s">
        <v>14376</v>
      </c>
      <c r="I848" s="11">
        <v>41058</v>
      </c>
      <c r="J848" s="11">
        <v>43556</v>
      </c>
      <c r="K848" s="11">
        <v>45747</v>
      </c>
    </row>
    <row r="849" spans="1:11" x14ac:dyDescent="0.4">
      <c r="A849" s="8" t="s">
        <v>11818</v>
      </c>
      <c r="B849" s="8" t="s">
        <v>2044</v>
      </c>
      <c r="C849" s="9" t="s">
        <v>14377</v>
      </c>
      <c r="D849" s="9" t="s">
        <v>14378</v>
      </c>
      <c r="E849" s="10"/>
      <c r="F849" s="10" t="s">
        <v>14379</v>
      </c>
      <c r="G849" s="8" t="s">
        <v>14380</v>
      </c>
      <c r="H849" s="8" t="s">
        <v>14381</v>
      </c>
      <c r="I849" s="11">
        <v>41059</v>
      </c>
      <c r="J849" s="11">
        <v>43556</v>
      </c>
      <c r="K849" s="11">
        <v>45747</v>
      </c>
    </row>
    <row r="850" spans="1:11" x14ac:dyDescent="0.4">
      <c r="A850" s="8" t="s">
        <v>11818</v>
      </c>
      <c r="B850" s="8" t="s">
        <v>48</v>
      </c>
      <c r="C850" s="9" t="s">
        <v>14382</v>
      </c>
      <c r="D850" s="9" t="s">
        <v>12901</v>
      </c>
      <c r="E850" s="10" t="s">
        <v>14383</v>
      </c>
      <c r="F850" s="10" t="s">
        <v>14384</v>
      </c>
      <c r="G850" s="8" t="s">
        <v>14385</v>
      </c>
      <c r="H850" s="8" t="s">
        <v>14386</v>
      </c>
      <c r="I850" s="11">
        <v>41073</v>
      </c>
      <c r="J850" s="11">
        <v>43617</v>
      </c>
      <c r="K850" s="11">
        <v>45808</v>
      </c>
    </row>
    <row r="851" spans="1:11" x14ac:dyDescent="0.4">
      <c r="A851" s="8" t="s">
        <v>11818</v>
      </c>
      <c r="B851" s="8" t="s">
        <v>3083</v>
      </c>
      <c r="C851" s="9" t="s">
        <v>14387</v>
      </c>
      <c r="D851" s="9" t="s">
        <v>14388</v>
      </c>
      <c r="E851" s="10"/>
      <c r="F851" s="10"/>
      <c r="G851" s="8"/>
      <c r="H851" s="8" t="s">
        <v>14389</v>
      </c>
      <c r="I851" s="11">
        <v>41079</v>
      </c>
      <c r="J851" s="11">
        <v>43435</v>
      </c>
      <c r="K851" s="11">
        <v>45626</v>
      </c>
    </row>
    <row r="852" spans="1:11" x14ac:dyDescent="0.4">
      <c r="A852" s="8" t="s">
        <v>11818</v>
      </c>
      <c r="B852" s="8" t="s">
        <v>3441</v>
      </c>
      <c r="C852" s="9" t="s">
        <v>14390</v>
      </c>
      <c r="D852" s="9" t="s">
        <v>14391</v>
      </c>
      <c r="E852" s="10"/>
      <c r="F852" s="10"/>
      <c r="G852" s="8"/>
      <c r="H852" s="8" t="s">
        <v>14392</v>
      </c>
      <c r="I852" s="11">
        <v>41087</v>
      </c>
      <c r="J852" s="11">
        <v>43556</v>
      </c>
      <c r="K852" s="11">
        <v>45747</v>
      </c>
    </row>
    <row r="853" spans="1:11" x14ac:dyDescent="0.4">
      <c r="A853" s="8" t="s">
        <v>11818</v>
      </c>
      <c r="B853" s="8" t="s">
        <v>6444</v>
      </c>
      <c r="C853" s="9" t="s">
        <v>14393</v>
      </c>
      <c r="D853" s="9" t="s">
        <v>14394</v>
      </c>
      <c r="E853" s="10"/>
      <c r="F853" s="10" t="s">
        <v>14395</v>
      </c>
      <c r="G853" s="8" t="s">
        <v>14396</v>
      </c>
      <c r="H853" s="8" t="s">
        <v>14397</v>
      </c>
      <c r="I853" s="11">
        <v>41086</v>
      </c>
      <c r="J853" s="11">
        <v>43374</v>
      </c>
      <c r="K853" s="11">
        <v>45565</v>
      </c>
    </row>
    <row r="854" spans="1:11" x14ac:dyDescent="0.4">
      <c r="A854" s="8" t="s">
        <v>11818</v>
      </c>
      <c r="B854" s="8" t="s">
        <v>6444</v>
      </c>
      <c r="C854" s="9" t="s">
        <v>14398</v>
      </c>
      <c r="D854" s="9" t="s">
        <v>14399</v>
      </c>
      <c r="E854" s="10"/>
      <c r="F854" s="10" t="s">
        <v>14400</v>
      </c>
      <c r="G854" s="8" t="s">
        <v>14401</v>
      </c>
      <c r="H854" s="8" t="s">
        <v>14402</v>
      </c>
      <c r="I854" s="11">
        <v>41091</v>
      </c>
      <c r="J854" s="11">
        <v>43647</v>
      </c>
      <c r="K854" s="11">
        <v>45747</v>
      </c>
    </row>
    <row r="855" spans="1:11" x14ac:dyDescent="0.4">
      <c r="A855" s="8" t="s">
        <v>11818</v>
      </c>
      <c r="B855" s="8" t="s">
        <v>633</v>
      </c>
      <c r="C855" s="9" t="s">
        <v>14403</v>
      </c>
      <c r="D855" s="9" t="s">
        <v>14404</v>
      </c>
      <c r="E855" s="10"/>
      <c r="F855" s="10" t="s">
        <v>13479</v>
      </c>
      <c r="G855" s="8" t="s">
        <v>14405</v>
      </c>
      <c r="H855" s="8" t="s">
        <v>14406</v>
      </c>
      <c r="I855" s="11">
        <v>41091</v>
      </c>
      <c r="J855" s="11">
        <v>43435</v>
      </c>
      <c r="K855" s="11">
        <v>45626</v>
      </c>
    </row>
    <row r="856" spans="1:11" x14ac:dyDescent="0.4">
      <c r="A856" s="8" t="s">
        <v>11818</v>
      </c>
      <c r="B856" s="8" t="s">
        <v>633</v>
      </c>
      <c r="C856" s="9" t="s">
        <v>14407</v>
      </c>
      <c r="D856" s="9" t="s">
        <v>14408</v>
      </c>
      <c r="E856" s="10"/>
      <c r="F856" s="10" t="s">
        <v>13479</v>
      </c>
      <c r="G856" s="8" t="s">
        <v>14405</v>
      </c>
      <c r="H856" s="8" t="s">
        <v>14409</v>
      </c>
      <c r="I856" s="11">
        <v>41091</v>
      </c>
      <c r="J856" s="11">
        <v>43435</v>
      </c>
      <c r="K856" s="11">
        <v>45626</v>
      </c>
    </row>
    <row r="857" spans="1:11" x14ac:dyDescent="0.4">
      <c r="A857" s="8" t="s">
        <v>11818</v>
      </c>
      <c r="B857" s="8" t="s">
        <v>633</v>
      </c>
      <c r="C857" s="9" t="s">
        <v>14410</v>
      </c>
      <c r="D857" s="9" t="s">
        <v>14411</v>
      </c>
      <c r="E857" s="10"/>
      <c r="F857" s="10" t="s">
        <v>13479</v>
      </c>
      <c r="G857" s="8" t="s">
        <v>14405</v>
      </c>
      <c r="H857" s="8" t="s">
        <v>14412</v>
      </c>
      <c r="I857" s="11">
        <v>41091</v>
      </c>
      <c r="J857" s="11">
        <v>43374</v>
      </c>
      <c r="K857" s="11">
        <v>45565</v>
      </c>
    </row>
    <row r="858" spans="1:11" x14ac:dyDescent="0.4">
      <c r="A858" s="8" t="s">
        <v>11818</v>
      </c>
      <c r="B858" s="8" t="s">
        <v>6444</v>
      </c>
      <c r="C858" s="9" t="s">
        <v>14413</v>
      </c>
      <c r="D858" s="9" t="s">
        <v>14414</v>
      </c>
      <c r="E858" s="10"/>
      <c r="F858" s="10"/>
      <c r="G858" s="8"/>
      <c r="H858" s="8" t="s">
        <v>14415</v>
      </c>
      <c r="I858" s="11">
        <v>41088</v>
      </c>
      <c r="J858" s="11">
        <v>43282</v>
      </c>
      <c r="K858" s="11">
        <v>45473</v>
      </c>
    </row>
    <row r="859" spans="1:11" x14ac:dyDescent="0.4">
      <c r="A859" s="8" t="s">
        <v>11818</v>
      </c>
      <c r="B859" s="8" t="s">
        <v>633</v>
      </c>
      <c r="C859" s="9" t="s">
        <v>14416</v>
      </c>
      <c r="D859" s="9" t="s">
        <v>14417</v>
      </c>
      <c r="E859" s="10" t="s">
        <v>14418</v>
      </c>
      <c r="F859" s="10" t="s">
        <v>4085</v>
      </c>
      <c r="G859" s="8" t="s">
        <v>14419</v>
      </c>
      <c r="H859" s="8" t="s">
        <v>14420</v>
      </c>
      <c r="I859" s="11">
        <v>41091</v>
      </c>
      <c r="J859" s="11">
        <v>43435</v>
      </c>
      <c r="K859" s="11">
        <v>45626</v>
      </c>
    </row>
    <row r="860" spans="1:11" x14ac:dyDescent="0.4">
      <c r="A860" s="8" t="s">
        <v>11818</v>
      </c>
      <c r="B860" s="8" t="s">
        <v>2044</v>
      </c>
      <c r="C860" s="9" t="s">
        <v>11426</v>
      </c>
      <c r="D860" s="9" t="s">
        <v>11427</v>
      </c>
      <c r="E860" s="10"/>
      <c r="F860" s="10" t="s">
        <v>11428</v>
      </c>
      <c r="G860" s="8" t="s">
        <v>11429</v>
      </c>
      <c r="H860" s="8" t="s">
        <v>14421</v>
      </c>
      <c r="I860" s="11">
        <v>41093</v>
      </c>
      <c r="J860" s="11">
        <v>43586</v>
      </c>
      <c r="K860" s="11">
        <v>45777</v>
      </c>
    </row>
    <row r="861" spans="1:11" x14ac:dyDescent="0.4">
      <c r="A861" s="8" t="s">
        <v>11818</v>
      </c>
      <c r="B861" s="8" t="s">
        <v>48</v>
      </c>
      <c r="C861" s="9" t="s">
        <v>14422</v>
      </c>
      <c r="D861" s="9" t="s">
        <v>12361</v>
      </c>
      <c r="E861" s="10" t="s">
        <v>14423</v>
      </c>
      <c r="F861" s="10"/>
      <c r="G861" s="8"/>
      <c r="H861" s="8" t="s">
        <v>14424</v>
      </c>
      <c r="I861" s="11">
        <v>41129</v>
      </c>
      <c r="J861" s="11">
        <v>43435</v>
      </c>
      <c r="K861" s="11">
        <v>45626</v>
      </c>
    </row>
    <row r="862" spans="1:11" x14ac:dyDescent="0.4">
      <c r="A862" s="8" t="s">
        <v>11818</v>
      </c>
      <c r="B862" s="8" t="s">
        <v>698</v>
      </c>
      <c r="C862" s="9" t="s">
        <v>14425</v>
      </c>
      <c r="D862" s="9" t="s">
        <v>14426</v>
      </c>
      <c r="E862" s="10"/>
      <c r="F862" s="10" t="s">
        <v>14427</v>
      </c>
      <c r="G862" s="8" t="s">
        <v>14428</v>
      </c>
      <c r="H862" s="8" t="s">
        <v>14429</v>
      </c>
      <c r="I862" s="11">
        <v>41110</v>
      </c>
      <c r="J862" s="11">
        <v>43586</v>
      </c>
      <c r="K862" s="11">
        <v>45777</v>
      </c>
    </row>
    <row r="863" spans="1:11" x14ac:dyDescent="0.4">
      <c r="A863" s="8" t="s">
        <v>11818</v>
      </c>
      <c r="B863" s="8" t="s">
        <v>633</v>
      </c>
      <c r="C863" s="9" t="s">
        <v>14430</v>
      </c>
      <c r="D863" s="9" t="s">
        <v>14431</v>
      </c>
      <c r="E863" s="10"/>
      <c r="F863" s="10" t="s">
        <v>5777</v>
      </c>
      <c r="G863" s="8" t="s">
        <v>14432</v>
      </c>
      <c r="H863" s="8" t="s">
        <v>14433</v>
      </c>
      <c r="I863" s="11">
        <v>41122</v>
      </c>
      <c r="J863" s="11">
        <v>43556</v>
      </c>
      <c r="K863" s="11">
        <v>45747</v>
      </c>
    </row>
    <row r="864" spans="1:11" x14ac:dyDescent="0.4">
      <c r="A864" s="8" t="s">
        <v>11818</v>
      </c>
      <c r="B864" s="8" t="s">
        <v>6444</v>
      </c>
      <c r="C864" s="9" t="s">
        <v>14434</v>
      </c>
      <c r="D864" s="9" t="s">
        <v>14435</v>
      </c>
      <c r="E864" s="10"/>
      <c r="F864" s="10"/>
      <c r="G864" s="8"/>
      <c r="H864" s="8" t="s">
        <v>14436</v>
      </c>
      <c r="I864" s="11">
        <v>41114</v>
      </c>
      <c r="J864" s="11">
        <v>43405</v>
      </c>
      <c r="K864" s="11">
        <v>45596</v>
      </c>
    </row>
    <row r="865" spans="1:11" x14ac:dyDescent="0.4">
      <c r="A865" s="8" t="s">
        <v>11818</v>
      </c>
      <c r="B865" s="8" t="s">
        <v>633</v>
      </c>
      <c r="C865" s="9" t="s">
        <v>14437</v>
      </c>
      <c r="D865" s="9" t="s">
        <v>14438</v>
      </c>
      <c r="E865" s="10"/>
      <c r="F865" s="10" t="s">
        <v>5777</v>
      </c>
      <c r="G865" s="8" t="s">
        <v>14432</v>
      </c>
      <c r="H865" s="8" t="s">
        <v>14439</v>
      </c>
      <c r="I865" s="11">
        <v>41122</v>
      </c>
      <c r="J865" s="11">
        <v>43405</v>
      </c>
      <c r="K865" s="11">
        <v>45596</v>
      </c>
    </row>
    <row r="866" spans="1:11" x14ac:dyDescent="0.4">
      <c r="A866" s="8" t="s">
        <v>11818</v>
      </c>
      <c r="B866" s="8" t="s">
        <v>633</v>
      </c>
      <c r="C866" s="9" t="s">
        <v>14440</v>
      </c>
      <c r="D866" s="9" t="s">
        <v>14441</v>
      </c>
      <c r="E866" s="10"/>
      <c r="F866" s="10" t="s">
        <v>5777</v>
      </c>
      <c r="G866" s="8" t="s">
        <v>14432</v>
      </c>
      <c r="H866" s="8" t="s">
        <v>14442</v>
      </c>
      <c r="I866" s="11">
        <v>41122</v>
      </c>
      <c r="J866" s="11">
        <v>43647</v>
      </c>
      <c r="K866" s="11">
        <v>45838</v>
      </c>
    </row>
    <row r="867" spans="1:11" x14ac:dyDescent="0.4">
      <c r="A867" s="8" t="s">
        <v>11818</v>
      </c>
      <c r="B867" s="8" t="s">
        <v>48</v>
      </c>
      <c r="C867" s="9" t="s">
        <v>14443</v>
      </c>
      <c r="D867" s="9" t="s">
        <v>12779</v>
      </c>
      <c r="E867" s="10" t="s">
        <v>14444</v>
      </c>
      <c r="F867" s="10" t="s">
        <v>14445</v>
      </c>
      <c r="G867" s="8" t="s">
        <v>14446</v>
      </c>
      <c r="H867" s="8" t="s">
        <v>14447</v>
      </c>
      <c r="I867" s="11">
        <v>41120</v>
      </c>
      <c r="J867" s="11">
        <v>43617</v>
      </c>
      <c r="K867" s="11">
        <v>45808</v>
      </c>
    </row>
    <row r="868" spans="1:11" x14ac:dyDescent="0.4">
      <c r="A868" s="8" t="s">
        <v>11818</v>
      </c>
      <c r="B868" s="8" t="s">
        <v>48</v>
      </c>
      <c r="C868" s="9" t="s">
        <v>14448</v>
      </c>
      <c r="D868" s="9" t="s">
        <v>12779</v>
      </c>
      <c r="E868" s="10" t="s">
        <v>14449</v>
      </c>
      <c r="F868" s="10" t="s">
        <v>14445</v>
      </c>
      <c r="G868" s="8" t="s">
        <v>14446</v>
      </c>
      <c r="H868" s="8" t="s">
        <v>14450</v>
      </c>
      <c r="I868" s="11">
        <v>41120</v>
      </c>
      <c r="J868" s="11">
        <v>43617</v>
      </c>
      <c r="K868" s="11">
        <v>45808</v>
      </c>
    </row>
    <row r="869" spans="1:11" x14ac:dyDescent="0.4">
      <c r="A869" s="8" t="s">
        <v>11818</v>
      </c>
      <c r="B869" s="8" t="s">
        <v>3441</v>
      </c>
      <c r="C869" s="9" t="s">
        <v>14451</v>
      </c>
      <c r="D869" s="9" t="s">
        <v>11418</v>
      </c>
      <c r="E869" s="10"/>
      <c r="F869" s="10"/>
      <c r="G869" s="8"/>
      <c r="H869" s="8" t="s">
        <v>14452</v>
      </c>
      <c r="I869" s="11">
        <v>41118</v>
      </c>
      <c r="J869" s="11">
        <v>43405</v>
      </c>
      <c r="K869" s="11">
        <v>45596</v>
      </c>
    </row>
    <row r="870" spans="1:11" x14ac:dyDescent="0.4">
      <c r="A870" s="8" t="s">
        <v>11818</v>
      </c>
      <c r="B870" s="8" t="s">
        <v>633</v>
      </c>
      <c r="C870" s="9" t="s">
        <v>14453</v>
      </c>
      <c r="D870" s="9" t="s">
        <v>14454</v>
      </c>
      <c r="E870" s="10"/>
      <c r="F870" s="10" t="s">
        <v>14455</v>
      </c>
      <c r="G870" s="8" t="s">
        <v>14456</v>
      </c>
      <c r="H870" s="8" t="s">
        <v>14457</v>
      </c>
      <c r="I870" s="11">
        <v>41135</v>
      </c>
      <c r="J870" s="11">
        <v>43739</v>
      </c>
      <c r="K870" s="11">
        <v>46295</v>
      </c>
    </row>
    <row r="871" spans="1:11" x14ac:dyDescent="0.4">
      <c r="A871" s="8" t="s">
        <v>11818</v>
      </c>
      <c r="B871" s="8" t="s">
        <v>698</v>
      </c>
      <c r="C871" s="9" t="s">
        <v>14458</v>
      </c>
      <c r="D871" s="9" t="s">
        <v>14459</v>
      </c>
      <c r="E871" s="10" t="s">
        <v>14460</v>
      </c>
      <c r="F871" s="10" t="s">
        <v>14461</v>
      </c>
      <c r="G871" s="8" t="s">
        <v>14462</v>
      </c>
      <c r="H871" s="8" t="s">
        <v>14463</v>
      </c>
      <c r="I871" s="11">
        <v>41150</v>
      </c>
      <c r="J871" s="11">
        <v>43617</v>
      </c>
      <c r="K871" s="11">
        <v>45808</v>
      </c>
    </row>
    <row r="872" spans="1:11" x14ac:dyDescent="0.4">
      <c r="A872" s="8" t="s">
        <v>11818</v>
      </c>
      <c r="B872" s="8" t="s">
        <v>2044</v>
      </c>
      <c r="C872" s="9" t="s">
        <v>11431</v>
      </c>
      <c r="D872" s="9" t="s">
        <v>11432</v>
      </c>
      <c r="E872" s="10"/>
      <c r="F872" s="10" t="s">
        <v>11433</v>
      </c>
      <c r="G872" s="8" t="s">
        <v>11434</v>
      </c>
      <c r="H872" s="8" t="s">
        <v>14464</v>
      </c>
      <c r="I872" s="11">
        <v>41153</v>
      </c>
      <c r="J872" s="11">
        <v>43556</v>
      </c>
      <c r="K872" s="11">
        <v>45747</v>
      </c>
    </row>
    <row r="873" spans="1:11" x14ac:dyDescent="0.4">
      <c r="A873" s="8" t="s">
        <v>11818</v>
      </c>
      <c r="B873" s="8" t="s">
        <v>3441</v>
      </c>
      <c r="C873" s="9" t="s">
        <v>14465</v>
      </c>
      <c r="D873" s="9" t="s">
        <v>14466</v>
      </c>
      <c r="E873" s="10"/>
      <c r="F873" s="10" t="s">
        <v>7045</v>
      </c>
      <c r="G873" s="8" t="s">
        <v>14467</v>
      </c>
      <c r="H873" s="8" t="s">
        <v>14468</v>
      </c>
      <c r="I873" s="11">
        <v>41158</v>
      </c>
      <c r="J873" s="11">
        <v>43374</v>
      </c>
      <c r="K873" s="11">
        <v>45565</v>
      </c>
    </row>
    <row r="874" spans="1:11" x14ac:dyDescent="0.4">
      <c r="A874" s="8" t="s">
        <v>11818</v>
      </c>
      <c r="B874" s="8" t="s">
        <v>1926</v>
      </c>
      <c r="C874" s="9" t="s">
        <v>14469</v>
      </c>
      <c r="D874" s="9" t="s">
        <v>13581</v>
      </c>
      <c r="E874" s="10" t="s">
        <v>14470</v>
      </c>
      <c r="F874" s="10" t="s">
        <v>11570</v>
      </c>
      <c r="G874" s="8" t="s">
        <v>11571</v>
      </c>
      <c r="H874" s="8" t="s">
        <v>14471</v>
      </c>
      <c r="I874" s="11">
        <v>41165</v>
      </c>
      <c r="J874" s="11">
        <v>43435</v>
      </c>
      <c r="K874" s="11">
        <v>45626</v>
      </c>
    </row>
    <row r="875" spans="1:11" x14ac:dyDescent="0.4">
      <c r="A875" s="8" t="s">
        <v>11818</v>
      </c>
      <c r="B875" s="8" t="s">
        <v>48</v>
      </c>
      <c r="C875" s="9" t="s">
        <v>14472</v>
      </c>
      <c r="D875" s="9" t="s">
        <v>14473</v>
      </c>
      <c r="E875" s="10" t="s">
        <v>14474</v>
      </c>
      <c r="F875" s="10"/>
      <c r="G875" s="8"/>
      <c r="H875" s="8" t="s">
        <v>14475</v>
      </c>
      <c r="I875" s="11">
        <v>41183</v>
      </c>
      <c r="J875" s="11">
        <v>43374</v>
      </c>
      <c r="K875" s="11">
        <v>45626</v>
      </c>
    </row>
    <row r="876" spans="1:11" x14ac:dyDescent="0.4">
      <c r="A876" s="8" t="s">
        <v>11818</v>
      </c>
      <c r="B876" s="8" t="s">
        <v>3441</v>
      </c>
      <c r="C876" s="9" t="s">
        <v>14476</v>
      </c>
      <c r="D876" s="9" t="s">
        <v>14477</v>
      </c>
      <c r="E876" s="10"/>
      <c r="F876" s="10" t="s">
        <v>4200</v>
      </c>
      <c r="G876" s="8" t="s">
        <v>12954</v>
      </c>
      <c r="H876" s="8" t="s">
        <v>14478</v>
      </c>
      <c r="I876" s="11">
        <v>41171</v>
      </c>
      <c r="J876" s="11">
        <v>43405</v>
      </c>
      <c r="K876" s="11">
        <v>45596</v>
      </c>
    </row>
    <row r="877" spans="1:11" x14ac:dyDescent="0.4">
      <c r="A877" s="8" t="s">
        <v>11818</v>
      </c>
      <c r="B877" s="8" t="s">
        <v>1926</v>
      </c>
      <c r="C877" s="9" t="s">
        <v>14476</v>
      </c>
      <c r="D877" s="9" t="s">
        <v>14477</v>
      </c>
      <c r="E877" s="10"/>
      <c r="F877" s="10" t="s">
        <v>5428</v>
      </c>
      <c r="G877" s="8" t="s">
        <v>14479</v>
      </c>
      <c r="H877" s="8" t="s">
        <v>14480</v>
      </c>
      <c r="I877" s="11">
        <v>41171</v>
      </c>
      <c r="J877" s="11">
        <v>43405</v>
      </c>
      <c r="K877" s="11">
        <v>45596</v>
      </c>
    </row>
    <row r="878" spans="1:11" x14ac:dyDescent="0.4">
      <c r="A878" s="8" t="s">
        <v>11818</v>
      </c>
      <c r="B878" s="8" t="s">
        <v>48</v>
      </c>
      <c r="C878" s="9" t="s">
        <v>14481</v>
      </c>
      <c r="D878" s="9" t="s">
        <v>14482</v>
      </c>
      <c r="E878" s="10"/>
      <c r="F878" s="10"/>
      <c r="G878" s="8"/>
      <c r="H878" s="8" t="s">
        <v>14483</v>
      </c>
      <c r="I878" s="11">
        <v>41178</v>
      </c>
      <c r="J878" s="11">
        <v>43617</v>
      </c>
      <c r="K878" s="11">
        <v>45808</v>
      </c>
    </row>
    <row r="879" spans="1:11" x14ac:dyDescent="0.4">
      <c r="A879" s="8" t="s">
        <v>11818</v>
      </c>
      <c r="B879" s="8" t="s">
        <v>633</v>
      </c>
      <c r="C879" s="9" t="s">
        <v>14484</v>
      </c>
      <c r="D879" s="9" t="s">
        <v>14485</v>
      </c>
      <c r="E879" s="10"/>
      <c r="F879" s="10" t="s">
        <v>13479</v>
      </c>
      <c r="G879" s="8" t="s">
        <v>14405</v>
      </c>
      <c r="H879" s="8" t="s">
        <v>14486</v>
      </c>
      <c r="I879" s="11">
        <v>41183</v>
      </c>
      <c r="J879" s="11">
        <v>43586</v>
      </c>
      <c r="K879" s="11">
        <v>45777</v>
      </c>
    </row>
    <row r="880" spans="1:11" x14ac:dyDescent="0.4">
      <c r="A880" s="8" t="s">
        <v>11818</v>
      </c>
      <c r="B880" s="8" t="s">
        <v>633</v>
      </c>
      <c r="C880" s="9" t="s">
        <v>14487</v>
      </c>
      <c r="D880" s="9" t="s">
        <v>14488</v>
      </c>
      <c r="E880" s="10"/>
      <c r="F880" s="10" t="s">
        <v>14489</v>
      </c>
      <c r="G880" s="8" t="s">
        <v>14490</v>
      </c>
      <c r="H880" s="8" t="s">
        <v>14491</v>
      </c>
      <c r="I880" s="11">
        <v>41187</v>
      </c>
      <c r="J880" s="11">
        <v>43586</v>
      </c>
      <c r="K880" s="11">
        <v>45777</v>
      </c>
    </row>
    <row r="881" spans="1:11" x14ac:dyDescent="0.4">
      <c r="A881" s="8" t="s">
        <v>11818</v>
      </c>
      <c r="B881" s="8" t="s">
        <v>6444</v>
      </c>
      <c r="C881" s="9" t="s">
        <v>14492</v>
      </c>
      <c r="D881" s="9" t="s">
        <v>14493</v>
      </c>
      <c r="E881" s="10"/>
      <c r="F881" s="10"/>
      <c r="G881" s="8"/>
      <c r="H881" s="8" t="s">
        <v>14494</v>
      </c>
      <c r="I881" s="11">
        <v>41187</v>
      </c>
      <c r="J881" s="11">
        <v>43435</v>
      </c>
      <c r="K881" s="11">
        <v>45626</v>
      </c>
    </row>
    <row r="882" spans="1:11" x14ac:dyDescent="0.4">
      <c r="A882" s="8" t="s">
        <v>11818</v>
      </c>
      <c r="B882" s="8" t="s">
        <v>48</v>
      </c>
      <c r="C882" s="9" t="s">
        <v>14495</v>
      </c>
      <c r="D882" s="9" t="s">
        <v>14496</v>
      </c>
      <c r="E882" s="10" t="s">
        <v>14497</v>
      </c>
      <c r="F882" s="10"/>
      <c r="G882" s="8"/>
      <c r="H882" s="8" t="s">
        <v>14498</v>
      </c>
      <c r="I882" s="11">
        <v>41192</v>
      </c>
      <c r="J882" s="11">
        <v>43617</v>
      </c>
      <c r="K882" s="11">
        <v>45808</v>
      </c>
    </row>
    <row r="883" spans="1:11" x14ac:dyDescent="0.4">
      <c r="A883" s="8" t="s">
        <v>11818</v>
      </c>
      <c r="B883" s="8" t="s">
        <v>1926</v>
      </c>
      <c r="C883" s="9" t="s">
        <v>14499</v>
      </c>
      <c r="D883" s="9" t="s">
        <v>13581</v>
      </c>
      <c r="E883" s="10" t="s">
        <v>13591</v>
      </c>
      <c r="F883" s="10" t="s">
        <v>14500</v>
      </c>
      <c r="G883" s="8" t="s">
        <v>14501</v>
      </c>
      <c r="H883" s="8" t="s">
        <v>14502</v>
      </c>
      <c r="I883" s="11">
        <v>41219</v>
      </c>
      <c r="J883" s="11">
        <v>43435</v>
      </c>
      <c r="K883" s="11">
        <v>45626</v>
      </c>
    </row>
    <row r="884" spans="1:11" x14ac:dyDescent="0.4">
      <c r="A884" s="8" t="s">
        <v>11818</v>
      </c>
      <c r="B884" s="8" t="s">
        <v>48</v>
      </c>
      <c r="C884" s="9" t="s">
        <v>14503</v>
      </c>
      <c r="D884" s="9" t="s">
        <v>14504</v>
      </c>
      <c r="E884" s="10" t="s">
        <v>14505</v>
      </c>
      <c r="F884" s="10"/>
      <c r="G884" s="8"/>
      <c r="H884" s="8" t="s">
        <v>14506</v>
      </c>
      <c r="I884" s="11">
        <v>41227</v>
      </c>
      <c r="J884" s="11">
        <v>43435</v>
      </c>
      <c r="K884" s="11">
        <v>45626</v>
      </c>
    </row>
    <row r="885" spans="1:11" x14ac:dyDescent="0.4">
      <c r="A885" s="8" t="s">
        <v>11818</v>
      </c>
      <c r="B885" s="8" t="s">
        <v>48</v>
      </c>
      <c r="C885" s="9" t="s">
        <v>14507</v>
      </c>
      <c r="D885" s="9" t="s">
        <v>12261</v>
      </c>
      <c r="E885" s="10" t="s">
        <v>14508</v>
      </c>
      <c r="F885" s="10"/>
      <c r="G885" s="8"/>
      <c r="H885" s="8" t="s">
        <v>14509</v>
      </c>
      <c r="I885" s="11">
        <v>41226</v>
      </c>
      <c r="J885" s="11">
        <v>43556</v>
      </c>
      <c r="K885" s="11">
        <v>45747</v>
      </c>
    </row>
    <row r="886" spans="1:11" x14ac:dyDescent="0.4">
      <c r="A886" s="8" t="s">
        <v>11818</v>
      </c>
      <c r="B886" s="8" t="s">
        <v>3441</v>
      </c>
      <c r="C886" s="9" t="s">
        <v>14510</v>
      </c>
      <c r="D886" s="9" t="s">
        <v>14511</v>
      </c>
      <c r="E886" s="10"/>
      <c r="F886" s="10"/>
      <c r="G886" s="8"/>
      <c r="H886" s="8" t="s">
        <v>14512</v>
      </c>
      <c r="I886" s="11">
        <v>41227</v>
      </c>
      <c r="J886" s="11">
        <v>43739</v>
      </c>
      <c r="K886" s="11">
        <v>45930</v>
      </c>
    </row>
    <row r="887" spans="1:11" x14ac:dyDescent="0.4">
      <c r="A887" s="8" t="s">
        <v>11818</v>
      </c>
      <c r="B887" s="8" t="s">
        <v>48</v>
      </c>
      <c r="C887" s="9" t="s">
        <v>14513</v>
      </c>
      <c r="D887" s="9" t="s">
        <v>12357</v>
      </c>
      <c r="E887" s="10" t="s">
        <v>13994</v>
      </c>
      <c r="F887" s="10" t="s">
        <v>14514</v>
      </c>
      <c r="G887" s="8" t="s">
        <v>14515</v>
      </c>
      <c r="H887" s="8" t="s">
        <v>14516</v>
      </c>
      <c r="I887" s="11">
        <v>41232</v>
      </c>
      <c r="J887" s="11">
        <v>43435</v>
      </c>
      <c r="K887" s="11">
        <v>45626</v>
      </c>
    </row>
    <row r="888" spans="1:11" x14ac:dyDescent="0.4">
      <c r="A888" s="8" t="s">
        <v>11818</v>
      </c>
      <c r="B888" s="8" t="s">
        <v>48</v>
      </c>
      <c r="C888" s="9" t="s">
        <v>14517</v>
      </c>
      <c r="D888" s="9" t="s">
        <v>14518</v>
      </c>
      <c r="E888" s="10" t="s">
        <v>14519</v>
      </c>
      <c r="F888" s="10"/>
      <c r="G888" s="8"/>
      <c r="H888" s="8" t="s">
        <v>14520</v>
      </c>
      <c r="I888" s="11">
        <v>41233</v>
      </c>
      <c r="J888" s="11">
        <v>43435</v>
      </c>
      <c r="K888" s="11">
        <v>45626</v>
      </c>
    </row>
    <row r="889" spans="1:11" x14ac:dyDescent="0.4">
      <c r="A889" s="8" t="s">
        <v>11818</v>
      </c>
      <c r="B889" s="8" t="s">
        <v>6444</v>
      </c>
      <c r="C889" s="9" t="s">
        <v>14521</v>
      </c>
      <c r="D889" s="9" t="s">
        <v>14522</v>
      </c>
      <c r="E889" s="10"/>
      <c r="F889" s="10"/>
      <c r="G889" s="8"/>
      <c r="H889" s="8" t="s">
        <v>14523</v>
      </c>
      <c r="I889" s="11">
        <v>41240</v>
      </c>
      <c r="J889" s="11">
        <v>43374</v>
      </c>
      <c r="K889" s="11">
        <v>45565</v>
      </c>
    </row>
    <row r="890" spans="1:11" x14ac:dyDescent="0.4">
      <c r="A890" s="8" t="s">
        <v>11818</v>
      </c>
      <c r="B890" s="8" t="s">
        <v>1926</v>
      </c>
      <c r="C890" s="9" t="s">
        <v>14524</v>
      </c>
      <c r="D890" s="9" t="s">
        <v>14525</v>
      </c>
      <c r="E890" s="10" t="s">
        <v>14526</v>
      </c>
      <c r="F890" s="10"/>
      <c r="G890" s="8"/>
      <c r="H890" s="8" t="s">
        <v>14527</v>
      </c>
      <c r="I890" s="11">
        <v>41236</v>
      </c>
      <c r="J890" s="11">
        <v>43556</v>
      </c>
      <c r="K890" s="11">
        <v>45747</v>
      </c>
    </row>
    <row r="891" spans="1:11" x14ac:dyDescent="0.4">
      <c r="A891" s="8" t="s">
        <v>11818</v>
      </c>
      <c r="B891" s="8" t="s">
        <v>48</v>
      </c>
      <c r="C891" s="9" t="s">
        <v>14528</v>
      </c>
      <c r="D891" s="9" t="s">
        <v>14529</v>
      </c>
      <c r="E891" s="10"/>
      <c r="F891" s="10" t="s">
        <v>10593</v>
      </c>
      <c r="G891" s="8" t="s">
        <v>14530</v>
      </c>
      <c r="H891" s="8" t="s">
        <v>14531</v>
      </c>
      <c r="I891" s="11">
        <v>41246</v>
      </c>
      <c r="J891" s="11">
        <v>43556</v>
      </c>
      <c r="K891" s="11">
        <v>45747</v>
      </c>
    </row>
    <row r="892" spans="1:11" x14ac:dyDescent="0.4">
      <c r="A892" s="8" t="s">
        <v>11818</v>
      </c>
      <c r="B892" s="8" t="s">
        <v>2044</v>
      </c>
      <c r="C892" s="9" t="s">
        <v>14532</v>
      </c>
      <c r="D892" s="9" t="s">
        <v>14533</v>
      </c>
      <c r="E892" s="10"/>
      <c r="F892" s="10" t="s">
        <v>14534</v>
      </c>
      <c r="G892" s="8" t="s">
        <v>14535</v>
      </c>
      <c r="H892" s="8" t="s">
        <v>14536</v>
      </c>
      <c r="I892" s="11">
        <v>41261</v>
      </c>
      <c r="J892" s="11">
        <v>43586</v>
      </c>
      <c r="K892" s="11">
        <v>45777</v>
      </c>
    </row>
    <row r="893" spans="1:11" x14ac:dyDescent="0.4">
      <c r="A893" s="8" t="s">
        <v>11818</v>
      </c>
      <c r="B893" s="8" t="s">
        <v>633</v>
      </c>
      <c r="C893" s="9" t="s">
        <v>14537</v>
      </c>
      <c r="D893" s="9" t="s">
        <v>14538</v>
      </c>
      <c r="E893" s="10"/>
      <c r="F893" s="10"/>
      <c r="G893" s="8"/>
      <c r="H893" s="8" t="s">
        <v>14539</v>
      </c>
      <c r="I893" s="11">
        <v>41301</v>
      </c>
      <c r="J893" s="11">
        <v>43739</v>
      </c>
      <c r="K893" s="11">
        <v>45930</v>
      </c>
    </row>
    <row r="894" spans="1:11" x14ac:dyDescent="0.4">
      <c r="A894" s="8" t="s">
        <v>11818</v>
      </c>
      <c r="B894" s="8" t="s">
        <v>698</v>
      </c>
      <c r="C894" s="9" t="s">
        <v>14540</v>
      </c>
      <c r="D894" s="9" t="s">
        <v>14541</v>
      </c>
      <c r="E894" s="10" t="s">
        <v>14542</v>
      </c>
      <c r="F894" s="10" t="s">
        <v>6965</v>
      </c>
      <c r="G894" s="8" t="s">
        <v>14257</v>
      </c>
      <c r="H894" s="8" t="s">
        <v>14543</v>
      </c>
      <c r="I894" s="11">
        <v>41295</v>
      </c>
      <c r="J894" s="11">
        <v>43617</v>
      </c>
      <c r="K894" s="11">
        <v>45808</v>
      </c>
    </row>
    <row r="895" spans="1:11" x14ac:dyDescent="0.4">
      <c r="A895" s="8" t="s">
        <v>11818</v>
      </c>
      <c r="B895" s="8" t="s">
        <v>1926</v>
      </c>
      <c r="C895" s="9" t="s">
        <v>14544</v>
      </c>
      <c r="D895" s="9" t="s">
        <v>14545</v>
      </c>
      <c r="E895" s="10" t="s">
        <v>14546</v>
      </c>
      <c r="F895" s="10" t="s">
        <v>14547</v>
      </c>
      <c r="G895" s="8" t="s">
        <v>14548</v>
      </c>
      <c r="H895" s="8" t="s">
        <v>14549</v>
      </c>
      <c r="I895" s="11">
        <v>41310</v>
      </c>
      <c r="J895" s="11">
        <v>43586</v>
      </c>
      <c r="K895" s="11">
        <v>45777</v>
      </c>
    </row>
    <row r="896" spans="1:11" x14ac:dyDescent="0.4">
      <c r="A896" s="8" t="s">
        <v>11818</v>
      </c>
      <c r="B896" s="8" t="s">
        <v>633</v>
      </c>
      <c r="C896" s="9" t="s">
        <v>14550</v>
      </c>
      <c r="D896" s="9" t="s">
        <v>14551</v>
      </c>
      <c r="E896" s="10"/>
      <c r="F896" s="10" t="s">
        <v>14552</v>
      </c>
      <c r="G896" s="8" t="s">
        <v>14553</v>
      </c>
      <c r="H896" s="8" t="s">
        <v>14554</v>
      </c>
      <c r="I896" s="11">
        <v>41331</v>
      </c>
      <c r="J896" s="11">
        <v>43770</v>
      </c>
      <c r="K896" s="11">
        <v>45961</v>
      </c>
    </row>
    <row r="897" spans="1:11" x14ac:dyDescent="0.4">
      <c r="A897" s="8" t="s">
        <v>11818</v>
      </c>
      <c r="B897" s="8" t="s">
        <v>3441</v>
      </c>
      <c r="C897" s="9" t="s">
        <v>14555</v>
      </c>
      <c r="D897" s="9" t="s">
        <v>14556</v>
      </c>
      <c r="E897" s="10" t="s">
        <v>14557</v>
      </c>
      <c r="F897" s="10"/>
      <c r="G897" s="8"/>
      <c r="H897" s="8" t="s">
        <v>14558</v>
      </c>
      <c r="I897" s="11">
        <v>41333</v>
      </c>
      <c r="J897" s="11">
        <v>43739</v>
      </c>
      <c r="K897" s="11">
        <v>45930</v>
      </c>
    </row>
    <row r="898" spans="1:11" x14ac:dyDescent="0.4">
      <c r="A898" s="8" t="s">
        <v>11818</v>
      </c>
      <c r="B898" s="8" t="s">
        <v>633</v>
      </c>
      <c r="C898" s="9" t="s">
        <v>14559</v>
      </c>
      <c r="D898" s="9" t="s">
        <v>14560</v>
      </c>
      <c r="E898" s="10"/>
      <c r="F898" s="10" t="s">
        <v>4583</v>
      </c>
      <c r="G898" s="8" t="s">
        <v>14561</v>
      </c>
      <c r="H898" s="8" t="s">
        <v>14562</v>
      </c>
      <c r="I898" s="11">
        <v>41366</v>
      </c>
      <c r="J898" s="11">
        <v>43647</v>
      </c>
      <c r="K898" s="11">
        <v>45838</v>
      </c>
    </row>
    <row r="899" spans="1:11" x14ac:dyDescent="0.4">
      <c r="A899" s="8" t="s">
        <v>11818</v>
      </c>
      <c r="B899" s="8" t="s">
        <v>48</v>
      </c>
      <c r="C899" s="9" t="s">
        <v>14563</v>
      </c>
      <c r="D899" s="9" t="s">
        <v>14459</v>
      </c>
      <c r="E899" s="10" t="s">
        <v>14564</v>
      </c>
      <c r="F899" s="10" t="s">
        <v>2247</v>
      </c>
      <c r="G899" s="8" t="s">
        <v>12792</v>
      </c>
      <c r="H899" s="8" t="s">
        <v>14565</v>
      </c>
      <c r="I899" s="11">
        <v>41347</v>
      </c>
      <c r="J899" s="11">
        <v>43617</v>
      </c>
      <c r="K899" s="11">
        <v>45808</v>
      </c>
    </row>
    <row r="900" spans="1:11" x14ac:dyDescent="0.4">
      <c r="A900" s="8" t="s">
        <v>11818</v>
      </c>
      <c r="B900" s="8" t="s">
        <v>633</v>
      </c>
      <c r="C900" s="9" t="s">
        <v>14566</v>
      </c>
      <c r="D900" s="9" t="s">
        <v>14459</v>
      </c>
      <c r="E900" s="10" t="s">
        <v>14567</v>
      </c>
      <c r="F900" s="10" t="s">
        <v>13889</v>
      </c>
      <c r="G900" s="8" t="s">
        <v>13890</v>
      </c>
      <c r="H900" s="8" t="s">
        <v>14568</v>
      </c>
      <c r="I900" s="11">
        <v>41353</v>
      </c>
      <c r="J900" s="11">
        <v>43617</v>
      </c>
      <c r="K900" s="11">
        <v>45808</v>
      </c>
    </row>
    <row r="901" spans="1:11" x14ac:dyDescent="0.4">
      <c r="A901" s="8" t="s">
        <v>11818</v>
      </c>
      <c r="B901" s="8" t="s">
        <v>48</v>
      </c>
      <c r="C901" s="9" t="s">
        <v>3960</v>
      </c>
      <c r="D901" s="9" t="s">
        <v>14569</v>
      </c>
      <c r="E901" s="10"/>
      <c r="F901" s="10"/>
      <c r="G901" s="8"/>
      <c r="H901" s="8" t="s">
        <v>14570</v>
      </c>
      <c r="I901" s="11">
        <v>41356</v>
      </c>
      <c r="J901" s="11">
        <v>43556</v>
      </c>
      <c r="K901" s="11">
        <v>45747</v>
      </c>
    </row>
    <row r="902" spans="1:11" x14ac:dyDescent="0.4">
      <c r="A902" s="8" t="s">
        <v>11818</v>
      </c>
      <c r="B902" s="8" t="s">
        <v>633</v>
      </c>
      <c r="C902" s="9" t="s">
        <v>14571</v>
      </c>
      <c r="D902" s="9" t="s">
        <v>14572</v>
      </c>
      <c r="E902" s="10"/>
      <c r="F902" s="10" t="s">
        <v>13479</v>
      </c>
      <c r="G902" s="8" t="s">
        <v>14405</v>
      </c>
      <c r="H902" s="8" t="s">
        <v>14573</v>
      </c>
      <c r="I902" s="11">
        <v>41365</v>
      </c>
      <c r="J902" s="11">
        <v>43647</v>
      </c>
      <c r="K902" s="11">
        <v>45838</v>
      </c>
    </row>
    <row r="903" spans="1:11" x14ac:dyDescent="0.4">
      <c r="A903" s="8" t="s">
        <v>11818</v>
      </c>
      <c r="B903" s="8" t="s">
        <v>698</v>
      </c>
      <c r="C903" s="9" t="s">
        <v>14574</v>
      </c>
      <c r="D903" s="9" t="s">
        <v>14575</v>
      </c>
      <c r="E903" s="10"/>
      <c r="F903" s="10" t="s">
        <v>3566</v>
      </c>
      <c r="G903" s="8" t="s">
        <v>14576</v>
      </c>
      <c r="H903" s="8" t="s">
        <v>14577</v>
      </c>
      <c r="I903" s="11">
        <v>41360</v>
      </c>
      <c r="J903" s="11">
        <v>43647</v>
      </c>
      <c r="K903" s="11">
        <v>45838</v>
      </c>
    </row>
    <row r="904" spans="1:11" x14ac:dyDescent="0.4">
      <c r="A904" s="8" t="s">
        <v>11818</v>
      </c>
      <c r="B904" s="8" t="s">
        <v>9278</v>
      </c>
      <c r="C904" s="9" t="s">
        <v>14578</v>
      </c>
      <c r="D904" s="9" t="s">
        <v>14579</v>
      </c>
      <c r="E904" s="10"/>
      <c r="F904" s="10"/>
      <c r="G904" s="8"/>
      <c r="H904" s="8" t="s">
        <v>14580</v>
      </c>
      <c r="I904" s="11">
        <v>41362</v>
      </c>
      <c r="J904" s="11">
        <v>43586</v>
      </c>
      <c r="K904" s="11">
        <v>45777</v>
      </c>
    </row>
    <row r="905" spans="1:11" x14ac:dyDescent="0.4">
      <c r="A905" s="8" t="s">
        <v>11818</v>
      </c>
      <c r="B905" s="8" t="s">
        <v>633</v>
      </c>
      <c r="C905" s="9" t="s">
        <v>14581</v>
      </c>
      <c r="D905" s="9" t="s">
        <v>14582</v>
      </c>
      <c r="E905" s="10"/>
      <c r="F905" s="10" t="s">
        <v>2913</v>
      </c>
      <c r="G905" s="8" t="s">
        <v>14583</v>
      </c>
      <c r="H905" s="8" t="s">
        <v>14584</v>
      </c>
      <c r="I905" s="11">
        <v>41362</v>
      </c>
      <c r="J905" s="11">
        <v>43556</v>
      </c>
      <c r="K905" s="11">
        <v>45747</v>
      </c>
    </row>
    <row r="906" spans="1:11" x14ac:dyDescent="0.4">
      <c r="A906" s="8" t="s">
        <v>11818</v>
      </c>
      <c r="B906" s="8" t="s">
        <v>6444</v>
      </c>
      <c r="C906" s="9" t="s">
        <v>14585</v>
      </c>
      <c r="D906" s="9" t="s">
        <v>14586</v>
      </c>
      <c r="E906" s="10"/>
      <c r="F906" s="10" t="s">
        <v>14587</v>
      </c>
      <c r="G906" s="8" t="s">
        <v>14588</v>
      </c>
      <c r="H906" s="8" t="s">
        <v>14589</v>
      </c>
      <c r="I906" s="11">
        <v>41363</v>
      </c>
      <c r="J906" s="11">
        <v>43647</v>
      </c>
      <c r="K906" s="11">
        <v>45838</v>
      </c>
    </row>
    <row r="907" spans="1:11" x14ac:dyDescent="0.4">
      <c r="A907" s="8" t="s">
        <v>11818</v>
      </c>
      <c r="B907" s="8" t="s">
        <v>633</v>
      </c>
      <c r="C907" s="9" t="s">
        <v>14590</v>
      </c>
      <c r="D907" s="9" t="s">
        <v>14591</v>
      </c>
      <c r="E907" s="10"/>
      <c r="F907" s="10" t="s">
        <v>13479</v>
      </c>
      <c r="G907" s="8" t="s">
        <v>14405</v>
      </c>
      <c r="H907" s="8" t="s">
        <v>14592</v>
      </c>
      <c r="I907" s="11">
        <v>41365</v>
      </c>
      <c r="J907" s="11">
        <v>43739</v>
      </c>
      <c r="K907" s="11">
        <v>45930</v>
      </c>
    </row>
    <row r="908" spans="1:11" x14ac:dyDescent="0.4">
      <c r="A908" s="8" t="s">
        <v>11818</v>
      </c>
      <c r="B908" s="8" t="s">
        <v>633</v>
      </c>
      <c r="C908" s="9" t="s">
        <v>14593</v>
      </c>
      <c r="D908" s="9" t="s">
        <v>14594</v>
      </c>
      <c r="E908" s="10"/>
      <c r="F908" s="10" t="s">
        <v>13479</v>
      </c>
      <c r="G908" s="8" t="s">
        <v>14405</v>
      </c>
      <c r="H908" s="8" t="s">
        <v>14595</v>
      </c>
      <c r="I908" s="11">
        <v>41365</v>
      </c>
      <c r="J908" s="11">
        <v>43556</v>
      </c>
      <c r="K908" s="11">
        <v>45747</v>
      </c>
    </row>
    <row r="909" spans="1:11" x14ac:dyDescent="0.4">
      <c r="A909" s="8" t="s">
        <v>11818</v>
      </c>
      <c r="B909" s="8" t="s">
        <v>6444</v>
      </c>
      <c r="C909" s="9" t="s">
        <v>14596</v>
      </c>
      <c r="D909" s="9" t="s">
        <v>14597</v>
      </c>
      <c r="E909" s="10"/>
      <c r="F909" s="10" t="s">
        <v>14598</v>
      </c>
      <c r="G909" s="8" t="s">
        <v>14599</v>
      </c>
      <c r="H909" s="8" t="s">
        <v>14600</v>
      </c>
      <c r="I909" s="11">
        <v>41365</v>
      </c>
      <c r="J909" s="11">
        <v>43800</v>
      </c>
      <c r="K909" s="11">
        <v>45991</v>
      </c>
    </row>
    <row r="910" spans="1:11" x14ac:dyDescent="0.4">
      <c r="A910" s="8" t="s">
        <v>11818</v>
      </c>
      <c r="B910" s="8" t="s">
        <v>48</v>
      </c>
      <c r="C910" s="9" t="s">
        <v>14601</v>
      </c>
      <c r="D910" s="9" t="s">
        <v>14135</v>
      </c>
      <c r="E910" s="10" t="s">
        <v>14602</v>
      </c>
      <c r="F910" s="10"/>
      <c r="G910" s="8"/>
      <c r="H910" s="8" t="s">
        <v>14603</v>
      </c>
      <c r="I910" s="11">
        <v>41366</v>
      </c>
      <c r="J910" s="11">
        <v>43617</v>
      </c>
      <c r="K910" s="11">
        <v>45808</v>
      </c>
    </row>
    <row r="911" spans="1:11" x14ac:dyDescent="0.4">
      <c r="A911" s="8" t="s">
        <v>11818</v>
      </c>
      <c r="B911" s="8" t="s">
        <v>633</v>
      </c>
      <c r="C911" s="9" t="s">
        <v>1761</v>
      </c>
      <c r="D911" s="9" t="s">
        <v>14604</v>
      </c>
      <c r="E911" s="10"/>
      <c r="F911" s="10" t="s">
        <v>11952</v>
      </c>
      <c r="G911" s="8" t="s">
        <v>11953</v>
      </c>
      <c r="H911" s="8" t="s">
        <v>14605</v>
      </c>
      <c r="I911" s="11">
        <v>41382</v>
      </c>
      <c r="J911" s="11">
        <v>43647</v>
      </c>
      <c r="K911" s="11">
        <v>45473</v>
      </c>
    </row>
    <row r="912" spans="1:11" x14ac:dyDescent="0.4">
      <c r="A912" s="8" t="s">
        <v>11818</v>
      </c>
      <c r="B912" s="8" t="s">
        <v>3441</v>
      </c>
      <c r="C912" s="9" t="s">
        <v>14606</v>
      </c>
      <c r="D912" s="9" t="s">
        <v>14607</v>
      </c>
      <c r="E912" s="10"/>
      <c r="F912" s="10" t="s">
        <v>14608</v>
      </c>
      <c r="G912" s="8" t="s">
        <v>14609</v>
      </c>
      <c r="H912" s="8" t="s">
        <v>14610</v>
      </c>
      <c r="I912" s="11">
        <v>41390</v>
      </c>
      <c r="J912" s="11">
        <v>43586</v>
      </c>
      <c r="K912" s="11">
        <v>45777</v>
      </c>
    </row>
    <row r="913" spans="1:11" x14ac:dyDescent="0.4">
      <c r="A913" s="8" t="s">
        <v>11818</v>
      </c>
      <c r="B913" s="8" t="s">
        <v>48</v>
      </c>
      <c r="C913" s="9" t="s">
        <v>14611</v>
      </c>
      <c r="D913" s="9" t="s">
        <v>14612</v>
      </c>
      <c r="E913" s="10" t="s">
        <v>14613</v>
      </c>
      <c r="F913" s="10"/>
      <c r="G913" s="8"/>
      <c r="H913" s="8" t="s">
        <v>14614</v>
      </c>
      <c r="I913" s="11">
        <v>41397</v>
      </c>
      <c r="J913" s="11">
        <v>43617</v>
      </c>
      <c r="K913" s="11">
        <v>45808</v>
      </c>
    </row>
    <row r="914" spans="1:11" x14ac:dyDescent="0.4">
      <c r="A914" s="8" t="s">
        <v>11818</v>
      </c>
      <c r="B914" s="8" t="s">
        <v>9278</v>
      </c>
      <c r="C914" s="9" t="s">
        <v>14615</v>
      </c>
      <c r="D914" s="9" t="s">
        <v>13921</v>
      </c>
      <c r="E914" s="10" t="s">
        <v>14615</v>
      </c>
      <c r="F914" s="10" t="s">
        <v>14616</v>
      </c>
      <c r="G914" s="8" t="s">
        <v>14617</v>
      </c>
      <c r="H914" s="8" t="s">
        <v>14618</v>
      </c>
      <c r="I914" s="11">
        <v>41395</v>
      </c>
      <c r="J914" s="11">
        <v>43586</v>
      </c>
      <c r="K914" s="11">
        <v>45777</v>
      </c>
    </row>
    <row r="915" spans="1:11" x14ac:dyDescent="0.4">
      <c r="A915" s="8" t="s">
        <v>11818</v>
      </c>
      <c r="B915" s="8" t="s">
        <v>9278</v>
      </c>
      <c r="C915" s="9" t="s">
        <v>14619</v>
      </c>
      <c r="D915" s="9" t="s">
        <v>13921</v>
      </c>
      <c r="E915" s="10" t="s">
        <v>14619</v>
      </c>
      <c r="F915" s="10" t="s">
        <v>14616</v>
      </c>
      <c r="G915" s="8" t="s">
        <v>14617</v>
      </c>
      <c r="H915" s="8" t="s">
        <v>14620</v>
      </c>
      <c r="I915" s="11">
        <v>41395</v>
      </c>
      <c r="J915" s="11">
        <v>43586</v>
      </c>
      <c r="K915" s="11">
        <v>45777</v>
      </c>
    </row>
    <row r="916" spans="1:11" x14ac:dyDescent="0.4">
      <c r="A916" s="8" t="s">
        <v>11818</v>
      </c>
      <c r="B916" s="8" t="s">
        <v>633</v>
      </c>
      <c r="C916" s="9" t="s">
        <v>14621</v>
      </c>
      <c r="D916" s="9" t="s">
        <v>13921</v>
      </c>
      <c r="E916" s="10" t="s">
        <v>14621</v>
      </c>
      <c r="F916" s="10" t="s">
        <v>14616</v>
      </c>
      <c r="G916" s="8" t="s">
        <v>14617</v>
      </c>
      <c r="H916" s="8" t="s">
        <v>14622</v>
      </c>
      <c r="I916" s="11">
        <v>41395</v>
      </c>
      <c r="J916" s="11">
        <v>43586</v>
      </c>
      <c r="K916" s="11">
        <v>45777</v>
      </c>
    </row>
    <row r="917" spans="1:11" x14ac:dyDescent="0.4">
      <c r="A917" s="8" t="s">
        <v>11818</v>
      </c>
      <c r="B917" s="8" t="s">
        <v>6444</v>
      </c>
      <c r="C917" s="9" t="s">
        <v>14623</v>
      </c>
      <c r="D917" s="9" t="s">
        <v>14624</v>
      </c>
      <c r="E917" s="10"/>
      <c r="F917" s="10"/>
      <c r="G917" s="8"/>
      <c r="H917" s="8" t="s">
        <v>14625</v>
      </c>
      <c r="I917" s="11">
        <v>41395</v>
      </c>
      <c r="J917" s="11">
        <v>43739</v>
      </c>
      <c r="K917" s="11">
        <v>45930</v>
      </c>
    </row>
    <row r="918" spans="1:11" x14ac:dyDescent="0.4">
      <c r="A918" s="8" t="s">
        <v>11818</v>
      </c>
      <c r="B918" s="8" t="s">
        <v>3441</v>
      </c>
      <c r="C918" s="9" t="s">
        <v>11626</v>
      </c>
      <c r="D918" s="9" t="s">
        <v>11627</v>
      </c>
      <c r="E918" s="10"/>
      <c r="F918" s="10"/>
      <c r="G918" s="8"/>
      <c r="H918" s="8" t="s">
        <v>14626</v>
      </c>
      <c r="I918" s="11">
        <v>41401</v>
      </c>
      <c r="J918" s="11">
        <v>43770</v>
      </c>
      <c r="K918" s="11">
        <v>45961</v>
      </c>
    </row>
    <row r="919" spans="1:11" x14ac:dyDescent="0.4">
      <c r="A919" s="8" t="s">
        <v>11818</v>
      </c>
      <c r="B919" s="8" t="s">
        <v>633</v>
      </c>
      <c r="C919" s="9" t="s">
        <v>14627</v>
      </c>
      <c r="D919" s="9" t="s">
        <v>14628</v>
      </c>
      <c r="E919" s="10"/>
      <c r="F919" s="10" t="s">
        <v>14629</v>
      </c>
      <c r="G919" s="8" t="s">
        <v>14630</v>
      </c>
      <c r="H919" s="8" t="s">
        <v>14631</v>
      </c>
      <c r="I919" s="11">
        <v>41401</v>
      </c>
      <c r="J919" s="11">
        <v>43770</v>
      </c>
      <c r="K919" s="11">
        <v>45961</v>
      </c>
    </row>
    <row r="920" spans="1:11" x14ac:dyDescent="0.4">
      <c r="A920" s="8" t="s">
        <v>11818</v>
      </c>
      <c r="B920" s="8" t="s">
        <v>6444</v>
      </c>
      <c r="C920" s="9" t="s">
        <v>14632</v>
      </c>
      <c r="D920" s="9" t="s">
        <v>14633</v>
      </c>
      <c r="E920" s="10"/>
      <c r="F920" s="10"/>
      <c r="G920" s="8"/>
      <c r="H920" s="8" t="s">
        <v>14634</v>
      </c>
      <c r="I920" s="11">
        <v>41411</v>
      </c>
      <c r="J920" s="11">
        <v>43922</v>
      </c>
      <c r="K920" s="11">
        <v>46112</v>
      </c>
    </row>
    <row r="921" spans="1:11" x14ac:dyDescent="0.4">
      <c r="A921" s="8" t="s">
        <v>11818</v>
      </c>
      <c r="B921" s="8" t="s">
        <v>3441</v>
      </c>
      <c r="C921" s="9" t="s">
        <v>14635</v>
      </c>
      <c r="D921" s="9" t="s">
        <v>14636</v>
      </c>
      <c r="E921" s="10"/>
      <c r="F921" s="10" t="s">
        <v>6096</v>
      </c>
      <c r="G921" s="8" t="s">
        <v>14637</v>
      </c>
      <c r="H921" s="8" t="s">
        <v>14638</v>
      </c>
      <c r="I921" s="11">
        <v>41415</v>
      </c>
      <c r="J921" s="11">
        <v>43739</v>
      </c>
      <c r="K921" s="11">
        <v>45930</v>
      </c>
    </row>
    <row r="922" spans="1:11" x14ac:dyDescent="0.4">
      <c r="A922" s="8" t="s">
        <v>11818</v>
      </c>
      <c r="B922" s="8" t="s">
        <v>6444</v>
      </c>
      <c r="C922" s="9" t="s">
        <v>12327</v>
      </c>
      <c r="D922" s="9" t="s">
        <v>12315</v>
      </c>
      <c r="E922" s="10" t="s">
        <v>5985</v>
      </c>
      <c r="F922" s="10" t="s">
        <v>5644</v>
      </c>
      <c r="G922" s="8" t="s">
        <v>12328</v>
      </c>
      <c r="H922" s="8" t="s">
        <v>14639</v>
      </c>
      <c r="I922" s="11">
        <v>41415</v>
      </c>
      <c r="J922" s="11">
        <v>43647</v>
      </c>
      <c r="K922" s="11">
        <v>45838</v>
      </c>
    </row>
    <row r="923" spans="1:11" x14ac:dyDescent="0.4">
      <c r="A923" s="8" t="s">
        <v>11818</v>
      </c>
      <c r="B923" s="8" t="s">
        <v>9278</v>
      </c>
      <c r="C923" s="9" t="s">
        <v>14640</v>
      </c>
      <c r="D923" s="9" t="s">
        <v>14641</v>
      </c>
      <c r="E923" s="10"/>
      <c r="F923" s="10" t="s">
        <v>10854</v>
      </c>
      <c r="G923" s="8" t="s">
        <v>14642</v>
      </c>
      <c r="H923" s="8" t="s">
        <v>14643</v>
      </c>
      <c r="I923" s="11">
        <v>41417</v>
      </c>
      <c r="J923" s="11">
        <v>43922</v>
      </c>
      <c r="K923" s="11">
        <v>46112</v>
      </c>
    </row>
    <row r="924" spans="1:11" x14ac:dyDescent="0.4">
      <c r="A924" s="8" t="s">
        <v>11818</v>
      </c>
      <c r="B924" s="8" t="s">
        <v>633</v>
      </c>
      <c r="C924" s="9" t="s">
        <v>14644</v>
      </c>
      <c r="D924" s="9" t="s">
        <v>14645</v>
      </c>
      <c r="E924" s="10"/>
      <c r="F924" s="10" t="s">
        <v>3140</v>
      </c>
      <c r="G924" s="8" t="s">
        <v>14645</v>
      </c>
      <c r="H924" s="8" t="s">
        <v>14646</v>
      </c>
      <c r="I924" s="11">
        <v>41436</v>
      </c>
      <c r="J924" s="11">
        <v>43922</v>
      </c>
      <c r="K924" s="11">
        <v>46112</v>
      </c>
    </row>
    <row r="925" spans="1:11" x14ac:dyDescent="0.4">
      <c r="A925" s="8" t="s">
        <v>11818</v>
      </c>
      <c r="B925" s="8" t="s">
        <v>2044</v>
      </c>
      <c r="C925" s="9" t="s">
        <v>14647</v>
      </c>
      <c r="D925" s="9" t="s">
        <v>14628</v>
      </c>
      <c r="E925" s="10"/>
      <c r="F925" s="10" t="s">
        <v>14629</v>
      </c>
      <c r="G925" s="8" t="s">
        <v>14630</v>
      </c>
      <c r="H925" s="8" t="s">
        <v>14648</v>
      </c>
      <c r="I925" s="11">
        <v>41437</v>
      </c>
      <c r="J925" s="11">
        <v>43770</v>
      </c>
      <c r="K925" s="11">
        <v>45961</v>
      </c>
    </row>
    <row r="926" spans="1:11" x14ac:dyDescent="0.4">
      <c r="A926" s="8" t="s">
        <v>11818</v>
      </c>
      <c r="B926" s="8" t="s">
        <v>48</v>
      </c>
      <c r="C926" s="9" t="s">
        <v>14649</v>
      </c>
      <c r="D926" s="9" t="s">
        <v>14650</v>
      </c>
      <c r="E926" s="10"/>
      <c r="F926" s="10"/>
      <c r="G926" s="8"/>
      <c r="H926" s="8" t="s">
        <v>14651</v>
      </c>
      <c r="I926" s="11">
        <v>41445</v>
      </c>
      <c r="J926" s="11">
        <v>43739</v>
      </c>
      <c r="K926" s="11">
        <v>45930</v>
      </c>
    </row>
    <row r="927" spans="1:11" x14ac:dyDescent="0.4">
      <c r="A927" s="8" t="s">
        <v>11818</v>
      </c>
      <c r="B927" s="8" t="s">
        <v>48</v>
      </c>
      <c r="C927" s="9" t="s">
        <v>14652</v>
      </c>
      <c r="D927" s="9" t="s">
        <v>12599</v>
      </c>
      <c r="E927" s="10" t="s">
        <v>14653</v>
      </c>
      <c r="F927" s="10"/>
      <c r="G927" s="8"/>
      <c r="H927" s="8" t="s">
        <v>14654</v>
      </c>
      <c r="I927" s="11">
        <v>41446</v>
      </c>
      <c r="J927" s="11">
        <v>43800</v>
      </c>
      <c r="K927" s="11">
        <v>45991</v>
      </c>
    </row>
    <row r="928" spans="1:11" x14ac:dyDescent="0.4">
      <c r="A928" s="8" t="s">
        <v>11818</v>
      </c>
      <c r="B928" s="8" t="s">
        <v>6444</v>
      </c>
      <c r="C928" s="9" t="s">
        <v>14655</v>
      </c>
      <c r="D928" s="9" t="s">
        <v>14656</v>
      </c>
      <c r="E928" s="10"/>
      <c r="F928" s="10"/>
      <c r="G928" s="8"/>
      <c r="H928" s="8" t="s">
        <v>14657</v>
      </c>
      <c r="I928" s="11">
        <v>41456</v>
      </c>
      <c r="J928" s="11">
        <v>43739</v>
      </c>
      <c r="K928" s="11">
        <v>45930</v>
      </c>
    </row>
    <row r="929" spans="1:11" x14ac:dyDescent="0.4">
      <c r="A929" s="8" t="s">
        <v>11818</v>
      </c>
      <c r="B929" s="8" t="s">
        <v>2044</v>
      </c>
      <c r="C929" s="9" t="s">
        <v>11436</v>
      </c>
      <c r="D929" s="9" t="s">
        <v>11437</v>
      </c>
      <c r="E929" s="10"/>
      <c r="F929" s="10" t="s">
        <v>11433</v>
      </c>
      <c r="G929" s="8" t="s">
        <v>11434</v>
      </c>
      <c r="H929" s="8" t="s">
        <v>14658</v>
      </c>
      <c r="I929" s="11">
        <v>41456</v>
      </c>
      <c r="J929" s="11">
        <v>43739</v>
      </c>
      <c r="K929" s="11">
        <v>45930</v>
      </c>
    </row>
    <row r="930" spans="1:11" x14ac:dyDescent="0.4">
      <c r="A930" s="8" t="s">
        <v>11818</v>
      </c>
      <c r="B930" s="8" t="s">
        <v>633</v>
      </c>
      <c r="C930" s="9" t="s">
        <v>14659</v>
      </c>
      <c r="D930" s="9" t="s">
        <v>12441</v>
      </c>
      <c r="E930" s="10" t="s">
        <v>14660</v>
      </c>
      <c r="F930" s="10"/>
      <c r="G930" s="8"/>
      <c r="H930" s="8" t="s">
        <v>14661</v>
      </c>
      <c r="I930" s="11">
        <v>41457</v>
      </c>
      <c r="J930" s="11">
        <v>43739</v>
      </c>
      <c r="K930" s="11">
        <v>45930</v>
      </c>
    </row>
    <row r="931" spans="1:11" x14ac:dyDescent="0.4">
      <c r="A931" s="8" t="s">
        <v>11818</v>
      </c>
      <c r="B931" s="8" t="s">
        <v>633</v>
      </c>
      <c r="C931" s="9" t="s">
        <v>14662</v>
      </c>
      <c r="D931" s="9" t="s">
        <v>14663</v>
      </c>
      <c r="E931" s="10"/>
      <c r="F931" s="10" t="s">
        <v>13479</v>
      </c>
      <c r="G931" s="8" t="s">
        <v>14405</v>
      </c>
      <c r="H931" s="8" t="s">
        <v>14664</v>
      </c>
      <c r="I931" s="11">
        <v>41465</v>
      </c>
      <c r="J931" s="11">
        <v>43770</v>
      </c>
      <c r="K931" s="11">
        <v>45961</v>
      </c>
    </row>
    <row r="932" spans="1:11" x14ac:dyDescent="0.4">
      <c r="A932" s="8" t="s">
        <v>11818</v>
      </c>
      <c r="B932" s="8" t="s">
        <v>633</v>
      </c>
      <c r="C932" s="9" t="s">
        <v>14665</v>
      </c>
      <c r="D932" s="9" t="s">
        <v>14666</v>
      </c>
      <c r="E932" s="10"/>
      <c r="F932" s="10" t="s">
        <v>6000</v>
      </c>
      <c r="G932" s="8" t="s">
        <v>13540</v>
      </c>
      <c r="H932" s="8" t="s">
        <v>14667</v>
      </c>
      <c r="I932" s="11">
        <v>41465</v>
      </c>
      <c r="J932" s="11">
        <v>44317</v>
      </c>
      <c r="K932" s="11">
        <v>46873</v>
      </c>
    </row>
    <row r="933" spans="1:11" x14ac:dyDescent="0.4">
      <c r="A933" s="8" t="s">
        <v>11818</v>
      </c>
      <c r="B933" s="8" t="s">
        <v>48</v>
      </c>
      <c r="C933" s="9" t="s">
        <v>14668</v>
      </c>
      <c r="D933" s="9" t="s">
        <v>14504</v>
      </c>
      <c r="E933" s="10" t="s">
        <v>14505</v>
      </c>
      <c r="F933" s="10"/>
      <c r="G933" s="8"/>
      <c r="H933" s="8" t="s">
        <v>14669</v>
      </c>
      <c r="I933" s="11">
        <v>41464</v>
      </c>
      <c r="J933" s="11">
        <v>43800</v>
      </c>
      <c r="K933" s="11">
        <v>45991</v>
      </c>
    </row>
    <row r="934" spans="1:11" x14ac:dyDescent="0.4">
      <c r="A934" s="8" t="s">
        <v>11818</v>
      </c>
      <c r="B934" s="8" t="s">
        <v>6444</v>
      </c>
      <c r="C934" s="9" t="s">
        <v>14670</v>
      </c>
      <c r="D934" s="9" t="s">
        <v>14671</v>
      </c>
      <c r="E934" s="10"/>
      <c r="F934" s="10"/>
      <c r="G934" s="8"/>
      <c r="H934" s="8" t="s">
        <v>14672</v>
      </c>
      <c r="I934" s="11">
        <v>41485</v>
      </c>
      <c r="J934" s="11">
        <v>43922</v>
      </c>
      <c r="K934" s="11">
        <v>46112</v>
      </c>
    </row>
    <row r="935" spans="1:11" x14ac:dyDescent="0.4">
      <c r="A935" s="8" t="s">
        <v>11818</v>
      </c>
      <c r="B935" s="8" t="s">
        <v>48</v>
      </c>
      <c r="C935" s="9" t="s">
        <v>14673</v>
      </c>
      <c r="D935" s="9" t="s">
        <v>14674</v>
      </c>
      <c r="E935" s="10"/>
      <c r="F935" s="10" t="s">
        <v>8221</v>
      </c>
      <c r="G935" s="8" t="s">
        <v>14675</v>
      </c>
      <c r="H935" s="8" t="s">
        <v>14676</v>
      </c>
      <c r="I935" s="11">
        <v>41481</v>
      </c>
      <c r="J935" s="11">
        <v>43922</v>
      </c>
      <c r="K935" s="11">
        <v>46112</v>
      </c>
    </row>
    <row r="936" spans="1:11" x14ac:dyDescent="0.4">
      <c r="A936" s="8" t="s">
        <v>11818</v>
      </c>
      <c r="B936" s="8" t="s">
        <v>633</v>
      </c>
      <c r="C936" s="9" t="s">
        <v>14677</v>
      </c>
      <c r="D936" s="9" t="s">
        <v>14678</v>
      </c>
      <c r="E936" s="10" t="s">
        <v>14679</v>
      </c>
      <c r="F936" s="10"/>
      <c r="G936" s="8"/>
      <c r="H936" s="8" t="s">
        <v>14680</v>
      </c>
      <c r="I936" s="11">
        <v>41492</v>
      </c>
      <c r="J936" s="11">
        <v>43800</v>
      </c>
      <c r="K936" s="11">
        <v>45991</v>
      </c>
    </row>
    <row r="937" spans="1:11" x14ac:dyDescent="0.4">
      <c r="A937" s="8" t="s">
        <v>11818</v>
      </c>
      <c r="B937" s="8" t="s">
        <v>698</v>
      </c>
      <c r="C937" s="9" t="s">
        <v>14681</v>
      </c>
      <c r="D937" s="9" t="s">
        <v>14682</v>
      </c>
      <c r="E937" s="10"/>
      <c r="F937" s="10" t="s">
        <v>12814</v>
      </c>
      <c r="G937" s="8" t="s">
        <v>14683</v>
      </c>
      <c r="H937" s="8" t="s">
        <v>14684</v>
      </c>
      <c r="I937" s="11">
        <v>41494</v>
      </c>
      <c r="J937" s="11">
        <v>43952</v>
      </c>
      <c r="K937" s="11">
        <v>46142</v>
      </c>
    </row>
    <row r="938" spans="1:11" x14ac:dyDescent="0.4">
      <c r="A938" s="8" t="s">
        <v>11818</v>
      </c>
      <c r="B938" s="8" t="s">
        <v>6444</v>
      </c>
      <c r="C938" s="9" t="s">
        <v>14685</v>
      </c>
      <c r="D938" s="9" t="s">
        <v>14686</v>
      </c>
      <c r="E938" s="10"/>
      <c r="F938" s="10"/>
      <c r="G938" s="8"/>
      <c r="H938" s="8" t="s">
        <v>14687</v>
      </c>
      <c r="I938" s="11">
        <v>41501</v>
      </c>
      <c r="J938" s="11">
        <v>43952</v>
      </c>
      <c r="K938" s="11">
        <v>46142</v>
      </c>
    </row>
    <row r="939" spans="1:11" x14ac:dyDescent="0.4">
      <c r="A939" s="8" t="s">
        <v>11818</v>
      </c>
      <c r="B939" s="8" t="s">
        <v>48</v>
      </c>
      <c r="C939" s="9" t="s">
        <v>14688</v>
      </c>
      <c r="D939" s="9" t="s">
        <v>14689</v>
      </c>
      <c r="E939" s="10" t="s">
        <v>14690</v>
      </c>
      <c r="F939" s="10"/>
      <c r="G939" s="8"/>
      <c r="H939" s="8" t="s">
        <v>14691</v>
      </c>
      <c r="I939" s="11">
        <v>41510</v>
      </c>
      <c r="J939" s="11">
        <v>43800</v>
      </c>
      <c r="K939" s="11">
        <v>45991</v>
      </c>
    </row>
    <row r="940" spans="1:11" x14ac:dyDescent="0.4">
      <c r="A940" s="8" t="s">
        <v>11818</v>
      </c>
      <c r="B940" s="8" t="s">
        <v>6444</v>
      </c>
      <c r="C940" s="9" t="s">
        <v>14692</v>
      </c>
      <c r="D940" s="9" t="s">
        <v>14693</v>
      </c>
      <c r="E940" s="10"/>
      <c r="F940" s="10"/>
      <c r="G940" s="8"/>
      <c r="H940" s="8" t="s">
        <v>14694</v>
      </c>
      <c r="I940" s="11">
        <v>41514</v>
      </c>
      <c r="J940" s="11">
        <v>43739</v>
      </c>
      <c r="K940" s="11">
        <v>45930</v>
      </c>
    </row>
    <row r="941" spans="1:11" x14ac:dyDescent="0.4">
      <c r="A941" s="8" t="s">
        <v>11818</v>
      </c>
      <c r="B941" s="8" t="s">
        <v>698</v>
      </c>
      <c r="C941" s="9" t="s">
        <v>14695</v>
      </c>
      <c r="D941" s="9" t="s">
        <v>14696</v>
      </c>
      <c r="E941" s="10"/>
      <c r="F941" s="10"/>
      <c r="G941" s="8"/>
      <c r="H941" s="8" t="s">
        <v>14697</v>
      </c>
      <c r="I941" s="11">
        <v>41516</v>
      </c>
      <c r="J941" s="11">
        <v>44013</v>
      </c>
      <c r="K941" s="11">
        <v>46203</v>
      </c>
    </row>
    <row r="942" spans="1:11" x14ac:dyDescent="0.4">
      <c r="A942" s="8" t="s">
        <v>11818</v>
      </c>
      <c r="B942" s="8" t="s">
        <v>633</v>
      </c>
      <c r="C942" s="9" t="s">
        <v>14698</v>
      </c>
      <c r="D942" s="9" t="s">
        <v>14699</v>
      </c>
      <c r="E942" s="10" t="s">
        <v>14700</v>
      </c>
      <c r="F942" s="10" t="s">
        <v>2634</v>
      </c>
      <c r="G942" s="8" t="s">
        <v>12325</v>
      </c>
      <c r="H942" s="8" t="s">
        <v>14701</v>
      </c>
      <c r="I942" s="11">
        <v>41520</v>
      </c>
      <c r="J942" s="11">
        <v>43952</v>
      </c>
      <c r="K942" s="11">
        <v>46142</v>
      </c>
    </row>
    <row r="943" spans="1:11" x14ac:dyDescent="0.4">
      <c r="A943" s="8" t="s">
        <v>11818</v>
      </c>
      <c r="B943" s="8" t="s">
        <v>3441</v>
      </c>
      <c r="C943" s="9" t="s">
        <v>14702</v>
      </c>
      <c r="D943" s="9" t="s">
        <v>14703</v>
      </c>
      <c r="E943" s="10"/>
      <c r="F943" s="10"/>
      <c r="G943" s="8"/>
      <c r="H943" s="8" t="s">
        <v>14704</v>
      </c>
      <c r="I943" s="11">
        <v>41523</v>
      </c>
      <c r="J943" s="11">
        <v>43922</v>
      </c>
      <c r="K943" s="11">
        <v>46112</v>
      </c>
    </row>
    <row r="944" spans="1:11" x14ac:dyDescent="0.4">
      <c r="A944" s="8" t="s">
        <v>11818</v>
      </c>
      <c r="B944" s="8" t="s">
        <v>3441</v>
      </c>
      <c r="C944" s="9" t="s">
        <v>14705</v>
      </c>
      <c r="D944" s="9" t="s">
        <v>13581</v>
      </c>
      <c r="E944" s="10" t="s">
        <v>13591</v>
      </c>
      <c r="F944" s="10" t="s">
        <v>14706</v>
      </c>
      <c r="G944" s="8" t="s">
        <v>13233</v>
      </c>
      <c r="H944" s="8" t="s">
        <v>14707</v>
      </c>
      <c r="I944" s="11">
        <v>41527</v>
      </c>
      <c r="J944" s="11">
        <v>43800</v>
      </c>
      <c r="K944" s="11">
        <v>45991</v>
      </c>
    </row>
    <row r="945" spans="1:11" x14ac:dyDescent="0.4">
      <c r="A945" s="8" t="s">
        <v>11818</v>
      </c>
      <c r="B945" s="8" t="s">
        <v>633</v>
      </c>
      <c r="C945" s="9" t="s">
        <v>14708</v>
      </c>
      <c r="D945" s="9" t="s">
        <v>14709</v>
      </c>
      <c r="E945" s="10" t="s">
        <v>13781</v>
      </c>
      <c r="F945" s="10" t="s">
        <v>14710</v>
      </c>
      <c r="G945" s="8" t="s">
        <v>14711</v>
      </c>
      <c r="H945" s="8" t="s">
        <v>14712</v>
      </c>
      <c r="I945" s="11">
        <v>41538</v>
      </c>
      <c r="J945" s="11">
        <v>43739</v>
      </c>
      <c r="K945" s="11">
        <v>45930</v>
      </c>
    </row>
    <row r="946" spans="1:11" x14ac:dyDescent="0.4">
      <c r="A946" s="8" t="s">
        <v>11818</v>
      </c>
      <c r="B946" s="8" t="s">
        <v>633</v>
      </c>
      <c r="C946" s="9" t="s">
        <v>14713</v>
      </c>
      <c r="D946" s="9" t="s">
        <v>14714</v>
      </c>
      <c r="E946" s="10"/>
      <c r="F946" s="10" t="s">
        <v>3822</v>
      </c>
      <c r="G946" s="8" t="s">
        <v>11600</v>
      </c>
      <c r="H946" s="8" t="s">
        <v>14715</v>
      </c>
      <c r="I946" s="11">
        <v>41543</v>
      </c>
      <c r="J946" s="11">
        <v>44136</v>
      </c>
      <c r="K946" s="11">
        <v>46691</v>
      </c>
    </row>
    <row r="947" spans="1:11" x14ac:dyDescent="0.4">
      <c r="A947" s="8" t="s">
        <v>11818</v>
      </c>
      <c r="B947" s="8" t="s">
        <v>698</v>
      </c>
      <c r="C947" s="9" t="s">
        <v>14716</v>
      </c>
      <c r="D947" s="9" t="s">
        <v>14717</v>
      </c>
      <c r="E947" s="10"/>
      <c r="F947" s="10" t="s">
        <v>3566</v>
      </c>
      <c r="G947" s="8" t="s">
        <v>14576</v>
      </c>
      <c r="H947" s="8" t="s">
        <v>14718</v>
      </c>
      <c r="I947" s="11">
        <v>41543</v>
      </c>
      <c r="J947" s="11">
        <v>43770</v>
      </c>
      <c r="K947" s="11">
        <v>45961</v>
      </c>
    </row>
    <row r="948" spans="1:11" x14ac:dyDescent="0.4">
      <c r="A948" s="8" t="s">
        <v>11818</v>
      </c>
      <c r="B948" s="8" t="s">
        <v>633</v>
      </c>
      <c r="C948" s="9" t="s">
        <v>14719</v>
      </c>
      <c r="D948" s="9" t="s">
        <v>14720</v>
      </c>
      <c r="E948" s="10"/>
      <c r="F948" s="10"/>
      <c r="G948" s="8"/>
      <c r="H948" s="8" t="s">
        <v>14721</v>
      </c>
      <c r="I948" s="11">
        <v>41556</v>
      </c>
      <c r="J948" s="11">
        <v>43922</v>
      </c>
      <c r="K948" s="11">
        <v>46112</v>
      </c>
    </row>
    <row r="949" spans="1:11" x14ac:dyDescent="0.4">
      <c r="A949" s="8" t="s">
        <v>11818</v>
      </c>
      <c r="B949" s="8" t="s">
        <v>3441</v>
      </c>
      <c r="C949" s="9" t="s">
        <v>14722</v>
      </c>
      <c r="D949" s="9" t="s">
        <v>14723</v>
      </c>
      <c r="E949" s="10" t="s">
        <v>14724</v>
      </c>
      <c r="F949" s="10"/>
      <c r="G949" s="8"/>
      <c r="H949" s="8" t="s">
        <v>14725</v>
      </c>
      <c r="I949" s="11">
        <v>41562</v>
      </c>
      <c r="J949" s="11">
        <v>43770</v>
      </c>
      <c r="K949" s="11">
        <v>45961</v>
      </c>
    </row>
    <row r="950" spans="1:11" x14ac:dyDescent="0.4">
      <c r="A950" s="8" t="s">
        <v>11818</v>
      </c>
      <c r="B950" s="8" t="s">
        <v>48</v>
      </c>
      <c r="C950" s="9" t="s">
        <v>14726</v>
      </c>
      <c r="D950" s="9" t="s">
        <v>14727</v>
      </c>
      <c r="E950" s="10"/>
      <c r="F950" s="10"/>
      <c r="G950" s="8"/>
      <c r="H950" s="8" t="s">
        <v>14728</v>
      </c>
      <c r="I950" s="11">
        <v>41557</v>
      </c>
      <c r="J950" s="11">
        <v>43739</v>
      </c>
      <c r="K950" s="11">
        <v>45565</v>
      </c>
    </row>
    <row r="951" spans="1:11" x14ac:dyDescent="0.4">
      <c r="A951" s="8" t="s">
        <v>11818</v>
      </c>
      <c r="B951" s="8" t="s">
        <v>1926</v>
      </c>
      <c r="C951" s="9" t="s">
        <v>14729</v>
      </c>
      <c r="D951" s="9" t="s">
        <v>13036</v>
      </c>
      <c r="E951" s="10"/>
      <c r="F951" s="10" t="s">
        <v>5428</v>
      </c>
      <c r="G951" s="8" t="s">
        <v>14479</v>
      </c>
      <c r="H951" s="8" t="s">
        <v>14730</v>
      </c>
      <c r="I951" s="11">
        <v>41570</v>
      </c>
      <c r="J951" s="11">
        <v>43770</v>
      </c>
      <c r="K951" s="11">
        <v>45961</v>
      </c>
    </row>
    <row r="952" spans="1:11" x14ac:dyDescent="0.4">
      <c r="A952" s="8" t="s">
        <v>11818</v>
      </c>
      <c r="B952" s="8" t="s">
        <v>1926</v>
      </c>
      <c r="C952" s="9" t="s">
        <v>14731</v>
      </c>
      <c r="D952" s="9" t="s">
        <v>14732</v>
      </c>
      <c r="E952" s="10"/>
      <c r="F952" s="10" t="s">
        <v>5428</v>
      </c>
      <c r="G952" s="8" t="s">
        <v>14479</v>
      </c>
      <c r="H952" s="8" t="s">
        <v>14733</v>
      </c>
      <c r="I952" s="11">
        <v>41570</v>
      </c>
      <c r="J952" s="11">
        <v>43922</v>
      </c>
      <c r="K952" s="11">
        <v>46112</v>
      </c>
    </row>
    <row r="953" spans="1:11" x14ac:dyDescent="0.4">
      <c r="A953" s="8" t="s">
        <v>11818</v>
      </c>
      <c r="B953" s="8" t="s">
        <v>1926</v>
      </c>
      <c r="C953" s="9" t="s">
        <v>14734</v>
      </c>
      <c r="D953" s="9" t="s">
        <v>14735</v>
      </c>
      <c r="E953" s="10"/>
      <c r="F953" s="10" t="s">
        <v>5428</v>
      </c>
      <c r="G953" s="8" t="s">
        <v>14479</v>
      </c>
      <c r="H953" s="8" t="s">
        <v>14736</v>
      </c>
      <c r="I953" s="11">
        <v>41572</v>
      </c>
      <c r="J953" s="11">
        <v>43952</v>
      </c>
      <c r="K953" s="11">
        <v>46142</v>
      </c>
    </row>
    <row r="954" spans="1:11" x14ac:dyDescent="0.4">
      <c r="A954" s="8" t="s">
        <v>11818</v>
      </c>
      <c r="B954" s="8" t="s">
        <v>48</v>
      </c>
      <c r="C954" s="9" t="s">
        <v>14737</v>
      </c>
      <c r="D954" s="9" t="s">
        <v>14738</v>
      </c>
      <c r="E954" s="10" t="s">
        <v>47</v>
      </c>
      <c r="F954" s="10" t="s">
        <v>14739</v>
      </c>
      <c r="G954" s="8" t="s">
        <v>14740</v>
      </c>
      <c r="H954" s="8" t="s">
        <v>14741</v>
      </c>
      <c r="I954" s="11">
        <v>41572</v>
      </c>
      <c r="J954" s="11">
        <v>44013</v>
      </c>
      <c r="K954" s="11">
        <v>46203</v>
      </c>
    </row>
    <row r="955" spans="1:11" x14ac:dyDescent="0.4">
      <c r="A955" s="8" t="s">
        <v>11818</v>
      </c>
      <c r="B955" s="8" t="s">
        <v>793</v>
      </c>
      <c r="C955" s="9" t="s">
        <v>14742</v>
      </c>
      <c r="D955" s="9" t="s">
        <v>14743</v>
      </c>
      <c r="E955" s="10" t="s">
        <v>14744</v>
      </c>
      <c r="F955" s="10"/>
      <c r="G955" s="8"/>
      <c r="H955" s="8" t="s">
        <v>14745</v>
      </c>
      <c r="I955" s="11">
        <v>41579</v>
      </c>
      <c r="J955" s="11">
        <v>43800</v>
      </c>
      <c r="K955" s="11">
        <v>45991</v>
      </c>
    </row>
    <row r="956" spans="1:11" x14ac:dyDescent="0.4">
      <c r="A956" s="8" t="s">
        <v>11818</v>
      </c>
      <c r="B956" s="8" t="s">
        <v>2044</v>
      </c>
      <c r="C956" s="9" t="s">
        <v>14746</v>
      </c>
      <c r="D956" s="9" t="s">
        <v>14747</v>
      </c>
      <c r="E956" s="10"/>
      <c r="F956" s="10"/>
      <c r="G956" s="8"/>
      <c r="H956" s="8" t="s">
        <v>14748</v>
      </c>
      <c r="I956" s="11">
        <v>41577</v>
      </c>
      <c r="J956" s="11">
        <v>43770</v>
      </c>
      <c r="K956" s="11">
        <v>45961</v>
      </c>
    </row>
    <row r="957" spans="1:11" x14ac:dyDescent="0.4">
      <c r="A957" s="8" t="s">
        <v>11818</v>
      </c>
      <c r="B957" s="8" t="s">
        <v>633</v>
      </c>
      <c r="C957" s="9" t="s">
        <v>14749</v>
      </c>
      <c r="D957" s="9" t="s">
        <v>14750</v>
      </c>
      <c r="E957" s="10"/>
      <c r="F957" s="10" t="s">
        <v>14751</v>
      </c>
      <c r="G957" s="8" t="s">
        <v>14752</v>
      </c>
      <c r="H957" s="8" t="s">
        <v>14753</v>
      </c>
      <c r="I957" s="11">
        <v>41579</v>
      </c>
      <c r="J957" s="11">
        <v>43647</v>
      </c>
      <c r="K957" s="11">
        <v>45473</v>
      </c>
    </row>
    <row r="958" spans="1:11" x14ac:dyDescent="0.4">
      <c r="A958" s="8" t="s">
        <v>11818</v>
      </c>
      <c r="B958" s="8" t="s">
        <v>633</v>
      </c>
      <c r="C958" s="9" t="s">
        <v>14754</v>
      </c>
      <c r="D958" s="9" t="s">
        <v>14755</v>
      </c>
      <c r="E958" s="10"/>
      <c r="F958" s="10" t="s">
        <v>14756</v>
      </c>
      <c r="G958" s="8" t="s">
        <v>14757</v>
      </c>
      <c r="H958" s="8" t="s">
        <v>14758</v>
      </c>
      <c r="I958" s="11">
        <v>41579</v>
      </c>
      <c r="J958" s="11">
        <v>43647</v>
      </c>
      <c r="K958" s="11">
        <v>45473</v>
      </c>
    </row>
    <row r="959" spans="1:11" x14ac:dyDescent="0.4">
      <c r="A959" s="8" t="s">
        <v>11818</v>
      </c>
      <c r="B959" s="8" t="s">
        <v>48</v>
      </c>
      <c r="C959" s="9" t="s">
        <v>14759</v>
      </c>
      <c r="D959" s="9" t="s">
        <v>14760</v>
      </c>
      <c r="E959" s="10" t="s">
        <v>14761</v>
      </c>
      <c r="F959" s="10" t="s">
        <v>14762</v>
      </c>
      <c r="G959" s="8" t="s">
        <v>14763</v>
      </c>
      <c r="H959" s="8" t="s">
        <v>14764</v>
      </c>
      <c r="I959" s="11">
        <v>41578</v>
      </c>
      <c r="J959" s="11">
        <v>44105</v>
      </c>
      <c r="K959" s="11">
        <v>46295</v>
      </c>
    </row>
    <row r="960" spans="1:11" x14ac:dyDescent="0.4">
      <c r="A960" s="8" t="s">
        <v>11818</v>
      </c>
      <c r="B960" s="8" t="s">
        <v>3441</v>
      </c>
      <c r="C960" s="9" t="s">
        <v>14765</v>
      </c>
      <c r="D960" s="9" t="s">
        <v>14766</v>
      </c>
      <c r="E960" s="10"/>
      <c r="F960" s="10"/>
      <c r="G960" s="8"/>
      <c r="H960" s="8" t="s">
        <v>14767</v>
      </c>
      <c r="I960" s="11">
        <v>41584</v>
      </c>
      <c r="J960" s="11">
        <v>44105</v>
      </c>
      <c r="K960" s="11">
        <v>46295</v>
      </c>
    </row>
    <row r="961" spans="1:11" x14ac:dyDescent="0.4">
      <c r="A961" s="8" t="s">
        <v>11818</v>
      </c>
      <c r="B961" s="8" t="s">
        <v>793</v>
      </c>
      <c r="C961" s="9" t="s">
        <v>14768</v>
      </c>
      <c r="D961" s="9" t="s">
        <v>14769</v>
      </c>
      <c r="E961" s="10"/>
      <c r="F961" s="10" t="s">
        <v>7029</v>
      </c>
      <c r="G961" s="8" t="s">
        <v>14770</v>
      </c>
      <c r="H961" s="8" t="s">
        <v>14771</v>
      </c>
      <c r="I961" s="11">
        <v>41584</v>
      </c>
      <c r="J961" s="11">
        <v>44136</v>
      </c>
      <c r="K961" s="11">
        <v>45961</v>
      </c>
    </row>
    <row r="962" spans="1:11" x14ac:dyDescent="0.4">
      <c r="A962" s="8" t="s">
        <v>11818</v>
      </c>
      <c r="B962" s="8" t="s">
        <v>1926</v>
      </c>
      <c r="C962" s="9" t="s">
        <v>14772</v>
      </c>
      <c r="D962" s="9" t="s">
        <v>12953</v>
      </c>
      <c r="E962" s="10"/>
      <c r="F962" s="10" t="s">
        <v>5428</v>
      </c>
      <c r="G962" s="8" t="s">
        <v>14479</v>
      </c>
      <c r="H962" s="8" t="s">
        <v>14773</v>
      </c>
      <c r="I962" s="11">
        <v>41587</v>
      </c>
      <c r="J962" s="11">
        <v>43952</v>
      </c>
      <c r="K962" s="11">
        <v>46142</v>
      </c>
    </row>
    <row r="963" spans="1:11" x14ac:dyDescent="0.4">
      <c r="A963" s="8" t="s">
        <v>11818</v>
      </c>
      <c r="B963" s="8" t="s">
        <v>698</v>
      </c>
      <c r="C963" s="9" t="s">
        <v>14774</v>
      </c>
      <c r="D963" s="9" t="s">
        <v>14775</v>
      </c>
      <c r="E963" s="10"/>
      <c r="F963" s="10" t="s">
        <v>14427</v>
      </c>
      <c r="G963" s="8" t="s">
        <v>14428</v>
      </c>
      <c r="H963" s="8" t="s">
        <v>14776</v>
      </c>
      <c r="I963" s="11">
        <v>41592</v>
      </c>
      <c r="J963" s="11">
        <v>43922</v>
      </c>
      <c r="K963" s="11">
        <v>46112</v>
      </c>
    </row>
    <row r="964" spans="1:11" x14ac:dyDescent="0.4">
      <c r="A964" s="8" t="s">
        <v>11818</v>
      </c>
      <c r="B964" s="8" t="s">
        <v>9278</v>
      </c>
      <c r="C964" s="9" t="s">
        <v>14777</v>
      </c>
      <c r="D964" s="9" t="s">
        <v>14778</v>
      </c>
      <c r="E964" s="10"/>
      <c r="F964" s="10" t="s">
        <v>11581</v>
      </c>
      <c r="G964" s="8" t="s">
        <v>11582</v>
      </c>
      <c r="H964" s="8" t="s">
        <v>14779</v>
      </c>
      <c r="I964" s="11">
        <v>41594</v>
      </c>
      <c r="J964" s="11">
        <v>44105</v>
      </c>
      <c r="K964" s="11">
        <v>46295</v>
      </c>
    </row>
    <row r="965" spans="1:11" x14ac:dyDescent="0.4">
      <c r="A965" s="8" t="s">
        <v>11818</v>
      </c>
      <c r="B965" s="8" t="s">
        <v>3441</v>
      </c>
      <c r="C965" s="9" t="s">
        <v>14780</v>
      </c>
      <c r="D965" s="9" t="s">
        <v>14781</v>
      </c>
      <c r="E965" s="10"/>
      <c r="F965" s="10" t="s">
        <v>14782</v>
      </c>
      <c r="G965" s="8" t="s">
        <v>14783</v>
      </c>
      <c r="H965" s="8" t="s">
        <v>14784</v>
      </c>
      <c r="I965" s="11">
        <v>41603</v>
      </c>
      <c r="J965" s="11">
        <v>43922</v>
      </c>
      <c r="K965" s="11">
        <v>46112</v>
      </c>
    </row>
    <row r="966" spans="1:11" x14ac:dyDescent="0.4">
      <c r="A966" s="8" t="s">
        <v>11818</v>
      </c>
      <c r="B966" s="8" t="s">
        <v>6444</v>
      </c>
      <c r="C966" s="9" t="s">
        <v>14785</v>
      </c>
      <c r="D966" s="9" t="s">
        <v>14786</v>
      </c>
      <c r="E966" s="10"/>
      <c r="F966" s="10"/>
      <c r="G966" s="8"/>
      <c r="H966" s="8" t="s">
        <v>14787</v>
      </c>
      <c r="I966" s="11">
        <v>41599</v>
      </c>
      <c r="J966" s="11">
        <v>44105</v>
      </c>
      <c r="K966" s="11">
        <v>46295</v>
      </c>
    </row>
    <row r="967" spans="1:11" x14ac:dyDescent="0.4">
      <c r="A967" s="8" t="s">
        <v>11818</v>
      </c>
      <c r="B967" s="8" t="s">
        <v>48</v>
      </c>
      <c r="C967" s="9" t="s">
        <v>14788</v>
      </c>
      <c r="D967" s="9" t="s">
        <v>14789</v>
      </c>
      <c r="E967" s="10" t="s">
        <v>14790</v>
      </c>
      <c r="F967" s="10"/>
      <c r="G967" s="8"/>
      <c r="H967" s="8" t="s">
        <v>14791</v>
      </c>
      <c r="I967" s="11">
        <v>41604</v>
      </c>
      <c r="J967" s="11">
        <v>44105</v>
      </c>
      <c r="K967" s="11">
        <v>46295</v>
      </c>
    </row>
    <row r="968" spans="1:11" x14ac:dyDescent="0.4">
      <c r="A968" s="8" t="s">
        <v>11818</v>
      </c>
      <c r="B968" s="8" t="s">
        <v>48</v>
      </c>
      <c r="C968" s="9" t="s">
        <v>14792</v>
      </c>
      <c r="D968" s="9" t="s">
        <v>14793</v>
      </c>
      <c r="E968" s="10"/>
      <c r="F968" s="10" t="s">
        <v>14794</v>
      </c>
      <c r="G968" s="8" t="s">
        <v>14795</v>
      </c>
      <c r="H968" s="8" t="s">
        <v>14796</v>
      </c>
      <c r="I968" s="11">
        <v>41606</v>
      </c>
      <c r="J968" s="11">
        <v>43739</v>
      </c>
      <c r="K968" s="11">
        <v>45565</v>
      </c>
    </row>
    <row r="969" spans="1:11" x14ac:dyDescent="0.4">
      <c r="A969" s="8" t="s">
        <v>11818</v>
      </c>
      <c r="B969" s="8" t="s">
        <v>2044</v>
      </c>
      <c r="C969" s="9" t="s">
        <v>14797</v>
      </c>
      <c r="D969" s="9" t="s">
        <v>14798</v>
      </c>
      <c r="E969" s="10"/>
      <c r="F969" s="10" t="s">
        <v>12814</v>
      </c>
      <c r="G969" s="8" t="s">
        <v>14799</v>
      </c>
      <c r="H969" s="8" t="s">
        <v>14800</v>
      </c>
      <c r="I969" s="11">
        <v>41614</v>
      </c>
      <c r="J969" s="11">
        <v>44166</v>
      </c>
      <c r="K969" s="11">
        <v>46356</v>
      </c>
    </row>
    <row r="970" spans="1:11" x14ac:dyDescent="0.4">
      <c r="A970" s="8" t="s">
        <v>11818</v>
      </c>
      <c r="B970" s="8" t="s">
        <v>793</v>
      </c>
      <c r="C970" s="9" t="s">
        <v>14801</v>
      </c>
      <c r="D970" s="9" t="s">
        <v>14802</v>
      </c>
      <c r="E970" s="10"/>
      <c r="F970" s="10"/>
      <c r="G970" s="8"/>
      <c r="H970" s="8" t="s">
        <v>14803</v>
      </c>
      <c r="I970" s="11">
        <v>41614</v>
      </c>
      <c r="J970" s="11">
        <v>43647</v>
      </c>
      <c r="K970" s="11">
        <v>45473</v>
      </c>
    </row>
    <row r="971" spans="1:11" x14ac:dyDescent="0.4">
      <c r="A971" s="8" t="s">
        <v>11818</v>
      </c>
      <c r="B971" s="8" t="s">
        <v>9278</v>
      </c>
      <c r="C971" s="9" t="s">
        <v>14804</v>
      </c>
      <c r="D971" s="9" t="s">
        <v>14805</v>
      </c>
      <c r="E971" s="10"/>
      <c r="F971" s="10"/>
      <c r="G971" s="8"/>
      <c r="H971" s="8" t="s">
        <v>14806</v>
      </c>
      <c r="I971" s="11">
        <v>41619</v>
      </c>
      <c r="J971" s="11">
        <v>43770</v>
      </c>
      <c r="K971" s="11">
        <v>45596</v>
      </c>
    </row>
    <row r="972" spans="1:11" x14ac:dyDescent="0.4">
      <c r="A972" s="8" t="s">
        <v>11818</v>
      </c>
      <c r="B972" s="8" t="s">
        <v>48</v>
      </c>
      <c r="C972" s="9" t="s">
        <v>14807</v>
      </c>
      <c r="D972" s="9" t="s">
        <v>14808</v>
      </c>
      <c r="E972" s="10" t="s">
        <v>14809</v>
      </c>
      <c r="F972" s="10"/>
      <c r="G972" s="8"/>
      <c r="H972" s="8" t="s">
        <v>14810</v>
      </c>
      <c r="I972" s="11">
        <v>41636</v>
      </c>
      <c r="J972" s="11">
        <v>43800</v>
      </c>
      <c r="K972" s="11">
        <v>45991</v>
      </c>
    </row>
    <row r="973" spans="1:11" x14ac:dyDescent="0.4">
      <c r="A973" s="8" t="s">
        <v>11818</v>
      </c>
      <c r="B973" s="8" t="s">
        <v>698</v>
      </c>
      <c r="C973" s="9" t="s">
        <v>14811</v>
      </c>
      <c r="D973" s="9" t="s">
        <v>14812</v>
      </c>
      <c r="E973" s="10"/>
      <c r="F973" s="10"/>
      <c r="G973" s="8"/>
      <c r="H973" s="8" t="s">
        <v>14813</v>
      </c>
      <c r="I973" s="11">
        <v>41635</v>
      </c>
      <c r="J973" s="11">
        <v>44013</v>
      </c>
      <c r="K973" s="11">
        <v>46203</v>
      </c>
    </row>
    <row r="974" spans="1:11" x14ac:dyDescent="0.4">
      <c r="A974" s="8" t="s">
        <v>11818</v>
      </c>
      <c r="B974" s="8" t="s">
        <v>633</v>
      </c>
      <c r="C974" s="9" t="s">
        <v>14814</v>
      </c>
      <c r="D974" s="9" t="s">
        <v>14815</v>
      </c>
      <c r="E974" s="10"/>
      <c r="F974" s="10"/>
      <c r="G974" s="8"/>
      <c r="H974" s="8" t="s">
        <v>14816</v>
      </c>
      <c r="I974" s="11">
        <v>41649</v>
      </c>
      <c r="J974" s="11">
        <v>43922</v>
      </c>
      <c r="K974" s="11">
        <v>46112</v>
      </c>
    </row>
    <row r="975" spans="1:11" x14ac:dyDescent="0.4">
      <c r="A975" s="8" t="s">
        <v>11818</v>
      </c>
      <c r="B975" s="8" t="s">
        <v>633</v>
      </c>
      <c r="C975" s="9" t="s">
        <v>14817</v>
      </c>
      <c r="D975" s="9" t="s">
        <v>14818</v>
      </c>
      <c r="E975" s="10" t="s">
        <v>14819</v>
      </c>
      <c r="F975" s="10" t="s">
        <v>2634</v>
      </c>
      <c r="G975" s="8" t="s">
        <v>12325</v>
      </c>
      <c r="H975" s="8" t="s">
        <v>14820</v>
      </c>
      <c r="I975" s="11">
        <v>41655</v>
      </c>
      <c r="J975" s="11">
        <v>44136</v>
      </c>
      <c r="K975" s="11">
        <v>46326</v>
      </c>
    </row>
    <row r="976" spans="1:11" x14ac:dyDescent="0.4">
      <c r="A976" s="8" t="s">
        <v>11818</v>
      </c>
      <c r="B976" s="8" t="s">
        <v>2044</v>
      </c>
      <c r="C976" s="9" t="s">
        <v>14821</v>
      </c>
      <c r="D976" s="9" t="s">
        <v>14822</v>
      </c>
      <c r="E976" s="10"/>
      <c r="F976" s="10"/>
      <c r="G976" s="8"/>
      <c r="H976" s="8" t="s">
        <v>14823</v>
      </c>
      <c r="I976" s="11">
        <v>41656</v>
      </c>
      <c r="J976" s="11">
        <v>43922</v>
      </c>
      <c r="K976" s="11">
        <v>46112</v>
      </c>
    </row>
    <row r="977" spans="1:11" x14ac:dyDescent="0.4">
      <c r="A977" s="8" t="s">
        <v>11818</v>
      </c>
      <c r="B977" s="8" t="s">
        <v>2044</v>
      </c>
      <c r="C977" s="9" t="s">
        <v>14824</v>
      </c>
      <c r="D977" s="9" t="s">
        <v>14825</v>
      </c>
      <c r="E977" s="10"/>
      <c r="F977" s="10" t="s">
        <v>14826</v>
      </c>
      <c r="G977" s="8" t="s">
        <v>14827</v>
      </c>
      <c r="H977" s="8" t="s">
        <v>14828</v>
      </c>
      <c r="I977" s="11">
        <v>41656</v>
      </c>
      <c r="J977" s="11">
        <v>44136</v>
      </c>
      <c r="K977" s="11">
        <v>46326</v>
      </c>
    </row>
    <row r="978" spans="1:11" x14ac:dyDescent="0.4">
      <c r="A978" s="8" t="s">
        <v>11818</v>
      </c>
      <c r="B978" s="8" t="s">
        <v>2044</v>
      </c>
      <c r="C978" s="9" t="s">
        <v>14829</v>
      </c>
      <c r="D978" s="9" t="s">
        <v>14830</v>
      </c>
      <c r="E978" s="10"/>
      <c r="F978" s="10"/>
      <c r="G978" s="8"/>
      <c r="H978" s="8" t="s">
        <v>14831</v>
      </c>
      <c r="I978" s="11">
        <v>41660</v>
      </c>
      <c r="J978" s="11">
        <v>43770</v>
      </c>
      <c r="K978" s="11">
        <v>45596</v>
      </c>
    </row>
    <row r="979" spans="1:11" x14ac:dyDescent="0.4">
      <c r="A979" s="8" t="s">
        <v>11818</v>
      </c>
      <c r="B979" s="8" t="s">
        <v>48</v>
      </c>
      <c r="C979" s="9" t="s">
        <v>14832</v>
      </c>
      <c r="D979" s="9" t="s">
        <v>14833</v>
      </c>
      <c r="E979" s="10" t="s">
        <v>14834</v>
      </c>
      <c r="F979" s="10"/>
      <c r="G979" s="8"/>
      <c r="H979" s="8" t="s">
        <v>14835</v>
      </c>
      <c r="I979" s="11">
        <v>41661</v>
      </c>
      <c r="J979" s="11">
        <v>43800</v>
      </c>
      <c r="K979" s="11">
        <v>45626</v>
      </c>
    </row>
    <row r="980" spans="1:11" x14ac:dyDescent="0.4">
      <c r="A980" s="8" t="s">
        <v>11818</v>
      </c>
      <c r="B980" s="8" t="s">
        <v>48</v>
      </c>
      <c r="C980" s="9" t="s">
        <v>14836</v>
      </c>
      <c r="D980" s="9" t="s">
        <v>14837</v>
      </c>
      <c r="E980" s="10"/>
      <c r="F980" s="10" t="s">
        <v>10593</v>
      </c>
      <c r="G980" s="8" t="s">
        <v>14530</v>
      </c>
      <c r="H980" s="8" t="s">
        <v>14838</v>
      </c>
      <c r="I980" s="11">
        <v>41669</v>
      </c>
      <c r="J980" s="11">
        <v>43952</v>
      </c>
      <c r="K980" s="11">
        <v>46142</v>
      </c>
    </row>
    <row r="981" spans="1:11" x14ac:dyDescent="0.4">
      <c r="A981" s="8" t="s">
        <v>11818</v>
      </c>
      <c r="B981" s="8" t="s">
        <v>48</v>
      </c>
      <c r="C981" s="9" t="s">
        <v>14839</v>
      </c>
      <c r="D981" s="9" t="s">
        <v>14840</v>
      </c>
      <c r="E981" s="10"/>
      <c r="F981" s="10" t="s">
        <v>8221</v>
      </c>
      <c r="G981" s="8" t="s">
        <v>14675</v>
      </c>
      <c r="H981" s="8" t="s">
        <v>14841</v>
      </c>
      <c r="I981" s="11">
        <v>41669</v>
      </c>
      <c r="J981" s="11">
        <v>43922</v>
      </c>
      <c r="K981" s="11">
        <v>46112</v>
      </c>
    </row>
    <row r="982" spans="1:11" x14ac:dyDescent="0.4">
      <c r="A982" s="8" t="s">
        <v>11818</v>
      </c>
      <c r="B982" s="8" t="s">
        <v>48</v>
      </c>
      <c r="C982" s="9" t="s">
        <v>14842</v>
      </c>
      <c r="D982" s="9" t="s">
        <v>14843</v>
      </c>
      <c r="E982" s="10"/>
      <c r="F982" s="10" t="s">
        <v>8221</v>
      </c>
      <c r="G982" s="8" t="s">
        <v>14675</v>
      </c>
      <c r="H982" s="8" t="s">
        <v>14844</v>
      </c>
      <c r="I982" s="11">
        <v>41669</v>
      </c>
      <c r="J982" s="11">
        <v>43952</v>
      </c>
      <c r="K982" s="11">
        <v>46142</v>
      </c>
    </row>
    <row r="983" spans="1:11" x14ac:dyDescent="0.4">
      <c r="A983" s="8" t="s">
        <v>11818</v>
      </c>
      <c r="B983" s="8" t="s">
        <v>633</v>
      </c>
      <c r="C983" s="9" t="s">
        <v>14845</v>
      </c>
      <c r="D983" s="9" t="s">
        <v>14846</v>
      </c>
      <c r="E983" s="10" t="s">
        <v>14847</v>
      </c>
      <c r="F983" s="10"/>
      <c r="G983" s="8"/>
      <c r="H983" s="8" t="s">
        <v>14848</v>
      </c>
      <c r="I983" s="11">
        <v>41674</v>
      </c>
      <c r="J983" s="11">
        <v>44105</v>
      </c>
      <c r="K983" s="11">
        <v>46295</v>
      </c>
    </row>
    <row r="984" spans="1:11" x14ac:dyDescent="0.4">
      <c r="A984" s="8" t="s">
        <v>11818</v>
      </c>
      <c r="B984" s="8" t="s">
        <v>633</v>
      </c>
      <c r="C984" s="9" t="s">
        <v>14849</v>
      </c>
      <c r="D984" s="9" t="s">
        <v>14850</v>
      </c>
      <c r="E984" s="10"/>
      <c r="F984" s="10"/>
      <c r="G984" s="8"/>
      <c r="H984" s="8" t="s">
        <v>14851</v>
      </c>
      <c r="I984" s="11">
        <v>41675</v>
      </c>
      <c r="J984" s="11">
        <v>43739</v>
      </c>
      <c r="K984" s="11">
        <v>45565</v>
      </c>
    </row>
    <row r="985" spans="1:11" x14ac:dyDescent="0.4">
      <c r="A985" s="8" t="s">
        <v>11818</v>
      </c>
      <c r="B985" s="8" t="s">
        <v>2044</v>
      </c>
      <c r="C985" s="9" t="s">
        <v>14852</v>
      </c>
      <c r="D985" s="9" t="s">
        <v>14853</v>
      </c>
      <c r="E985" s="10"/>
      <c r="F985" s="10" t="s">
        <v>14854</v>
      </c>
      <c r="G985" s="8" t="s">
        <v>14855</v>
      </c>
      <c r="H985" s="8" t="s">
        <v>14856</v>
      </c>
      <c r="I985" s="11">
        <v>41677</v>
      </c>
      <c r="J985" s="11">
        <v>44136</v>
      </c>
      <c r="K985" s="11">
        <v>46326</v>
      </c>
    </row>
    <row r="986" spans="1:11" x14ac:dyDescent="0.4">
      <c r="A986" s="8" t="s">
        <v>11818</v>
      </c>
      <c r="B986" s="8" t="s">
        <v>3083</v>
      </c>
      <c r="C986" s="9" t="s">
        <v>14857</v>
      </c>
      <c r="D986" s="9" t="s">
        <v>14858</v>
      </c>
      <c r="E986" s="10"/>
      <c r="F986" s="10"/>
      <c r="G986" s="8"/>
      <c r="H986" s="8" t="s">
        <v>14859</v>
      </c>
      <c r="I986" s="11">
        <v>41681</v>
      </c>
      <c r="J986" s="11">
        <v>44166</v>
      </c>
      <c r="K986" s="11">
        <v>46356</v>
      </c>
    </row>
    <row r="987" spans="1:11" x14ac:dyDescent="0.4">
      <c r="A987" s="8" t="s">
        <v>11818</v>
      </c>
      <c r="B987" s="8" t="s">
        <v>48</v>
      </c>
      <c r="C987" s="9" t="s">
        <v>14860</v>
      </c>
      <c r="D987" s="9" t="s">
        <v>14861</v>
      </c>
      <c r="E987" s="10"/>
      <c r="F987" s="10"/>
      <c r="G987" s="8"/>
      <c r="H987" s="8" t="s">
        <v>14862</v>
      </c>
      <c r="I987" s="11">
        <v>41684</v>
      </c>
      <c r="J987" s="11">
        <v>43739</v>
      </c>
      <c r="K987" s="11">
        <v>45565</v>
      </c>
    </row>
    <row r="988" spans="1:11" x14ac:dyDescent="0.4">
      <c r="A988" s="8" t="s">
        <v>11818</v>
      </c>
      <c r="B988" s="8" t="s">
        <v>633</v>
      </c>
      <c r="C988" s="9" t="s">
        <v>14863</v>
      </c>
      <c r="D988" s="9" t="s">
        <v>14864</v>
      </c>
      <c r="E988" s="10"/>
      <c r="F988" s="10"/>
      <c r="G988" s="8"/>
      <c r="H988" s="8" t="s">
        <v>14865</v>
      </c>
      <c r="I988" s="11">
        <v>41684</v>
      </c>
      <c r="J988" s="11">
        <v>43983</v>
      </c>
      <c r="K988" s="11">
        <v>46173</v>
      </c>
    </row>
    <row r="989" spans="1:11" x14ac:dyDescent="0.4">
      <c r="A989" s="8" t="s">
        <v>11818</v>
      </c>
      <c r="B989" s="8" t="s">
        <v>48</v>
      </c>
      <c r="C989" s="9" t="s">
        <v>14866</v>
      </c>
      <c r="D989" s="9" t="s">
        <v>14867</v>
      </c>
      <c r="E989" s="10"/>
      <c r="F989" s="10"/>
      <c r="G989" s="8"/>
      <c r="H989" s="8" t="s">
        <v>14868</v>
      </c>
      <c r="I989" s="11">
        <v>41696</v>
      </c>
      <c r="J989" s="11">
        <v>43739</v>
      </c>
      <c r="K989" s="11">
        <v>45930</v>
      </c>
    </row>
    <row r="990" spans="1:11" x14ac:dyDescent="0.4">
      <c r="A990" s="8" t="s">
        <v>11818</v>
      </c>
      <c r="B990" s="8" t="s">
        <v>1926</v>
      </c>
      <c r="C990" s="9" t="s">
        <v>14869</v>
      </c>
      <c r="D990" s="9" t="s">
        <v>14870</v>
      </c>
      <c r="E990" s="10"/>
      <c r="F990" s="10"/>
      <c r="G990" s="8"/>
      <c r="H990" s="8" t="s">
        <v>14871</v>
      </c>
      <c r="I990" s="11">
        <v>41702</v>
      </c>
      <c r="J990" s="11">
        <v>43922</v>
      </c>
      <c r="K990" s="11">
        <v>46112</v>
      </c>
    </row>
    <row r="991" spans="1:11" x14ac:dyDescent="0.4">
      <c r="A991" s="8" t="s">
        <v>11818</v>
      </c>
      <c r="B991" s="8" t="s">
        <v>48</v>
      </c>
      <c r="C991" s="9" t="s">
        <v>14872</v>
      </c>
      <c r="D991" s="9" t="s">
        <v>14873</v>
      </c>
      <c r="E991" s="10" t="s">
        <v>14874</v>
      </c>
      <c r="F991" s="10"/>
      <c r="G991" s="8"/>
      <c r="H991" s="8" t="s">
        <v>14875</v>
      </c>
      <c r="I991" s="11">
        <v>41702</v>
      </c>
      <c r="J991" s="11">
        <v>43800</v>
      </c>
      <c r="K991" s="11">
        <v>45626</v>
      </c>
    </row>
    <row r="992" spans="1:11" x14ac:dyDescent="0.4">
      <c r="A992" s="8" t="s">
        <v>11818</v>
      </c>
      <c r="B992" s="8" t="s">
        <v>48</v>
      </c>
      <c r="C992" s="9" t="s">
        <v>14876</v>
      </c>
      <c r="D992" s="9" t="s">
        <v>14877</v>
      </c>
      <c r="E992" s="10" t="s">
        <v>14878</v>
      </c>
      <c r="F992" s="10"/>
      <c r="G992" s="8"/>
      <c r="H992" s="8" t="s">
        <v>14879</v>
      </c>
      <c r="I992" s="11">
        <v>41702</v>
      </c>
      <c r="J992" s="11">
        <v>44166</v>
      </c>
      <c r="K992" s="11">
        <v>46356</v>
      </c>
    </row>
    <row r="993" spans="1:11" x14ac:dyDescent="0.4">
      <c r="A993" s="8" t="s">
        <v>11818</v>
      </c>
      <c r="B993" s="8" t="s">
        <v>48</v>
      </c>
      <c r="C993" s="9" t="s">
        <v>14880</v>
      </c>
      <c r="D993" s="9" t="s">
        <v>14881</v>
      </c>
      <c r="E993" s="10" t="s">
        <v>14882</v>
      </c>
      <c r="F993" s="10"/>
      <c r="G993" s="8"/>
      <c r="H993" s="8" t="s">
        <v>14883</v>
      </c>
      <c r="I993" s="11">
        <v>41708</v>
      </c>
      <c r="J993" s="11">
        <v>44166</v>
      </c>
      <c r="K993" s="11">
        <v>46356</v>
      </c>
    </row>
    <row r="994" spans="1:11" x14ac:dyDescent="0.4">
      <c r="A994" s="8" t="s">
        <v>11818</v>
      </c>
      <c r="B994" s="8" t="s">
        <v>633</v>
      </c>
      <c r="C994" s="9" t="s">
        <v>11639</v>
      </c>
      <c r="D994" s="9" t="s">
        <v>11640</v>
      </c>
      <c r="E994" s="10"/>
      <c r="F994" s="10"/>
      <c r="G994" s="8"/>
      <c r="H994" s="8" t="s">
        <v>14884</v>
      </c>
      <c r="I994" s="11">
        <v>41705</v>
      </c>
      <c r="J994" s="11">
        <v>43770</v>
      </c>
      <c r="K994" s="11">
        <v>45596</v>
      </c>
    </row>
    <row r="995" spans="1:11" x14ac:dyDescent="0.4">
      <c r="A995" s="8" t="s">
        <v>11818</v>
      </c>
      <c r="B995" s="8" t="s">
        <v>633</v>
      </c>
      <c r="C995" s="9" t="s">
        <v>14885</v>
      </c>
      <c r="D995" s="9" t="s">
        <v>14886</v>
      </c>
      <c r="E995" s="10"/>
      <c r="F995" s="10" t="s">
        <v>14887</v>
      </c>
      <c r="G995" s="8" t="s">
        <v>14888</v>
      </c>
      <c r="H995" s="8" t="s">
        <v>14889</v>
      </c>
      <c r="I995" s="11">
        <v>41705</v>
      </c>
      <c r="J995" s="11">
        <v>43770</v>
      </c>
      <c r="K995" s="11">
        <v>45596</v>
      </c>
    </row>
    <row r="996" spans="1:11" x14ac:dyDescent="0.4">
      <c r="A996" s="8" t="s">
        <v>11818</v>
      </c>
      <c r="B996" s="8" t="s">
        <v>48</v>
      </c>
      <c r="C996" s="9" t="s">
        <v>14890</v>
      </c>
      <c r="D996" s="9" t="s">
        <v>14891</v>
      </c>
      <c r="E996" s="10" t="s">
        <v>14892</v>
      </c>
      <c r="F996" s="10" t="s">
        <v>14893</v>
      </c>
      <c r="G996" s="8" t="s">
        <v>14894</v>
      </c>
      <c r="H996" s="8" t="s">
        <v>14895</v>
      </c>
      <c r="I996" s="11">
        <v>41706</v>
      </c>
      <c r="J996" s="11">
        <v>44166</v>
      </c>
      <c r="K996" s="11">
        <v>46356</v>
      </c>
    </row>
    <row r="997" spans="1:11" x14ac:dyDescent="0.4">
      <c r="A997" s="8" t="s">
        <v>11818</v>
      </c>
      <c r="B997" s="8" t="s">
        <v>2044</v>
      </c>
      <c r="C997" s="9" t="s">
        <v>14896</v>
      </c>
      <c r="D997" s="9" t="s">
        <v>14897</v>
      </c>
      <c r="E997" s="10"/>
      <c r="F997" s="10"/>
      <c r="G997" s="8"/>
      <c r="H997" s="8" t="s">
        <v>14898</v>
      </c>
      <c r="I997" s="11">
        <v>41709</v>
      </c>
      <c r="J997" s="11">
        <v>43647</v>
      </c>
      <c r="K997" s="11">
        <v>45473</v>
      </c>
    </row>
    <row r="998" spans="1:11" x14ac:dyDescent="0.4">
      <c r="A998" s="8" t="s">
        <v>11818</v>
      </c>
      <c r="B998" s="8" t="s">
        <v>48</v>
      </c>
      <c r="C998" s="9" t="s">
        <v>14899</v>
      </c>
      <c r="D998" s="9" t="s">
        <v>14031</v>
      </c>
      <c r="E998" s="10" t="s">
        <v>14900</v>
      </c>
      <c r="F998" s="10"/>
      <c r="G998" s="8"/>
      <c r="H998" s="8" t="s">
        <v>14901</v>
      </c>
      <c r="I998" s="11">
        <v>41710</v>
      </c>
      <c r="J998" s="11">
        <v>43800</v>
      </c>
      <c r="K998" s="11">
        <v>45626</v>
      </c>
    </row>
    <row r="999" spans="1:11" x14ac:dyDescent="0.4">
      <c r="A999" s="8" t="s">
        <v>11818</v>
      </c>
      <c r="B999" s="8" t="s">
        <v>9278</v>
      </c>
      <c r="C999" s="9" t="s">
        <v>14902</v>
      </c>
      <c r="D999" s="9" t="s">
        <v>14903</v>
      </c>
      <c r="E999" s="10"/>
      <c r="F999" s="10"/>
      <c r="G999" s="8"/>
      <c r="H999" s="8" t="s">
        <v>14904</v>
      </c>
      <c r="I999" s="11">
        <v>41715</v>
      </c>
      <c r="J999" s="11">
        <v>43800</v>
      </c>
      <c r="K999" s="11">
        <v>45626</v>
      </c>
    </row>
    <row r="1000" spans="1:11" x14ac:dyDescent="0.4">
      <c r="A1000" s="8" t="s">
        <v>11818</v>
      </c>
      <c r="B1000" s="8" t="s">
        <v>633</v>
      </c>
      <c r="C1000" s="9" t="s">
        <v>14905</v>
      </c>
      <c r="D1000" s="9" t="s">
        <v>14906</v>
      </c>
      <c r="E1000" s="10"/>
      <c r="F1000" s="10" t="s">
        <v>3539</v>
      </c>
      <c r="G1000" s="8" t="s">
        <v>13771</v>
      </c>
      <c r="H1000" s="8" t="s">
        <v>14907</v>
      </c>
      <c r="I1000" s="11">
        <v>41718</v>
      </c>
      <c r="J1000" s="11">
        <v>43952</v>
      </c>
      <c r="K1000" s="11">
        <v>46142</v>
      </c>
    </row>
    <row r="1001" spans="1:11" x14ac:dyDescent="0.4">
      <c r="A1001" s="8" t="s">
        <v>11818</v>
      </c>
      <c r="B1001" s="8" t="s">
        <v>633</v>
      </c>
      <c r="C1001" s="9" t="s">
        <v>14908</v>
      </c>
      <c r="D1001" s="9" t="s">
        <v>14909</v>
      </c>
      <c r="E1001" s="10"/>
      <c r="F1001" s="10"/>
      <c r="G1001" s="8"/>
      <c r="H1001" s="8" t="s">
        <v>14910</v>
      </c>
      <c r="I1001" s="11">
        <v>41725</v>
      </c>
      <c r="J1001" s="11">
        <v>44166</v>
      </c>
      <c r="K1001" s="11">
        <v>46356</v>
      </c>
    </row>
    <row r="1002" spans="1:11" x14ac:dyDescent="0.4">
      <c r="A1002" s="8" t="s">
        <v>11818</v>
      </c>
      <c r="B1002" s="8" t="s">
        <v>633</v>
      </c>
      <c r="C1002" s="9" t="s">
        <v>14911</v>
      </c>
      <c r="D1002" s="9" t="s">
        <v>14912</v>
      </c>
      <c r="E1002" s="10"/>
      <c r="F1002" s="10" t="s">
        <v>12604</v>
      </c>
      <c r="G1002" s="8" t="s">
        <v>12603</v>
      </c>
      <c r="H1002" s="8" t="s">
        <v>14913</v>
      </c>
      <c r="I1002" s="11">
        <v>41724</v>
      </c>
      <c r="J1002" s="11">
        <v>43952</v>
      </c>
      <c r="K1002" s="11">
        <v>46142</v>
      </c>
    </row>
    <row r="1003" spans="1:11" x14ac:dyDescent="0.4">
      <c r="A1003" s="8" t="s">
        <v>11818</v>
      </c>
      <c r="B1003" s="8" t="s">
        <v>633</v>
      </c>
      <c r="C1003" s="9" t="s">
        <v>14914</v>
      </c>
      <c r="D1003" s="9" t="s">
        <v>14915</v>
      </c>
      <c r="E1003" s="10" t="s">
        <v>14916</v>
      </c>
      <c r="F1003" s="10" t="s">
        <v>1781</v>
      </c>
      <c r="G1003" s="8" t="s">
        <v>14917</v>
      </c>
      <c r="H1003" s="8" t="s">
        <v>14918</v>
      </c>
      <c r="I1003" s="11">
        <v>41730</v>
      </c>
      <c r="J1003" s="11">
        <v>44136</v>
      </c>
      <c r="K1003" s="11">
        <v>46326</v>
      </c>
    </row>
    <row r="1004" spans="1:11" x14ac:dyDescent="0.4">
      <c r="A1004" s="8" t="s">
        <v>11818</v>
      </c>
      <c r="B1004" s="8" t="s">
        <v>2044</v>
      </c>
      <c r="C1004" s="9" t="s">
        <v>14919</v>
      </c>
      <c r="D1004" s="9" t="s">
        <v>14920</v>
      </c>
      <c r="E1004" s="10" t="s">
        <v>7346</v>
      </c>
      <c r="F1004" s="10" t="s">
        <v>13583</v>
      </c>
      <c r="G1004" s="8" t="s">
        <v>13584</v>
      </c>
      <c r="H1004" s="8" t="s">
        <v>14921</v>
      </c>
      <c r="I1004" s="11">
        <v>41723</v>
      </c>
      <c r="J1004" s="11">
        <v>43948</v>
      </c>
      <c r="K1004" s="11">
        <v>46173</v>
      </c>
    </row>
    <row r="1005" spans="1:11" x14ac:dyDescent="0.4">
      <c r="A1005" s="8" t="s">
        <v>11818</v>
      </c>
      <c r="B1005" s="8" t="s">
        <v>3441</v>
      </c>
      <c r="C1005" s="9" t="s">
        <v>14922</v>
      </c>
      <c r="D1005" s="9" t="s">
        <v>14923</v>
      </c>
      <c r="E1005" s="10"/>
      <c r="F1005" s="10"/>
      <c r="G1005" s="8"/>
      <c r="H1005" s="8" t="s">
        <v>14924</v>
      </c>
      <c r="I1005" s="11">
        <v>41730</v>
      </c>
      <c r="J1005" s="11">
        <v>44013</v>
      </c>
      <c r="K1005" s="11">
        <v>46203</v>
      </c>
    </row>
    <row r="1006" spans="1:11" x14ac:dyDescent="0.4">
      <c r="A1006" s="8" t="s">
        <v>11818</v>
      </c>
      <c r="B1006" s="8" t="s">
        <v>633</v>
      </c>
      <c r="C1006" s="9" t="s">
        <v>14925</v>
      </c>
      <c r="D1006" s="9" t="s">
        <v>14926</v>
      </c>
      <c r="E1006" s="10"/>
      <c r="F1006" s="10" t="s">
        <v>2634</v>
      </c>
      <c r="G1006" s="8" t="s">
        <v>12325</v>
      </c>
      <c r="H1006" s="8" t="s">
        <v>14927</v>
      </c>
      <c r="I1006" s="11">
        <v>41730</v>
      </c>
      <c r="J1006" s="11">
        <v>44317</v>
      </c>
      <c r="K1006" s="11">
        <v>46873</v>
      </c>
    </row>
    <row r="1007" spans="1:11" x14ac:dyDescent="0.4">
      <c r="A1007" s="8" t="s">
        <v>11818</v>
      </c>
      <c r="B1007" s="8" t="s">
        <v>633</v>
      </c>
      <c r="C1007" s="9" t="s">
        <v>14928</v>
      </c>
      <c r="D1007" s="9" t="s">
        <v>14929</v>
      </c>
      <c r="E1007" s="10"/>
      <c r="F1007" s="10" t="s">
        <v>4085</v>
      </c>
      <c r="G1007" s="8" t="s">
        <v>14930</v>
      </c>
      <c r="H1007" s="8" t="s">
        <v>14931</v>
      </c>
      <c r="I1007" s="11">
        <v>41730</v>
      </c>
      <c r="J1007" s="11">
        <v>44105</v>
      </c>
      <c r="K1007" s="11">
        <v>46295</v>
      </c>
    </row>
    <row r="1008" spans="1:11" x14ac:dyDescent="0.4">
      <c r="A1008" s="8" t="s">
        <v>11818</v>
      </c>
      <c r="B1008" s="8" t="s">
        <v>48</v>
      </c>
      <c r="C1008" s="9" t="s">
        <v>14932</v>
      </c>
      <c r="D1008" s="9" t="s">
        <v>14933</v>
      </c>
      <c r="E1008" s="10" t="s">
        <v>14934</v>
      </c>
      <c r="F1008" s="10"/>
      <c r="G1008" s="8"/>
      <c r="H1008" s="8" t="s">
        <v>14935</v>
      </c>
      <c r="I1008" s="11">
        <v>41727</v>
      </c>
      <c r="J1008" s="11">
        <v>44105</v>
      </c>
      <c r="K1008" s="11">
        <v>46295</v>
      </c>
    </row>
    <row r="1009" spans="1:11" x14ac:dyDescent="0.4">
      <c r="A1009" s="8" t="s">
        <v>11818</v>
      </c>
      <c r="B1009" s="8" t="s">
        <v>633</v>
      </c>
      <c r="C1009" s="9" t="s">
        <v>14936</v>
      </c>
      <c r="D1009" s="9" t="s">
        <v>14937</v>
      </c>
      <c r="E1009" s="10"/>
      <c r="F1009" s="10" t="s">
        <v>2389</v>
      </c>
      <c r="G1009" s="8" t="s">
        <v>13475</v>
      </c>
      <c r="H1009" s="8" t="s">
        <v>14938</v>
      </c>
      <c r="I1009" s="11">
        <v>41730</v>
      </c>
      <c r="J1009" s="11">
        <v>44013</v>
      </c>
      <c r="K1009" s="11">
        <v>46203</v>
      </c>
    </row>
    <row r="1010" spans="1:11" x14ac:dyDescent="0.4">
      <c r="A1010" s="8" t="s">
        <v>11818</v>
      </c>
      <c r="B1010" s="8" t="s">
        <v>633</v>
      </c>
      <c r="C1010" s="9" t="s">
        <v>14939</v>
      </c>
      <c r="D1010" s="9" t="s">
        <v>14940</v>
      </c>
      <c r="E1010" s="10"/>
      <c r="F1010" s="10" t="s">
        <v>13479</v>
      </c>
      <c r="G1010" s="8" t="s">
        <v>14405</v>
      </c>
      <c r="H1010" s="8" t="s">
        <v>14941</v>
      </c>
      <c r="I1010" s="11">
        <v>41730</v>
      </c>
      <c r="J1010" s="11">
        <v>44317</v>
      </c>
      <c r="K1010" s="11">
        <v>46873</v>
      </c>
    </row>
    <row r="1011" spans="1:11" x14ac:dyDescent="0.4">
      <c r="A1011" s="8" t="s">
        <v>11818</v>
      </c>
      <c r="B1011" s="8" t="s">
        <v>633</v>
      </c>
      <c r="C1011" s="9" t="s">
        <v>14942</v>
      </c>
      <c r="D1011" s="9" t="s">
        <v>14943</v>
      </c>
      <c r="E1011" s="10"/>
      <c r="F1011" s="10" t="s">
        <v>2913</v>
      </c>
      <c r="G1011" s="8" t="s">
        <v>14583</v>
      </c>
      <c r="H1011" s="8" t="s">
        <v>14944</v>
      </c>
      <c r="I1011" s="11">
        <v>41730</v>
      </c>
      <c r="J1011" s="11">
        <v>43952</v>
      </c>
      <c r="K1011" s="11">
        <v>46142</v>
      </c>
    </row>
    <row r="1012" spans="1:11" x14ac:dyDescent="0.4">
      <c r="A1012" s="8" t="s">
        <v>11818</v>
      </c>
      <c r="B1012" s="8" t="s">
        <v>48</v>
      </c>
      <c r="C1012" s="9" t="s">
        <v>14945</v>
      </c>
      <c r="D1012" s="9" t="s">
        <v>13738</v>
      </c>
      <c r="E1012" s="10" t="s">
        <v>14946</v>
      </c>
      <c r="F1012" s="10"/>
      <c r="G1012" s="8"/>
      <c r="H1012" s="8" t="s">
        <v>14947</v>
      </c>
      <c r="I1012" s="11">
        <v>41730</v>
      </c>
      <c r="J1012" s="11">
        <v>43800</v>
      </c>
      <c r="K1012" s="11">
        <v>45626</v>
      </c>
    </row>
    <row r="1013" spans="1:11" x14ac:dyDescent="0.4">
      <c r="A1013" s="8" t="s">
        <v>11818</v>
      </c>
      <c r="B1013" s="8" t="s">
        <v>3083</v>
      </c>
      <c r="C1013" s="9" t="s">
        <v>14948</v>
      </c>
      <c r="D1013" s="9" t="s">
        <v>14949</v>
      </c>
      <c r="E1013" s="10"/>
      <c r="F1013" s="10" t="s">
        <v>3657</v>
      </c>
      <c r="G1013" s="8" t="s">
        <v>12415</v>
      </c>
      <c r="H1013" s="8" t="s">
        <v>14950</v>
      </c>
      <c r="I1013" s="11">
        <v>41740</v>
      </c>
      <c r="J1013" s="11">
        <v>43952</v>
      </c>
      <c r="K1013" s="11">
        <v>46142</v>
      </c>
    </row>
    <row r="1014" spans="1:11" x14ac:dyDescent="0.4">
      <c r="A1014" s="8" t="s">
        <v>11818</v>
      </c>
      <c r="B1014" s="8" t="s">
        <v>48</v>
      </c>
      <c r="C1014" s="9" t="s">
        <v>14951</v>
      </c>
      <c r="D1014" s="9" t="s">
        <v>14952</v>
      </c>
      <c r="E1014" s="10" t="s">
        <v>14953</v>
      </c>
      <c r="F1014" s="10"/>
      <c r="G1014" s="8"/>
      <c r="H1014" s="8" t="s">
        <v>14954</v>
      </c>
      <c r="I1014" s="11">
        <v>41732</v>
      </c>
      <c r="J1014" s="11">
        <v>44166</v>
      </c>
      <c r="K1014" s="11">
        <v>46356</v>
      </c>
    </row>
    <row r="1015" spans="1:11" x14ac:dyDescent="0.4">
      <c r="A1015" s="8" t="s">
        <v>11818</v>
      </c>
      <c r="B1015" s="8" t="s">
        <v>698</v>
      </c>
      <c r="C1015" s="9" t="s">
        <v>14955</v>
      </c>
      <c r="D1015" s="9" t="s">
        <v>14956</v>
      </c>
      <c r="E1015" s="10"/>
      <c r="F1015" s="10"/>
      <c r="G1015" s="8"/>
      <c r="H1015" s="8" t="s">
        <v>14957</v>
      </c>
      <c r="I1015" s="11">
        <v>41732</v>
      </c>
      <c r="J1015" s="11">
        <v>43800</v>
      </c>
      <c r="K1015" s="11">
        <v>45626</v>
      </c>
    </row>
    <row r="1016" spans="1:11" x14ac:dyDescent="0.4">
      <c r="A1016" s="8" t="s">
        <v>11818</v>
      </c>
      <c r="B1016" s="8" t="s">
        <v>48</v>
      </c>
      <c r="C1016" s="9" t="s">
        <v>14958</v>
      </c>
      <c r="D1016" s="9" t="s">
        <v>14959</v>
      </c>
      <c r="E1016" s="10"/>
      <c r="F1016" s="10"/>
      <c r="G1016" s="8"/>
      <c r="H1016" s="8" t="s">
        <v>14960</v>
      </c>
      <c r="I1016" s="11">
        <v>41733</v>
      </c>
      <c r="J1016" s="11">
        <v>43770</v>
      </c>
      <c r="K1016" s="11">
        <v>45596</v>
      </c>
    </row>
    <row r="1017" spans="1:11" x14ac:dyDescent="0.4">
      <c r="A1017" s="8" t="s">
        <v>11818</v>
      </c>
      <c r="B1017" s="8" t="s">
        <v>633</v>
      </c>
      <c r="C1017" s="9" t="s">
        <v>14961</v>
      </c>
      <c r="D1017" s="9" t="s">
        <v>14962</v>
      </c>
      <c r="E1017" s="10" t="s">
        <v>14963</v>
      </c>
      <c r="F1017" s="10" t="s">
        <v>2634</v>
      </c>
      <c r="G1017" s="8" t="s">
        <v>12325</v>
      </c>
      <c r="H1017" s="8" t="s">
        <v>14964</v>
      </c>
      <c r="I1017" s="11">
        <v>41744</v>
      </c>
      <c r="J1017" s="11">
        <v>44013</v>
      </c>
      <c r="K1017" s="11">
        <v>46203</v>
      </c>
    </row>
    <row r="1018" spans="1:11" x14ac:dyDescent="0.4">
      <c r="A1018" s="8" t="s">
        <v>11818</v>
      </c>
      <c r="B1018" s="8" t="s">
        <v>698</v>
      </c>
      <c r="C1018" s="9" t="s">
        <v>11642</v>
      </c>
      <c r="D1018" s="9" t="s">
        <v>11643</v>
      </c>
      <c r="E1018" s="10"/>
      <c r="F1018" s="10" t="s">
        <v>11644</v>
      </c>
      <c r="G1018" s="8" t="s">
        <v>11645</v>
      </c>
      <c r="H1018" s="8" t="s">
        <v>14965</v>
      </c>
      <c r="I1018" s="11">
        <v>41739</v>
      </c>
      <c r="J1018" s="11">
        <v>44013</v>
      </c>
      <c r="K1018" s="11">
        <v>46203</v>
      </c>
    </row>
    <row r="1019" spans="1:11" x14ac:dyDescent="0.4">
      <c r="A1019" s="8" t="s">
        <v>11818</v>
      </c>
      <c r="B1019" s="8" t="s">
        <v>6444</v>
      </c>
      <c r="C1019" s="9" t="s">
        <v>14966</v>
      </c>
      <c r="D1019" s="9" t="s">
        <v>14967</v>
      </c>
      <c r="E1019" s="10"/>
      <c r="F1019" s="10" t="s">
        <v>14968</v>
      </c>
      <c r="G1019" s="8" t="s">
        <v>14969</v>
      </c>
      <c r="H1019" s="8" t="s">
        <v>14970</v>
      </c>
      <c r="I1019" s="11">
        <v>41745</v>
      </c>
      <c r="J1019" s="11">
        <v>44287</v>
      </c>
      <c r="K1019" s="11">
        <v>46477</v>
      </c>
    </row>
    <row r="1020" spans="1:11" x14ac:dyDescent="0.4">
      <c r="A1020" s="8" t="s">
        <v>11818</v>
      </c>
      <c r="B1020" s="8" t="s">
        <v>48</v>
      </c>
      <c r="C1020" s="9" t="s">
        <v>14971</v>
      </c>
      <c r="D1020" s="9" t="s">
        <v>12599</v>
      </c>
      <c r="E1020" s="10" t="s">
        <v>14972</v>
      </c>
      <c r="F1020" s="10"/>
      <c r="G1020" s="8"/>
      <c r="H1020" s="8" t="s">
        <v>14973</v>
      </c>
      <c r="I1020" s="11">
        <v>41753</v>
      </c>
      <c r="J1020" s="11">
        <v>43800</v>
      </c>
      <c r="K1020" s="11">
        <v>45626</v>
      </c>
    </row>
    <row r="1021" spans="1:11" x14ac:dyDescent="0.4">
      <c r="A1021" s="8" t="s">
        <v>11818</v>
      </c>
      <c r="B1021" s="8" t="s">
        <v>633</v>
      </c>
      <c r="C1021" s="9" t="s">
        <v>14974</v>
      </c>
      <c r="D1021" s="9" t="s">
        <v>14975</v>
      </c>
      <c r="E1021" s="10" t="s">
        <v>14976</v>
      </c>
      <c r="F1021" s="10" t="s">
        <v>14977</v>
      </c>
      <c r="G1021" s="8" t="s">
        <v>14978</v>
      </c>
      <c r="H1021" s="8" t="s">
        <v>14979</v>
      </c>
      <c r="I1021" s="11">
        <v>41791</v>
      </c>
      <c r="J1021" s="11">
        <v>44317</v>
      </c>
      <c r="K1021" s="11">
        <v>46507</v>
      </c>
    </row>
    <row r="1022" spans="1:11" x14ac:dyDescent="0.4">
      <c r="A1022" s="8" t="s">
        <v>11818</v>
      </c>
      <c r="B1022" s="8" t="s">
        <v>48</v>
      </c>
      <c r="C1022" s="9" t="s">
        <v>14980</v>
      </c>
      <c r="D1022" s="9" t="s">
        <v>14981</v>
      </c>
      <c r="E1022" s="10"/>
      <c r="F1022" s="10" t="s">
        <v>14982</v>
      </c>
      <c r="G1022" s="8" t="s">
        <v>14983</v>
      </c>
      <c r="H1022" s="8" t="s">
        <v>14984</v>
      </c>
      <c r="I1022" s="11">
        <v>41753</v>
      </c>
      <c r="J1022" s="11">
        <v>43922</v>
      </c>
      <c r="K1022" s="11">
        <v>45747</v>
      </c>
    </row>
    <row r="1023" spans="1:11" x14ac:dyDescent="0.4">
      <c r="A1023" s="8" t="s">
        <v>11818</v>
      </c>
      <c r="B1023" s="8" t="s">
        <v>48</v>
      </c>
      <c r="C1023" s="9" t="s">
        <v>14985</v>
      </c>
      <c r="D1023" s="9" t="s">
        <v>14986</v>
      </c>
      <c r="E1023" s="10"/>
      <c r="F1023" s="10"/>
      <c r="G1023" s="8"/>
      <c r="H1023" s="8" t="s">
        <v>14987</v>
      </c>
      <c r="I1023" s="11">
        <v>41759</v>
      </c>
      <c r="J1023" s="11">
        <v>43983</v>
      </c>
      <c r="K1023" s="11">
        <v>46173</v>
      </c>
    </row>
    <row r="1024" spans="1:11" x14ac:dyDescent="0.4">
      <c r="A1024" s="8" t="s">
        <v>11818</v>
      </c>
      <c r="B1024" s="8" t="s">
        <v>698</v>
      </c>
      <c r="C1024" s="9" t="s">
        <v>14988</v>
      </c>
      <c r="D1024" s="9" t="s">
        <v>12261</v>
      </c>
      <c r="E1024" s="10"/>
      <c r="F1024" s="10"/>
      <c r="G1024" s="8"/>
      <c r="H1024" s="8" t="s">
        <v>14989</v>
      </c>
      <c r="I1024" s="11">
        <v>41762</v>
      </c>
      <c r="J1024" s="11">
        <v>43922</v>
      </c>
      <c r="K1024" s="11">
        <v>45747</v>
      </c>
    </row>
    <row r="1025" spans="1:11" x14ac:dyDescent="0.4">
      <c r="A1025" s="8" t="s">
        <v>11818</v>
      </c>
      <c r="B1025" s="8" t="s">
        <v>48</v>
      </c>
      <c r="C1025" s="9" t="s">
        <v>14990</v>
      </c>
      <c r="D1025" s="9" t="s">
        <v>14991</v>
      </c>
      <c r="E1025" s="10"/>
      <c r="F1025" s="10"/>
      <c r="G1025" s="8"/>
      <c r="H1025" s="8" t="s">
        <v>14992</v>
      </c>
      <c r="I1025" s="11">
        <v>41762</v>
      </c>
      <c r="J1025" s="11">
        <v>43952</v>
      </c>
      <c r="K1025" s="11">
        <v>45777</v>
      </c>
    </row>
    <row r="1026" spans="1:11" x14ac:dyDescent="0.4">
      <c r="A1026" s="8" t="s">
        <v>11818</v>
      </c>
      <c r="B1026" s="8" t="s">
        <v>3441</v>
      </c>
      <c r="C1026" s="9" t="s">
        <v>14993</v>
      </c>
      <c r="D1026" s="9" t="s">
        <v>14994</v>
      </c>
      <c r="E1026" s="10"/>
      <c r="F1026" s="10" t="s">
        <v>14995</v>
      </c>
      <c r="G1026" s="8" t="s">
        <v>14996</v>
      </c>
      <c r="H1026" s="8" t="s">
        <v>14997</v>
      </c>
      <c r="I1026" s="11">
        <v>41761</v>
      </c>
      <c r="J1026" s="11">
        <v>44317</v>
      </c>
      <c r="K1026" s="11">
        <v>46507</v>
      </c>
    </row>
    <row r="1027" spans="1:11" x14ac:dyDescent="0.4">
      <c r="A1027" s="8" t="s">
        <v>11818</v>
      </c>
      <c r="B1027" s="8" t="s">
        <v>3441</v>
      </c>
      <c r="C1027" s="9" t="s">
        <v>14998</v>
      </c>
      <c r="D1027" s="9" t="s">
        <v>14999</v>
      </c>
      <c r="E1027" s="10"/>
      <c r="F1027" s="10"/>
      <c r="G1027" s="8"/>
      <c r="H1027" s="8" t="s">
        <v>15000</v>
      </c>
      <c r="I1027" s="11">
        <v>41774</v>
      </c>
      <c r="J1027" s="11">
        <v>44287</v>
      </c>
      <c r="K1027" s="11">
        <v>46477</v>
      </c>
    </row>
    <row r="1028" spans="1:11" x14ac:dyDescent="0.4">
      <c r="A1028" s="8" t="s">
        <v>11818</v>
      </c>
      <c r="B1028" s="8" t="s">
        <v>2044</v>
      </c>
      <c r="C1028" s="9" t="s">
        <v>15001</v>
      </c>
      <c r="D1028" s="9" t="s">
        <v>15002</v>
      </c>
      <c r="E1028" s="10" t="s">
        <v>15003</v>
      </c>
      <c r="F1028" s="10"/>
      <c r="G1028" s="8"/>
      <c r="H1028" s="8" t="s">
        <v>15004</v>
      </c>
      <c r="I1028" s="11">
        <v>41779</v>
      </c>
      <c r="J1028" s="11">
        <v>44105</v>
      </c>
      <c r="K1028" s="11">
        <v>46295</v>
      </c>
    </row>
    <row r="1029" spans="1:11" x14ac:dyDescent="0.4">
      <c r="A1029" s="8" t="s">
        <v>11818</v>
      </c>
      <c r="B1029" s="8" t="s">
        <v>2044</v>
      </c>
      <c r="C1029" s="9" t="s">
        <v>15005</v>
      </c>
      <c r="D1029" s="9" t="s">
        <v>15006</v>
      </c>
      <c r="E1029" s="10" t="s">
        <v>15007</v>
      </c>
      <c r="F1029" s="10"/>
      <c r="G1029" s="8"/>
      <c r="H1029" s="8" t="s">
        <v>15008</v>
      </c>
      <c r="I1029" s="11">
        <v>41779</v>
      </c>
      <c r="J1029" s="11">
        <v>43952</v>
      </c>
      <c r="K1029" s="11">
        <v>45777</v>
      </c>
    </row>
    <row r="1030" spans="1:11" x14ac:dyDescent="0.4">
      <c r="A1030" s="8" t="s">
        <v>11818</v>
      </c>
      <c r="B1030" s="8" t="s">
        <v>6444</v>
      </c>
      <c r="C1030" s="9" t="s">
        <v>15009</v>
      </c>
      <c r="D1030" s="9" t="s">
        <v>15010</v>
      </c>
      <c r="E1030" s="10"/>
      <c r="F1030" s="10"/>
      <c r="G1030" s="8"/>
      <c r="H1030" s="8" t="s">
        <v>15011</v>
      </c>
      <c r="I1030" s="11">
        <v>41788</v>
      </c>
      <c r="J1030" s="11">
        <v>44287</v>
      </c>
      <c r="K1030" s="11">
        <v>46477</v>
      </c>
    </row>
    <row r="1031" spans="1:11" x14ac:dyDescent="0.4">
      <c r="A1031" s="8" t="s">
        <v>11818</v>
      </c>
      <c r="B1031" s="8" t="s">
        <v>6444</v>
      </c>
      <c r="C1031" s="9" t="s">
        <v>15012</v>
      </c>
      <c r="D1031" s="9" t="s">
        <v>12517</v>
      </c>
      <c r="E1031" s="10" t="s">
        <v>12522</v>
      </c>
      <c r="F1031" s="10" t="s">
        <v>15013</v>
      </c>
      <c r="G1031" s="8" t="s">
        <v>15014</v>
      </c>
      <c r="H1031" s="8" t="s">
        <v>15015</v>
      </c>
      <c r="I1031" s="11">
        <v>41779</v>
      </c>
      <c r="J1031" s="11">
        <v>44317</v>
      </c>
      <c r="K1031" s="11">
        <v>46507</v>
      </c>
    </row>
    <row r="1032" spans="1:11" x14ac:dyDescent="0.4">
      <c r="A1032" s="8" t="s">
        <v>11818</v>
      </c>
      <c r="B1032" s="8" t="s">
        <v>48</v>
      </c>
      <c r="C1032" s="9" t="s">
        <v>15016</v>
      </c>
      <c r="D1032" s="9" t="s">
        <v>15017</v>
      </c>
      <c r="E1032" s="10"/>
      <c r="F1032" s="10" t="s">
        <v>15018</v>
      </c>
      <c r="G1032" s="8" t="s">
        <v>15019</v>
      </c>
      <c r="H1032" s="8" t="s">
        <v>15020</v>
      </c>
      <c r="I1032" s="11">
        <v>41783</v>
      </c>
      <c r="J1032" s="11">
        <v>44317</v>
      </c>
      <c r="K1032" s="11">
        <v>46507</v>
      </c>
    </row>
    <row r="1033" spans="1:11" x14ac:dyDescent="0.4">
      <c r="A1033" s="8" t="s">
        <v>11818</v>
      </c>
      <c r="B1033" s="8" t="s">
        <v>48</v>
      </c>
      <c r="C1033" s="9" t="s">
        <v>15021</v>
      </c>
      <c r="D1033" s="9" t="s">
        <v>15022</v>
      </c>
      <c r="E1033" s="10" t="s">
        <v>15023</v>
      </c>
      <c r="F1033" s="10"/>
      <c r="G1033" s="8"/>
      <c r="H1033" s="8" t="s">
        <v>15024</v>
      </c>
      <c r="I1033" s="11">
        <v>41787</v>
      </c>
      <c r="J1033" s="11">
        <v>43800</v>
      </c>
      <c r="K1033" s="11">
        <v>45626</v>
      </c>
    </row>
    <row r="1034" spans="1:11" x14ac:dyDescent="0.4">
      <c r="A1034" s="8" t="s">
        <v>11818</v>
      </c>
      <c r="B1034" s="8" t="s">
        <v>48</v>
      </c>
      <c r="C1034" s="9" t="s">
        <v>15025</v>
      </c>
      <c r="D1034" s="9" t="s">
        <v>14231</v>
      </c>
      <c r="E1034" s="10" t="s">
        <v>15026</v>
      </c>
      <c r="F1034" s="10"/>
      <c r="G1034" s="8"/>
      <c r="H1034" s="8" t="s">
        <v>15027</v>
      </c>
      <c r="I1034" s="11">
        <v>41802</v>
      </c>
      <c r="J1034" s="11">
        <v>43983</v>
      </c>
      <c r="K1034" s="11">
        <v>45808</v>
      </c>
    </row>
    <row r="1035" spans="1:11" x14ac:dyDescent="0.4">
      <c r="A1035" s="8" t="s">
        <v>11818</v>
      </c>
      <c r="B1035" s="8" t="s">
        <v>633</v>
      </c>
      <c r="C1035" s="9" t="s">
        <v>15028</v>
      </c>
      <c r="D1035" s="9" t="s">
        <v>15029</v>
      </c>
      <c r="E1035" s="10"/>
      <c r="F1035" s="10" t="s">
        <v>11677</v>
      </c>
      <c r="G1035" s="8" t="s">
        <v>11678</v>
      </c>
      <c r="H1035" s="8" t="s">
        <v>15030</v>
      </c>
      <c r="I1035" s="11">
        <v>41802</v>
      </c>
      <c r="J1035" s="11">
        <v>44013</v>
      </c>
      <c r="K1035" s="11">
        <v>46203</v>
      </c>
    </row>
    <row r="1036" spans="1:11" x14ac:dyDescent="0.4">
      <c r="A1036" s="8" t="s">
        <v>11818</v>
      </c>
      <c r="B1036" s="8" t="s">
        <v>48</v>
      </c>
      <c r="C1036" s="9" t="s">
        <v>15031</v>
      </c>
      <c r="D1036" s="9" t="s">
        <v>15032</v>
      </c>
      <c r="E1036" s="10" t="s">
        <v>15033</v>
      </c>
      <c r="F1036" s="10" t="s">
        <v>15034</v>
      </c>
      <c r="G1036" s="8" t="s">
        <v>15035</v>
      </c>
      <c r="H1036" s="8" t="s">
        <v>15036</v>
      </c>
      <c r="I1036" s="11">
        <v>41806</v>
      </c>
      <c r="J1036" s="11">
        <v>44348</v>
      </c>
      <c r="K1036" s="11">
        <v>46538</v>
      </c>
    </row>
    <row r="1037" spans="1:11" x14ac:dyDescent="0.4">
      <c r="A1037" s="8" t="s">
        <v>11818</v>
      </c>
      <c r="B1037" s="8" t="s">
        <v>48</v>
      </c>
      <c r="C1037" s="9" t="s">
        <v>15037</v>
      </c>
      <c r="D1037" s="9" t="s">
        <v>15038</v>
      </c>
      <c r="E1037" s="10" t="s">
        <v>15039</v>
      </c>
      <c r="F1037" s="10"/>
      <c r="G1037" s="8"/>
      <c r="H1037" s="8" t="s">
        <v>15040</v>
      </c>
      <c r="I1037" s="11">
        <v>41821</v>
      </c>
      <c r="J1037" s="11">
        <v>44317</v>
      </c>
      <c r="K1037" s="11">
        <v>46507</v>
      </c>
    </row>
    <row r="1038" spans="1:11" x14ac:dyDescent="0.4">
      <c r="A1038" s="8" t="s">
        <v>11818</v>
      </c>
      <c r="B1038" s="8" t="s">
        <v>698</v>
      </c>
      <c r="C1038" s="9" t="s">
        <v>15041</v>
      </c>
      <c r="D1038" s="9" t="s">
        <v>15042</v>
      </c>
      <c r="E1038" s="10"/>
      <c r="F1038" s="10"/>
      <c r="G1038" s="8"/>
      <c r="H1038" s="8" t="s">
        <v>15043</v>
      </c>
      <c r="I1038" s="11">
        <v>41819</v>
      </c>
      <c r="J1038" s="11">
        <v>43770</v>
      </c>
      <c r="K1038" s="11">
        <v>45596</v>
      </c>
    </row>
    <row r="1039" spans="1:11" x14ac:dyDescent="0.4">
      <c r="A1039" s="8" t="s">
        <v>11818</v>
      </c>
      <c r="B1039" s="8" t="s">
        <v>698</v>
      </c>
      <c r="C1039" s="9" t="s">
        <v>15044</v>
      </c>
      <c r="D1039" s="9" t="s">
        <v>15045</v>
      </c>
      <c r="E1039" s="10"/>
      <c r="F1039" s="10"/>
      <c r="G1039" s="8"/>
      <c r="H1039" s="8" t="s">
        <v>15046</v>
      </c>
      <c r="I1039" s="11">
        <v>41815</v>
      </c>
      <c r="J1039" s="11">
        <v>44317</v>
      </c>
      <c r="K1039" s="11">
        <v>46507</v>
      </c>
    </row>
    <row r="1040" spans="1:11" x14ac:dyDescent="0.4">
      <c r="A1040" s="8" t="s">
        <v>11818</v>
      </c>
      <c r="B1040" s="8" t="s">
        <v>6444</v>
      </c>
      <c r="C1040" s="9" t="s">
        <v>15047</v>
      </c>
      <c r="D1040" s="9" t="s">
        <v>15048</v>
      </c>
      <c r="E1040" s="10"/>
      <c r="F1040" s="10"/>
      <c r="G1040" s="8"/>
      <c r="H1040" s="8" t="s">
        <v>15049</v>
      </c>
      <c r="I1040" s="11">
        <v>41821</v>
      </c>
      <c r="J1040" s="11">
        <v>44317</v>
      </c>
      <c r="K1040" s="11">
        <v>46507</v>
      </c>
    </row>
    <row r="1041" spans="1:11" x14ac:dyDescent="0.4">
      <c r="A1041" s="8" t="s">
        <v>11818</v>
      </c>
      <c r="B1041" s="8" t="s">
        <v>633</v>
      </c>
      <c r="C1041" s="9" t="s">
        <v>15050</v>
      </c>
      <c r="D1041" s="9" t="s">
        <v>15051</v>
      </c>
      <c r="E1041" s="10"/>
      <c r="F1041" s="10"/>
      <c r="G1041" s="8"/>
      <c r="H1041" s="8" t="s">
        <v>15052</v>
      </c>
      <c r="I1041" s="11">
        <v>41821</v>
      </c>
      <c r="J1041" s="11">
        <v>44287</v>
      </c>
      <c r="K1041" s="11">
        <v>46477</v>
      </c>
    </row>
    <row r="1042" spans="1:11" x14ac:dyDescent="0.4">
      <c r="A1042" s="8" t="s">
        <v>11818</v>
      </c>
      <c r="B1042" s="8" t="s">
        <v>2044</v>
      </c>
      <c r="C1042" s="9" t="s">
        <v>15053</v>
      </c>
      <c r="D1042" s="9" t="s">
        <v>15054</v>
      </c>
      <c r="E1042" s="10"/>
      <c r="F1042" s="10"/>
      <c r="G1042" s="8"/>
      <c r="H1042" s="8" t="s">
        <v>15055</v>
      </c>
      <c r="I1042" s="11">
        <v>41839</v>
      </c>
      <c r="J1042" s="11">
        <v>43739</v>
      </c>
      <c r="K1042" s="11">
        <v>45565</v>
      </c>
    </row>
    <row r="1043" spans="1:11" x14ac:dyDescent="0.4">
      <c r="A1043" s="8" t="s">
        <v>11818</v>
      </c>
      <c r="B1043" s="8" t="s">
        <v>9278</v>
      </c>
      <c r="C1043" s="9" t="s">
        <v>15056</v>
      </c>
      <c r="D1043" s="9" t="s">
        <v>15057</v>
      </c>
      <c r="E1043" s="10"/>
      <c r="F1043" s="10"/>
      <c r="G1043" s="8"/>
      <c r="H1043" s="8" t="s">
        <v>15058</v>
      </c>
      <c r="I1043" s="11">
        <v>41824</v>
      </c>
      <c r="J1043" s="11">
        <v>44317</v>
      </c>
      <c r="K1043" s="11">
        <v>46507</v>
      </c>
    </row>
    <row r="1044" spans="1:11" x14ac:dyDescent="0.4">
      <c r="A1044" s="8" t="s">
        <v>11818</v>
      </c>
      <c r="B1044" s="8" t="s">
        <v>633</v>
      </c>
      <c r="C1044" s="9" t="s">
        <v>15059</v>
      </c>
      <c r="D1044" s="9" t="s">
        <v>15060</v>
      </c>
      <c r="E1044" s="10"/>
      <c r="F1044" s="10"/>
      <c r="G1044" s="8"/>
      <c r="H1044" s="8" t="s">
        <v>15061</v>
      </c>
      <c r="I1044" s="11">
        <v>41824</v>
      </c>
      <c r="J1044" s="11">
        <v>44287</v>
      </c>
      <c r="K1044" s="11">
        <v>46477</v>
      </c>
    </row>
    <row r="1045" spans="1:11" x14ac:dyDescent="0.4">
      <c r="A1045" s="8" t="s">
        <v>11818</v>
      </c>
      <c r="B1045" s="8" t="s">
        <v>2044</v>
      </c>
      <c r="C1045" s="9" t="s">
        <v>15062</v>
      </c>
      <c r="D1045" s="9" t="s">
        <v>15063</v>
      </c>
      <c r="E1045" s="10"/>
      <c r="F1045" s="10" t="s">
        <v>15064</v>
      </c>
      <c r="G1045" s="8" t="s">
        <v>15065</v>
      </c>
      <c r="H1045" s="8" t="s">
        <v>15066</v>
      </c>
      <c r="I1045" s="11">
        <v>41831</v>
      </c>
      <c r="J1045" s="11">
        <v>44166</v>
      </c>
      <c r="K1045" s="11">
        <v>46356</v>
      </c>
    </row>
    <row r="1046" spans="1:11" x14ac:dyDescent="0.4">
      <c r="A1046" s="8" t="s">
        <v>11818</v>
      </c>
      <c r="B1046" s="8" t="s">
        <v>2044</v>
      </c>
      <c r="C1046" s="9" t="s">
        <v>15067</v>
      </c>
      <c r="D1046" s="9" t="s">
        <v>15068</v>
      </c>
      <c r="E1046" s="10"/>
      <c r="F1046" s="10" t="s">
        <v>13765</v>
      </c>
      <c r="G1046" s="8" t="s">
        <v>13766</v>
      </c>
      <c r="H1046" s="8" t="s">
        <v>15069</v>
      </c>
      <c r="I1046" s="11">
        <v>41838</v>
      </c>
      <c r="J1046" s="11">
        <v>44287</v>
      </c>
      <c r="K1046" s="11">
        <v>46477</v>
      </c>
    </row>
    <row r="1047" spans="1:11" x14ac:dyDescent="0.4">
      <c r="A1047" s="8" t="s">
        <v>11818</v>
      </c>
      <c r="B1047" s="8" t="s">
        <v>5454</v>
      </c>
      <c r="C1047" s="9" t="s">
        <v>15070</v>
      </c>
      <c r="D1047" s="9" t="s">
        <v>15071</v>
      </c>
      <c r="E1047" s="10" t="s">
        <v>15072</v>
      </c>
      <c r="F1047" s="10" t="s">
        <v>15073</v>
      </c>
      <c r="G1047" s="8" t="s">
        <v>15074</v>
      </c>
      <c r="H1047" s="8" t="s">
        <v>15075</v>
      </c>
      <c r="I1047" s="11">
        <v>41831</v>
      </c>
      <c r="J1047" s="11">
        <v>44166</v>
      </c>
      <c r="K1047" s="11">
        <v>46356</v>
      </c>
    </row>
    <row r="1048" spans="1:11" x14ac:dyDescent="0.4">
      <c r="A1048" s="8" t="s">
        <v>11818</v>
      </c>
      <c r="B1048" s="8" t="s">
        <v>48</v>
      </c>
      <c r="C1048" s="9" t="s">
        <v>15076</v>
      </c>
      <c r="D1048" s="9" t="s">
        <v>15077</v>
      </c>
      <c r="E1048" s="10"/>
      <c r="F1048" s="10"/>
      <c r="G1048" s="8"/>
      <c r="H1048" s="8" t="s">
        <v>15078</v>
      </c>
      <c r="I1048" s="11">
        <v>41843</v>
      </c>
      <c r="J1048" s="11">
        <v>44013</v>
      </c>
      <c r="K1048" s="11">
        <v>45838</v>
      </c>
    </row>
    <row r="1049" spans="1:11" x14ac:dyDescent="0.4">
      <c r="A1049" s="8" t="s">
        <v>11818</v>
      </c>
      <c r="B1049" s="8" t="s">
        <v>48</v>
      </c>
      <c r="C1049" s="9" t="s">
        <v>15079</v>
      </c>
      <c r="D1049" s="9" t="s">
        <v>13335</v>
      </c>
      <c r="E1049" s="10"/>
      <c r="F1049" s="10"/>
      <c r="G1049" s="8"/>
      <c r="H1049" s="8" t="s">
        <v>15080</v>
      </c>
      <c r="I1049" s="11">
        <v>41843</v>
      </c>
      <c r="J1049" s="11">
        <v>43983</v>
      </c>
      <c r="K1049" s="11">
        <v>45808</v>
      </c>
    </row>
    <row r="1050" spans="1:11" x14ac:dyDescent="0.4">
      <c r="A1050" s="8" t="s">
        <v>11818</v>
      </c>
      <c r="B1050" s="8" t="s">
        <v>2044</v>
      </c>
      <c r="C1050" s="9" t="s">
        <v>15081</v>
      </c>
      <c r="D1050" s="9" t="s">
        <v>15082</v>
      </c>
      <c r="E1050" s="10"/>
      <c r="F1050" s="10" t="s">
        <v>13583</v>
      </c>
      <c r="G1050" s="8" t="s">
        <v>13584</v>
      </c>
      <c r="H1050" s="8" t="s">
        <v>15083</v>
      </c>
      <c r="I1050" s="11">
        <v>41850</v>
      </c>
      <c r="J1050" s="11">
        <v>44287</v>
      </c>
      <c r="K1050" s="11">
        <v>46477</v>
      </c>
    </row>
    <row r="1051" spans="1:11" x14ac:dyDescent="0.4">
      <c r="A1051" s="8" t="s">
        <v>11818</v>
      </c>
      <c r="B1051" s="8" t="s">
        <v>3441</v>
      </c>
      <c r="C1051" s="9" t="s">
        <v>15084</v>
      </c>
      <c r="D1051" s="9" t="s">
        <v>15085</v>
      </c>
      <c r="E1051" s="10"/>
      <c r="F1051" s="10" t="s">
        <v>15086</v>
      </c>
      <c r="G1051" s="8" t="s">
        <v>15087</v>
      </c>
      <c r="H1051" s="8" t="s">
        <v>15088</v>
      </c>
      <c r="I1051" s="11">
        <v>41856</v>
      </c>
      <c r="J1051" s="11">
        <v>44105</v>
      </c>
      <c r="K1051" s="11">
        <v>46295</v>
      </c>
    </row>
    <row r="1052" spans="1:11" x14ac:dyDescent="0.4">
      <c r="A1052" s="8" t="s">
        <v>11818</v>
      </c>
      <c r="B1052" s="8" t="s">
        <v>2044</v>
      </c>
      <c r="C1052" s="9" t="s">
        <v>15089</v>
      </c>
      <c r="D1052" s="9" t="s">
        <v>15090</v>
      </c>
      <c r="E1052" s="10"/>
      <c r="F1052" s="10"/>
      <c r="G1052" s="8"/>
      <c r="H1052" s="8" t="s">
        <v>15091</v>
      </c>
      <c r="I1052" s="11">
        <v>41954</v>
      </c>
      <c r="J1052" s="11">
        <v>43952</v>
      </c>
      <c r="K1052" s="11">
        <v>45777</v>
      </c>
    </row>
    <row r="1053" spans="1:11" x14ac:dyDescent="0.4">
      <c r="A1053" s="8" t="s">
        <v>11818</v>
      </c>
      <c r="B1053" s="8" t="s">
        <v>48</v>
      </c>
      <c r="C1053" s="9" t="s">
        <v>15092</v>
      </c>
      <c r="D1053" s="9" t="s">
        <v>15093</v>
      </c>
      <c r="E1053" s="10"/>
      <c r="F1053" s="10" t="s">
        <v>15094</v>
      </c>
      <c r="G1053" s="8" t="s">
        <v>15095</v>
      </c>
      <c r="H1053" s="8" t="s">
        <v>15096</v>
      </c>
      <c r="I1053" s="11">
        <v>41955</v>
      </c>
      <c r="J1053" s="11">
        <v>44287</v>
      </c>
      <c r="K1053" s="11">
        <v>46477</v>
      </c>
    </row>
    <row r="1054" spans="1:11" x14ac:dyDescent="0.4">
      <c r="A1054" s="8" t="s">
        <v>11818</v>
      </c>
      <c r="B1054" s="8" t="s">
        <v>698</v>
      </c>
      <c r="C1054" s="9" t="s">
        <v>15097</v>
      </c>
      <c r="D1054" s="9" t="s">
        <v>15098</v>
      </c>
      <c r="E1054" s="10"/>
      <c r="F1054" s="10" t="s">
        <v>15099</v>
      </c>
      <c r="G1054" s="8" t="s">
        <v>15100</v>
      </c>
      <c r="H1054" s="8" t="s">
        <v>15101</v>
      </c>
      <c r="I1054" s="11">
        <v>41957</v>
      </c>
      <c r="J1054" s="11">
        <v>43922</v>
      </c>
      <c r="K1054" s="11">
        <v>45747</v>
      </c>
    </row>
    <row r="1055" spans="1:11" x14ac:dyDescent="0.4">
      <c r="A1055" s="8" t="s">
        <v>11818</v>
      </c>
      <c r="B1055" s="8" t="s">
        <v>2044</v>
      </c>
      <c r="C1055" s="9" t="s">
        <v>15102</v>
      </c>
      <c r="D1055" s="9" t="s">
        <v>15103</v>
      </c>
      <c r="E1055" s="10"/>
      <c r="F1055" s="10"/>
      <c r="G1055" s="8"/>
      <c r="H1055" s="8" t="s">
        <v>15104</v>
      </c>
      <c r="I1055" s="11">
        <v>41958</v>
      </c>
      <c r="J1055" s="11">
        <v>43952</v>
      </c>
      <c r="K1055" s="11">
        <v>45777</v>
      </c>
    </row>
    <row r="1056" spans="1:11" x14ac:dyDescent="0.4">
      <c r="A1056" s="8" t="s">
        <v>11818</v>
      </c>
      <c r="B1056" s="8" t="s">
        <v>2044</v>
      </c>
      <c r="C1056" s="9" t="s">
        <v>15105</v>
      </c>
      <c r="D1056" s="9" t="s">
        <v>15106</v>
      </c>
      <c r="E1056" s="10"/>
      <c r="F1056" s="10"/>
      <c r="G1056" s="8"/>
      <c r="H1056" s="8" t="s">
        <v>15107</v>
      </c>
      <c r="I1056" s="11">
        <v>41860</v>
      </c>
      <c r="J1056" s="11">
        <v>43952</v>
      </c>
      <c r="K1056" s="11">
        <v>45777</v>
      </c>
    </row>
    <row r="1057" spans="1:11" x14ac:dyDescent="0.4">
      <c r="A1057" s="8" t="s">
        <v>11818</v>
      </c>
      <c r="B1057" s="8" t="s">
        <v>698</v>
      </c>
      <c r="C1057" s="9" t="s">
        <v>15108</v>
      </c>
      <c r="D1057" s="9" t="s">
        <v>15109</v>
      </c>
      <c r="E1057" s="10"/>
      <c r="F1057" s="10"/>
      <c r="G1057" s="8"/>
      <c r="H1057" s="8" t="s">
        <v>15110</v>
      </c>
      <c r="I1057" s="11">
        <v>41913</v>
      </c>
      <c r="J1057" s="11">
        <v>43739</v>
      </c>
      <c r="K1057" s="11">
        <v>45565</v>
      </c>
    </row>
    <row r="1058" spans="1:11" x14ac:dyDescent="0.4">
      <c r="A1058" s="8" t="s">
        <v>11818</v>
      </c>
      <c r="B1058" s="8" t="s">
        <v>6444</v>
      </c>
      <c r="C1058" s="9" t="s">
        <v>15111</v>
      </c>
      <c r="D1058" s="9" t="s">
        <v>15112</v>
      </c>
      <c r="E1058" s="10"/>
      <c r="F1058" s="10"/>
      <c r="G1058" s="8"/>
      <c r="H1058" s="8" t="s">
        <v>15113</v>
      </c>
      <c r="I1058" s="11">
        <v>41880</v>
      </c>
      <c r="J1058" s="11">
        <v>44287</v>
      </c>
      <c r="K1058" s="11">
        <v>46477</v>
      </c>
    </row>
    <row r="1059" spans="1:11" x14ac:dyDescent="0.4">
      <c r="A1059" s="8" t="s">
        <v>11818</v>
      </c>
      <c r="B1059" s="8" t="s">
        <v>633</v>
      </c>
      <c r="C1059" s="9" t="s">
        <v>15114</v>
      </c>
      <c r="D1059" s="9" t="s">
        <v>15115</v>
      </c>
      <c r="E1059" s="10" t="s">
        <v>15116</v>
      </c>
      <c r="F1059" s="10" t="s">
        <v>2634</v>
      </c>
      <c r="G1059" s="8" t="s">
        <v>12325</v>
      </c>
      <c r="H1059" s="8" t="s">
        <v>15117</v>
      </c>
      <c r="I1059" s="11">
        <v>41883</v>
      </c>
      <c r="J1059" s="11">
        <v>44287</v>
      </c>
      <c r="K1059" s="11">
        <v>46477</v>
      </c>
    </row>
    <row r="1060" spans="1:11" x14ac:dyDescent="0.4">
      <c r="A1060" s="8" t="s">
        <v>11818</v>
      </c>
      <c r="B1060" s="8" t="s">
        <v>5454</v>
      </c>
      <c r="C1060" s="9" t="s">
        <v>8728</v>
      </c>
      <c r="D1060" s="9" t="s">
        <v>15118</v>
      </c>
      <c r="E1060" s="10" t="s">
        <v>15119</v>
      </c>
      <c r="F1060" s="10"/>
      <c r="G1060" s="8"/>
      <c r="H1060" s="8" t="s">
        <v>15120</v>
      </c>
      <c r="I1060" s="11">
        <v>41874</v>
      </c>
      <c r="J1060" s="11">
        <v>43800</v>
      </c>
      <c r="K1060" s="11">
        <v>45626</v>
      </c>
    </row>
    <row r="1061" spans="1:11" x14ac:dyDescent="0.4">
      <c r="A1061" s="8" t="s">
        <v>11818</v>
      </c>
      <c r="B1061" s="8" t="s">
        <v>5383</v>
      </c>
      <c r="C1061" s="9" t="s">
        <v>15121</v>
      </c>
      <c r="D1061" s="9" t="s">
        <v>15122</v>
      </c>
      <c r="E1061" s="10" t="s">
        <v>15123</v>
      </c>
      <c r="F1061" s="10" t="s">
        <v>15124</v>
      </c>
      <c r="G1061" s="8" t="s">
        <v>15125</v>
      </c>
      <c r="H1061" s="8" t="s">
        <v>15126</v>
      </c>
      <c r="I1061" s="11">
        <v>41874</v>
      </c>
      <c r="J1061" s="11">
        <v>44136</v>
      </c>
      <c r="K1061" s="11">
        <v>46326</v>
      </c>
    </row>
    <row r="1062" spans="1:11" x14ac:dyDescent="0.4">
      <c r="A1062" s="8" t="s">
        <v>11818</v>
      </c>
      <c r="B1062" s="8" t="s">
        <v>48</v>
      </c>
      <c r="C1062" s="9" t="s">
        <v>15127</v>
      </c>
      <c r="D1062" s="9" t="s">
        <v>15128</v>
      </c>
      <c r="E1062" s="10" t="s">
        <v>12967</v>
      </c>
      <c r="F1062" s="10"/>
      <c r="G1062" s="8"/>
      <c r="H1062" s="8" t="s">
        <v>15129</v>
      </c>
      <c r="I1062" s="11">
        <v>41885</v>
      </c>
      <c r="J1062" s="11">
        <v>43800</v>
      </c>
      <c r="K1062" s="11">
        <v>45626</v>
      </c>
    </row>
    <row r="1063" spans="1:11" x14ac:dyDescent="0.4">
      <c r="A1063" s="8" t="s">
        <v>11818</v>
      </c>
      <c r="B1063" s="8" t="s">
        <v>48</v>
      </c>
      <c r="C1063" s="9" t="s">
        <v>15130</v>
      </c>
      <c r="D1063" s="9" t="s">
        <v>15131</v>
      </c>
      <c r="E1063" s="10"/>
      <c r="F1063" s="10"/>
      <c r="G1063" s="8"/>
      <c r="H1063" s="8" t="s">
        <v>15132</v>
      </c>
      <c r="I1063" s="11">
        <v>41887</v>
      </c>
      <c r="J1063" s="11">
        <v>43739</v>
      </c>
      <c r="K1063" s="11">
        <v>45565</v>
      </c>
    </row>
    <row r="1064" spans="1:11" x14ac:dyDescent="0.4">
      <c r="A1064" s="8" t="s">
        <v>11818</v>
      </c>
      <c r="B1064" s="8" t="s">
        <v>48</v>
      </c>
      <c r="C1064" s="9" t="s">
        <v>15133</v>
      </c>
      <c r="D1064" s="9" t="s">
        <v>14504</v>
      </c>
      <c r="E1064" s="10" t="s">
        <v>3187</v>
      </c>
      <c r="F1064" s="10"/>
      <c r="G1064" s="8"/>
      <c r="H1064" s="8" t="s">
        <v>15134</v>
      </c>
      <c r="I1064" s="11">
        <v>41891</v>
      </c>
      <c r="J1064" s="11">
        <v>43800</v>
      </c>
      <c r="K1064" s="11">
        <v>45626</v>
      </c>
    </row>
    <row r="1065" spans="1:11" x14ac:dyDescent="0.4">
      <c r="A1065" s="8" t="s">
        <v>11818</v>
      </c>
      <c r="B1065" s="8" t="s">
        <v>2044</v>
      </c>
      <c r="C1065" s="9" t="s">
        <v>15135</v>
      </c>
      <c r="D1065" s="9" t="s">
        <v>15136</v>
      </c>
      <c r="E1065" s="10"/>
      <c r="F1065" s="10"/>
      <c r="G1065" s="8"/>
      <c r="H1065" s="8" t="s">
        <v>15137</v>
      </c>
      <c r="I1065" s="11">
        <v>41894</v>
      </c>
      <c r="J1065" s="11">
        <v>43922</v>
      </c>
      <c r="K1065" s="11">
        <v>45747</v>
      </c>
    </row>
    <row r="1066" spans="1:11" x14ac:dyDescent="0.4">
      <c r="A1066" s="8" t="s">
        <v>11818</v>
      </c>
      <c r="B1066" s="8" t="s">
        <v>2044</v>
      </c>
      <c r="C1066" s="9" t="s">
        <v>15138</v>
      </c>
      <c r="D1066" s="9" t="s">
        <v>15139</v>
      </c>
      <c r="E1066" s="10" t="s">
        <v>15140</v>
      </c>
      <c r="F1066" s="10" t="s">
        <v>15141</v>
      </c>
      <c r="G1066" s="8" t="s">
        <v>15142</v>
      </c>
      <c r="H1066" s="8" t="s">
        <v>15143</v>
      </c>
      <c r="I1066" s="11">
        <v>41892</v>
      </c>
      <c r="J1066" s="11">
        <v>44166</v>
      </c>
      <c r="K1066" s="11">
        <v>46356</v>
      </c>
    </row>
    <row r="1067" spans="1:11" x14ac:dyDescent="0.4">
      <c r="A1067" s="8" t="s">
        <v>11818</v>
      </c>
      <c r="B1067" s="8" t="s">
        <v>633</v>
      </c>
      <c r="C1067" s="9" t="s">
        <v>15144</v>
      </c>
      <c r="D1067" s="9" t="s">
        <v>15145</v>
      </c>
      <c r="E1067" s="10"/>
      <c r="F1067" s="10" t="s">
        <v>12471</v>
      </c>
      <c r="G1067" s="8" t="s">
        <v>12472</v>
      </c>
      <c r="H1067" s="8" t="s">
        <v>15146</v>
      </c>
      <c r="I1067" s="11">
        <v>41905</v>
      </c>
      <c r="J1067" s="11">
        <v>44105</v>
      </c>
      <c r="K1067" s="11">
        <v>46295</v>
      </c>
    </row>
    <row r="1068" spans="1:11" x14ac:dyDescent="0.4">
      <c r="A1068" s="8" t="s">
        <v>11818</v>
      </c>
      <c r="B1068" s="8" t="s">
        <v>633</v>
      </c>
      <c r="C1068" s="9" t="s">
        <v>15147</v>
      </c>
      <c r="D1068" s="9" t="s">
        <v>15148</v>
      </c>
      <c r="E1068" s="10"/>
      <c r="F1068" s="10"/>
      <c r="G1068" s="8"/>
      <c r="H1068" s="8" t="s">
        <v>15149</v>
      </c>
      <c r="I1068" s="11">
        <v>41900</v>
      </c>
      <c r="J1068" s="11">
        <v>44136</v>
      </c>
      <c r="K1068" s="11">
        <v>46326</v>
      </c>
    </row>
    <row r="1069" spans="1:11" x14ac:dyDescent="0.4">
      <c r="A1069" s="8" t="s">
        <v>11818</v>
      </c>
      <c r="B1069" s="8" t="s">
        <v>698</v>
      </c>
      <c r="C1069" s="9" t="s">
        <v>11802</v>
      </c>
      <c r="D1069" s="9" t="s">
        <v>11803</v>
      </c>
      <c r="E1069" s="10"/>
      <c r="F1069" s="10"/>
      <c r="G1069" s="8"/>
      <c r="H1069" s="8" t="s">
        <v>15150</v>
      </c>
      <c r="I1069" s="11">
        <v>41907</v>
      </c>
      <c r="J1069" s="11">
        <v>44013</v>
      </c>
      <c r="K1069" s="11">
        <v>45838</v>
      </c>
    </row>
    <row r="1070" spans="1:11" x14ac:dyDescent="0.4">
      <c r="A1070" s="8" t="s">
        <v>11818</v>
      </c>
      <c r="B1070" s="8" t="s">
        <v>633</v>
      </c>
      <c r="C1070" s="9" t="s">
        <v>15151</v>
      </c>
      <c r="D1070" s="9" t="s">
        <v>15152</v>
      </c>
      <c r="E1070" s="10"/>
      <c r="F1070" s="10" t="s">
        <v>15151</v>
      </c>
      <c r="G1070" s="8" t="s">
        <v>15153</v>
      </c>
      <c r="H1070" s="8" t="s">
        <v>15154</v>
      </c>
      <c r="I1070" s="11">
        <v>41914</v>
      </c>
      <c r="J1070" s="11">
        <v>44136</v>
      </c>
      <c r="K1070" s="11">
        <v>46326</v>
      </c>
    </row>
    <row r="1071" spans="1:11" x14ac:dyDescent="0.4">
      <c r="A1071" s="8" t="s">
        <v>11818</v>
      </c>
      <c r="B1071" s="8" t="s">
        <v>633</v>
      </c>
      <c r="C1071" s="9" t="s">
        <v>15155</v>
      </c>
      <c r="D1071" s="9" t="s">
        <v>15156</v>
      </c>
      <c r="E1071" s="10"/>
      <c r="F1071" s="10" t="s">
        <v>15157</v>
      </c>
      <c r="G1071" s="8" t="s">
        <v>15156</v>
      </c>
      <c r="H1071" s="8" t="s">
        <v>15158</v>
      </c>
      <c r="I1071" s="11">
        <v>41914</v>
      </c>
      <c r="J1071" s="11">
        <v>43770</v>
      </c>
      <c r="K1071" s="11">
        <v>45596</v>
      </c>
    </row>
    <row r="1072" spans="1:11" x14ac:dyDescent="0.4">
      <c r="A1072" s="8" t="s">
        <v>11818</v>
      </c>
      <c r="B1072" s="8" t="s">
        <v>3441</v>
      </c>
      <c r="C1072" s="9" t="s">
        <v>15159</v>
      </c>
      <c r="D1072" s="9" t="s">
        <v>15160</v>
      </c>
      <c r="E1072" s="10"/>
      <c r="F1072" s="10" t="s">
        <v>12929</v>
      </c>
      <c r="G1072" s="8" t="s">
        <v>12930</v>
      </c>
      <c r="H1072" s="8" t="s">
        <v>15161</v>
      </c>
      <c r="I1072" s="11">
        <v>41919</v>
      </c>
      <c r="J1072" s="11">
        <v>44287</v>
      </c>
      <c r="K1072" s="11">
        <v>46477</v>
      </c>
    </row>
    <row r="1073" spans="1:11" x14ac:dyDescent="0.4">
      <c r="A1073" s="8" t="s">
        <v>11818</v>
      </c>
      <c r="B1073" s="8" t="s">
        <v>48</v>
      </c>
      <c r="C1073" s="9" t="s">
        <v>15162</v>
      </c>
      <c r="D1073" s="9" t="s">
        <v>15163</v>
      </c>
      <c r="E1073" s="10" t="s">
        <v>15164</v>
      </c>
      <c r="F1073" s="10"/>
      <c r="G1073" s="8"/>
      <c r="H1073" s="8" t="s">
        <v>15165</v>
      </c>
      <c r="I1073" s="11">
        <v>41919</v>
      </c>
      <c r="J1073" s="11">
        <v>44166</v>
      </c>
      <c r="K1073" s="11">
        <v>46356</v>
      </c>
    </row>
    <row r="1074" spans="1:11" x14ac:dyDescent="0.4">
      <c r="A1074" s="8" t="s">
        <v>11818</v>
      </c>
      <c r="B1074" s="8" t="s">
        <v>48</v>
      </c>
      <c r="C1074" s="9" t="s">
        <v>15166</v>
      </c>
      <c r="D1074" s="9" t="s">
        <v>15167</v>
      </c>
      <c r="E1074" s="10"/>
      <c r="F1074" s="10"/>
      <c r="G1074" s="8"/>
      <c r="H1074" s="8" t="s">
        <v>15168</v>
      </c>
      <c r="I1074" s="11">
        <v>41922</v>
      </c>
      <c r="J1074" s="11">
        <v>43800</v>
      </c>
      <c r="K1074" s="11">
        <v>45626</v>
      </c>
    </row>
    <row r="1075" spans="1:11" x14ac:dyDescent="0.4">
      <c r="A1075" s="8" t="s">
        <v>11818</v>
      </c>
      <c r="B1075" s="8" t="s">
        <v>48</v>
      </c>
      <c r="C1075" s="9" t="s">
        <v>15169</v>
      </c>
      <c r="D1075" s="9" t="s">
        <v>15170</v>
      </c>
      <c r="E1075" s="10"/>
      <c r="F1075" s="10"/>
      <c r="G1075" s="8"/>
      <c r="H1075" s="8" t="s">
        <v>15171</v>
      </c>
      <c r="I1075" s="11">
        <v>41927</v>
      </c>
      <c r="J1075" s="11">
        <v>43952</v>
      </c>
      <c r="K1075" s="11">
        <v>45777</v>
      </c>
    </row>
    <row r="1076" spans="1:11" x14ac:dyDescent="0.4">
      <c r="A1076" s="8" t="s">
        <v>11818</v>
      </c>
      <c r="B1076" s="8" t="s">
        <v>48</v>
      </c>
      <c r="C1076" s="9" t="s">
        <v>15172</v>
      </c>
      <c r="D1076" s="9" t="s">
        <v>15173</v>
      </c>
      <c r="E1076" s="10"/>
      <c r="F1076" s="10"/>
      <c r="G1076" s="8"/>
      <c r="H1076" s="8" t="s">
        <v>15174</v>
      </c>
      <c r="I1076" s="11">
        <v>41928</v>
      </c>
      <c r="J1076" s="11">
        <v>44348</v>
      </c>
      <c r="K1076" s="11">
        <v>46538</v>
      </c>
    </row>
    <row r="1077" spans="1:11" x14ac:dyDescent="0.4">
      <c r="A1077" s="8" t="s">
        <v>11818</v>
      </c>
      <c r="B1077" s="8" t="s">
        <v>2044</v>
      </c>
      <c r="C1077" s="9" t="s">
        <v>15175</v>
      </c>
      <c r="D1077" s="9" t="s">
        <v>15176</v>
      </c>
      <c r="E1077" s="10"/>
      <c r="F1077" s="10" t="s">
        <v>15177</v>
      </c>
      <c r="G1077" s="8" t="s">
        <v>15178</v>
      </c>
      <c r="H1077" s="8" t="s">
        <v>15179</v>
      </c>
      <c r="I1077" s="11">
        <v>41941</v>
      </c>
      <c r="J1077" s="11">
        <v>43770</v>
      </c>
      <c r="K1077" s="11">
        <v>45596</v>
      </c>
    </row>
    <row r="1078" spans="1:11" x14ac:dyDescent="0.4">
      <c r="A1078" s="8" t="s">
        <v>11818</v>
      </c>
      <c r="B1078" s="8" t="s">
        <v>633</v>
      </c>
      <c r="C1078" s="9" t="s">
        <v>15180</v>
      </c>
      <c r="D1078" s="9" t="s">
        <v>15181</v>
      </c>
      <c r="E1078" s="10" t="s">
        <v>15182</v>
      </c>
      <c r="F1078" s="10"/>
      <c r="G1078" s="8"/>
      <c r="H1078" s="8" t="s">
        <v>15183</v>
      </c>
      <c r="I1078" s="11">
        <v>41944</v>
      </c>
      <c r="J1078" s="11">
        <v>43983</v>
      </c>
      <c r="K1078" s="11">
        <v>45808</v>
      </c>
    </row>
    <row r="1079" spans="1:11" x14ac:dyDescent="0.4">
      <c r="A1079" s="8" t="s">
        <v>11818</v>
      </c>
      <c r="B1079" s="8" t="s">
        <v>6444</v>
      </c>
      <c r="C1079" s="9" t="s">
        <v>15184</v>
      </c>
      <c r="D1079" s="9" t="s">
        <v>15185</v>
      </c>
      <c r="E1079" s="10"/>
      <c r="F1079" s="10" t="s">
        <v>13840</v>
      </c>
      <c r="G1079" s="8" t="s">
        <v>13841</v>
      </c>
      <c r="H1079" s="8" t="s">
        <v>15186</v>
      </c>
      <c r="I1079" s="11">
        <v>41934</v>
      </c>
      <c r="J1079" s="11">
        <v>44317</v>
      </c>
      <c r="K1079" s="11">
        <v>46507</v>
      </c>
    </row>
    <row r="1080" spans="1:11" x14ac:dyDescent="0.4">
      <c r="A1080" s="8" t="s">
        <v>11818</v>
      </c>
      <c r="B1080" s="8" t="s">
        <v>48</v>
      </c>
      <c r="C1080" s="9" t="s">
        <v>15187</v>
      </c>
      <c r="D1080" s="9" t="s">
        <v>15188</v>
      </c>
      <c r="E1080" s="10"/>
      <c r="F1080" s="10"/>
      <c r="G1080" s="8"/>
      <c r="H1080" s="8" t="s">
        <v>15189</v>
      </c>
      <c r="I1080" s="11">
        <v>41954</v>
      </c>
      <c r="J1080" s="11">
        <v>44287</v>
      </c>
      <c r="K1080" s="11">
        <v>46477</v>
      </c>
    </row>
    <row r="1081" spans="1:11" x14ac:dyDescent="0.4">
      <c r="A1081" s="8" t="s">
        <v>11818</v>
      </c>
      <c r="B1081" s="8" t="s">
        <v>48</v>
      </c>
      <c r="C1081" s="9" t="s">
        <v>15190</v>
      </c>
      <c r="D1081" s="9" t="s">
        <v>13292</v>
      </c>
      <c r="E1081" s="10"/>
      <c r="F1081" s="10"/>
      <c r="G1081" s="8"/>
      <c r="H1081" s="8" t="s">
        <v>15191</v>
      </c>
      <c r="I1081" s="11">
        <v>41942</v>
      </c>
      <c r="J1081" s="11">
        <v>44317</v>
      </c>
      <c r="K1081" s="11">
        <v>46507</v>
      </c>
    </row>
    <row r="1082" spans="1:11" x14ac:dyDescent="0.4">
      <c r="A1082" s="8" t="s">
        <v>11818</v>
      </c>
      <c r="B1082" s="8" t="s">
        <v>2044</v>
      </c>
      <c r="C1082" s="9" t="s">
        <v>15192</v>
      </c>
      <c r="D1082" s="9" t="s">
        <v>15193</v>
      </c>
      <c r="E1082" s="10"/>
      <c r="F1082" s="10"/>
      <c r="G1082" s="8"/>
      <c r="H1082" s="8" t="s">
        <v>15194</v>
      </c>
      <c r="I1082" s="11">
        <v>41940</v>
      </c>
      <c r="J1082" s="11">
        <v>43952</v>
      </c>
      <c r="K1082" s="11">
        <v>45777</v>
      </c>
    </row>
    <row r="1083" spans="1:11" x14ac:dyDescent="0.4">
      <c r="A1083" s="8" t="s">
        <v>11818</v>
      </c>
      <c r="B1083" s="8" t="s">
        <v>6444</v>
      </c>
      <c r="C1083" s="9" t="s">
        <v>15195</v>
      </c>
      <c r="D1083" s="9" t="s">
        <v>15196</v>
      </c>
      <c r="E1083" s="10"/>
      <c r="F1083" s="10"/>
      <c r="G1083" s="8"/>
      <c r="H1083" s="8" t="s">
        <v>15197</v>
      </c>
      <c r="I1083" s="11">
        <v>41941</v>
      </c>
      <c r="J1083" s="11">
        <v>44378</v>
      </c>
      <c r="K1083" s="11">
        <v>46568</v>
      </c>
    </row>
    <row r="1084" spans="1:11" x14ac:dyDescent="0.4">
      <c r="A1084" s="8" t="s">
        <v>11818</v>
      </c>
      <c r="B1084" s="8" t="s">
        <v>2044</v>
      </c>
      <c r="C1084" s="9" t="s">
        <v>15198</v>
      </c>
      <c r="D1084" s="9" t="s">
        <v>14210</v>
      </c>
      <c r="E1084" s="10"/>
      <c r="F1084" s="10" t="s">
        <v>15199</v>
      </c>
      <c r="G1084" s="8" t="s">
        <v>15200</v>
      </c>
      <c r="H1084" s="8" t="s">
        <v>15201</v>
      </c>
      <c r="I1084" s="11">
        <v>41969</v>
      </c>
      <c r="J1084" s="11">
        <v>44136</v>
      </c>
      <c r="K1084" s="11">
        <v>45961</v>
      </c>
    </row>
    <row r="1085" spans="1:11" x14ac:dyDescent="0.4">
      <c r="A1085" s="8" t="s">
        <v>11818</v>
      </c>
      <c r="B1085" s="8" t="s">
        <v>2044</v>
      </c>
      <c r="C1085" s="9" t="s">
        <v>15202</v>
      </c>
      <c r="D1085" s="9" t="s">
        <v>15203</v>
      </c>
      <c r="E1085" s="10"/>
      <c r="F1085" s="10"/>
      <c r="G1085" s="8"/>
      <c r="H1085" s="8" t="s">
        <v>15204</v>
      </c>
      <c r="I1085" s="11">
        <v>41970</v>
      </c>
      <c r="J1085" s="11">
        <v>43922</v>
      </c>
      <c r="K1085" s="11">
        <v>45747</v>
      </c>
    </row>
    <row r="1086" spans="1:11" x14ac:dyDescent="0.4">
      <c r="A1086" s="8" t="s">
        <v>11818</v>
      </c>
      <c r="B1086" s="8" t="s">
        <v>9278</v>
      </c>
      <c r="C1086" s="9" t="s">
        <v>11736</v>
      </c>
      <c r="D1086" s="9" t="s">
        <v>11737</v>
      </c>
      <c r="E1086" s="10"/>
      <c r="F1086" s="10"/>
      <c r="G1086" s="8"/>
      <c r="H1086" s="8" t="s">
        <v>15205</v>
      </c>
      <c r="I1086" s="11">
        <v>41978</v>
      </c>
      <c r="J1086" s="11">
        <v>44348</v>
      </c>
      <c r="K1086" s="11">
        <v>46538</v>
      </c>
    </row>
    <row r="1087" spans="1:11" x14ac:dyDescent="0.4">
      <c r="A1087" s="8" t="s">
        <v>11818</v>
      </c>
      <c r="B1087" s="8" t="s">
        <v>48</v>
      </c>
      <c r="C1087" s="9" t="s">
        <v>15206</v>
      </c>
      <c r="D1087" s="9" t="s">
        <v>15207</v>
      </c>
      <c r="E1087" s="10"/>
      <c r="F1087" s="10"/>
      <c r="G1087" s="8"/>
      <c r="H1087" s="8" t="s">
        <v>15208</v>
      </c>
      <c r="I1087" s="11">
        <v>41979</v>
      </c>
      <c r="J1087" s="11">
        <v>44105</v>
      </c>
      <c r="K1087" s="11">
        <v>45930</v>
      </c>
    </row>
    <row r="1088" spans="1:11" x14ac:dyDescent="0.4">
      <c r="A1088" s="8" t="s">
        <v>11818</v>
      </c>
      <c r="B1088" s="8" t="s">
        <v>48</v>
      </c>
      <c r="C1088" s="9" t="s">
        <v>15209</v>
      </c>
      <c r="D1088" s="9" t="s">
        <v>15210</v>
      </c>
      <c r="E1088" s="10"/>
      <c r="F1088" s="10"/>
      <c r="G1088" s="8"/>
      <c r="H1088" s="8" t="s">
        <v>15211</v>
      </c>
      <c r="I1088" s="11">
        <v>42000</v>
      </c>
      <c r="J1088" s="11">
        <v>44105</v>
      </c>
      <c r="K1088" s="11">
        <v>45930</v>
      </c>
    </row>
    <row r="1089" spans="1:11" x14ac:dyDescent="0.4">
      <c r="A1089" s="8" t="s">
        <v>11818</v>
      </c>
      <c r="B1089" s="8" t="s">
        <v>698</v>
      </c>
      <c r="C1089" s="9" t="s">
        <v>15212</v>
      </c>
      <c r="D1089" s="9" t="s">
        <v>15213</v>
      </c>
      <c r="E1089" s="10"/>
      <c r="F1089" s="10" t="s">
        <v>15214</v>
      </c>
      <c r="G1089" s="8" t="s">
        <v>14432</v>
      </c>
      <c r="H1089" s="8" t="s">
        <v>15215</v>
      </c>
      <c r="I1089" s="11">
        <v>42014</v>
      </c>
      <c r="J1089" s="11">
        <v>44287</v>
      </c>
      <c r="K1089" s="11">
        <v>46477</v>
      </c>
    </row>
    <row r="1090" spans="1:11" x14ac:dyDescent="0.4">
      <c r="A1090" s="8" t="s">
        <v>11818</v>
      </c>
      <c r="B1090" s="8" t="s">
        <v>2044</v>
      </c>
      <c r="C1090" s="9" t="s">
        <v>15216</v>
      </c>
      <c r="D1090" s="9" t="s">
        <v>15217</v>
      </c>
      <c r="E1090" s="10"/>
      <c r="F1090" s="10"/>
      <c r="G1090" s="8"/>
      <c r="H1090" s="8" t="s">
        <v>15218</v>
      </c>
      <c r="I1090" s="11">
        <v>42025</v>
      </c>
      <c r="J1090" s="11">
        <v>43922</v>
      </c>
      <c r="K1090" s="11">
        <v>45747</v>
      </c>
    </row>
    <row r="1091" spans="1:11" x14ac:dyDescent="0.4">
      <c r="A1091" s="8" t="s">
        <v>11818</v>
      </c>
      <c r="B1091" s="8" t="s">
        <v>48</v>
      </c>
      <c r="C1091" s="9" t="s">
        <v>15219</v>
      </c>
      <c r="D1091" s="9" t="s">
        <v>15220</v>
      </c>
      <c r="E1091" s="10" t="s">
        <v>15221</v>
      </c>
      <c r="F1091" s="10"/>
      <c r="G1091" s="8"/>
      <c r="H1091" s="8" t="s">
        <v>15222</v>
      </c>
      <c r="I1091" s="11">
        <v>42034</v>
      </c>
      <c r="J1091" s="11">
        <v>44166</v>
      </c>
      <c r="K1091" s="11">
        <v>45991</v>
      </c>
    </row>
    <row r="1092" spans="1:11" x14ac:dyDescent="0.4">
      <c r="A1092" s="8" t="s">
        <v>11818</v>
      </c>
      <c r="B1092" s="8" t="s">
        <v>48</v>
      </c>
      <c r="C1092" s="9" t="s">
        <v>15223</v>
      </c>
      <c r="D1092" s="9" t="s">
        <v>12074</v>
      </c>
      <c r="E1092" s="10" t="s">
        <v>15224</v>
      </c>
      <c r="F1092" s="10"/>
      <c r="G1092" s="8"/>
      <c r="H1092" s="8" t="s">
        <v>15225</v>
      </c>
      <c r="I1092" s="11">
        <v>42039</v>
      </c>
      <c r="J1092" s="11">
        <v>43983</v>
      </c>
      <c r="K1092" s="11">
        <v>45808</v>
      </c>
    </row>
    <row r="1093" spans="1:11" x14ac:dyDescent="0.4">
      <c r="A1093" s="8" t="s">
        <v>11818</v>
      </c>
      <c r="B1093" s="8" t="s">
        <v>48</v>
      </c>
      <c r="C1093" s="9" t="s">
        <v>15226</v>
      </c>
      <c r="D1093" s="9" t="s">
        <v>12385</v>
      </c>
      <c r="E1093" s="10" t="s">
        <v>15227</v>
      </c>
      <c r="F1093" s="10"/>
      <c r="G1093" s="8"/>
      <c r="H1093" s="8" t="s">
        <v>15228</v>
      </c>
      <c r="I1093" s="11">
        <v>42039</v>
      </c>
      <c r="J1093" s="11">
        <v>43983</v>
      </c>
      <c r="K1093" s="11">
        <v>45808</v>
      </c>
    </row>
    <row r="1094" spans="1:11" x14ac:dyDescent="0.4">
      <c r="A1094" s="8" t="s">
        <v>11818</v>
      </c>
      <c r="B1094" s="8" t="s">
        <v>6444</v>
      </c>
      <c r="C1094" s="9" t="s">
        <v>15229</v>
      </c>
      <c r="D1094" s="9" t="s">
        <v>15230</v>
      </c>
      <c r="E1094" s="10"/>
      <c r="F1094" s="10" t="s">
        <v>15231</v>
      </c>
      <c r="G1094" s="8" t="s">
        <v>15232</v>
      </c>
      <c r="H1094" s="8" t="s">
        <v>15233</v>
      </c>
      <c r="I1094" s="11">
        <v>42055</v>
      </c>
      <c r="J1094" s="11">
        <v>43922</v>
      </c>
      <c r="K1094" s="11">
        <v>45747</v>
      </c>
    </row>
    <row r="1095" spans="1:11" x14ac:dyDescent="0.4">
      <c r="A1095" s="8" t="s">
        <v>11818</v>
      </c>
      <c r="B1095" s="8" t="s">
        <v>633</v>
      </c>
      <c r="C1095" s="9" t="s">
        <v>15234</v>
      </c>
      <c r="D1095" s="9" t="s">
        <v>15235</v>
      </c>
      <c r="E1095" s="10"/>
      <c r="F1095" s="10"/>
      <c r="G1095" s="8"/>
      <c r="H1095" s="8" t="s">
        <v>15236</v>
      </c>
      <c r="I1095" s="11">
        <v>42056</v>
      </c>
      <c r="J1095" s="11">
        <v>44013</v>
      </c>
      <c r="K1095" s="11">
        <v>45838</v>
      </c>
    </row>
    <row r="1096" spans="1:11" x14ac:dyDescent="0.4">
      <c r="A1096" s="8" t="s">
        <v>11818</v>
      </c>
      <c r="B1096" s="8" t="s">
        <v>48</v>
      </c>
      <c r="C1096" s="9" t="s">
        <v>15237</v>
      </c>
      <c r="D1096" s="9" t="s">
        <v>15238</v>
      </c>
      <c r="E1096" s="10"/>
      <c r="F1096" s="10" t="s">
        <v>15239</v>
      </c>
      <c r="G1096" s="8" t="s">
        <v>15240</v>
      </c>
      <c r="H1096" s="8" t="s">
        <v>15241</v>
      </c>
      <c r="I1096" s="11">
        <v>42095</v>
      </c>
      <c r="J1096" s="11">
        <v>44348</v>
      </c>
      <c r="K1096" s="11">
        <v>46538</v>
      </c>
    </row>
    <row r="1097" spans="1:11" x14ac:dyDescent="0.4">
      <c r="A1097" s="8" t="s">
        <v>11818</v>
      </c>
      <c r="B1097" s="8" t="s">
        <v>48</v>
      </c>
      <c r="C1097" s="9" t="s">
        <v>15242</v>
      </c>
      <c r="D1097" s="9" t="s">
        <v>12121</v>
      </c>
      <c r="E1097" s="10"/>
      <c r="F1097" s="10" t="s">
        <v>9153</v>
      </c>
      <c r="G1097" s="8" t="s">
        <v>15243</v>
      </c>
      <c r="H1097" s="8" t="s">
        <v>15244</v>
      </c>
      <c r="I1097" s="11">
        <v>42066</v>
      </c>
      <c r="J1097" s="11">
        <v>43922</v>
      </c>
      <c r="K1097" s="11">
        <v>45930</v>
      </c>
    </row>
    <row r="1098" spans="1:11" x14ac:dyDescent="0.4">
      <c r="A1098" s="8" t="s">
        <v>11818</v>
      </c>
      <c r="B1098" s="8" t="s">
        <v>633</v>
      </c>
      <c r="C1098" s="9" t="s">
        <v>15245</v>
      </c>
      <c r="D1098" s="9" t="s">
        <v>15246</v>
      </c>
      <c r="E1098" s="10" t="s">
        <v>15247</v>
      </c>
      <c r="F1098" s="10" t="s">
        <v>15248</v>
      </c>
      <c r="G1098" s="8" t="s">
        <v>15249</v>
      </c>
      <c r="H1098" s="8" t="s">
        <v>15250</v>
      </c>
      <c r="I1098" s="11">
        <v>42077</v>
      </c>
      <c r="J1098" s="11">
        <v>44105</v>
      </c>
      <c r="K1098" s="11">
        <v>45930</v>
      </c>
    </row>
    <row r="1099" spans="1:11" x14ac:dyDescent="0.4">
      <c r="A1099" s="8" t="s">
        <v>11818</v>
      </c>
      <c r="B1099" s="8" t="s">
        <v>48</v>
      </c>
      <c r="C1099" s="9" t="s">
        <v>15251</v>
      </c>
      <c r="D1099" s="9" t="s">
        <v>15252</v>
      </c>
      <c r="E1099" s="10"/>
      <c r="F1099" s="10"/>
      <c r="G1099" s="8"/>
      <c r="H1099" s="8" t="s">
        <v>15253</v>
      </c>
      <c r="I1099" s="11">
        <v>42075</v>
      </c>
      <c r="J1099" s="11">
        <v>44136</v>
      </c>
      <c r="K1099" s="11">
        <v>45961</v>
      </c>
    </row>
    <row r="1100" spans="1:11" x14ac:dyDescent="0.4">
      <c r="A1100" s="8" t="s">
        <v>11818</v>
      </c>
      <c r="B1100" s="8" t="s">
        <v>9278</v>
      </c>
      <c r="C1100" s="9" t="s">
        <v>15254</v>
      </c>
      <c r="D1100" s="9" t="s">
        <v>15255</v>
      </c>
      <c r="E1100" s="10"/>
      <c r="F1100" s="10"/>
      <c r="G1100" s="8"/>
      <c r="H1100" s="8" t="s">
        <v>15256</v>
      </c>
      <c r="I1100" s="11">
        <v>42075</v>
      </c>
      <c r="J1100" s="11">
        <v>44105</v>
      </c>
      <c r="K1100" s="11">
        <v>45930</v>
      </c>
    </row>
    <row r="1101" spans="1:11" x14ac:dyDescent="0.4">
      <c r="A1101" s="8" t="s">
        <v>11818</v>
      </c>
      <c r="B1101" s="8" t="s">
        <v>2044</v>
      </c>
      <c r="C1101" s="9" t="s">
        <v>15257</v>
      </c>
      <c r="D1101" s="9" t="s">
        <v>15258</v>
      </c>
      <c r="E1101" s="10" t="s">
        <v>15259</v>
      </c>
      <c r="F1101" s="10"/>
      <c r="G1101" s="8"/>
      <c r="H1101" s="8" t="s">
        <v>15260</v>
      </c>
      <c r="I1101" s="11">
        <v>42080</v>
      </c>
      <c r="J1101" s="11">
        <v>43922</v>
      </c>
      <c r="K1101" s="11">
        <v>45747</v>
      </c>
    </row>
    <row r="1102" spans="1:11" x14ac:dyDescent="0.4">
      <c r="A1102" s="8" t="s">
        <v>11818</v>
      </c>
      <c r="B1102" s="8" t="s">
        <v>48</v>
      </c>
      <c r="C1102" s="9" t="s">
        <v>15261</v>
      </c>
      <c r="D1102" s="9" t="s">
        <v>14504</v>
      </c>
      <c r="E1102" s="10" t="s">
        <v>15262</v>
      </c>
      <c r="F1102" s="10"/>
      <c r="G1102" s="8"/>
      <c r="H1102" s="8" t="s">
        <v>15263</v>
      </c>
      <c r="I1102" s="11">
        <v>42088</v>
      </c>
      <c r="J1102" s="11">
        <v>44166</v>
      </c>
      <c r="K1102" s="11">
        <v>45991</v>
      </c>
    </row>
    <row r="1103" spans="1:11" x14ac:dyDescent="0.4">
      <c r="A1103" s="8" t="s">
        <v>11818</v>
      </c>
      <c r="B1103" s="8" t="s">
        <v>48</v>
      </c>
      <c r="C1103" s="9" t="s">
        <v>15264</v>
      </c>
      <c r="D1103" s="9" t="s">
        <v>15265</v>
      </c>
      <c r="E1103" s="10"/>
      <c r="F1103" s="10" t="s">
        <v>15266</v>
      </c>
      <c r="G1103" s="8" t="s">
        <v>15267</v>
      </c>
      <c r="H1103" s="8" t="s">
        <v>15268</v>
      </c>
      <c r="I1103" s="11">
        <v>42088</v>
      </c>
      <c r="J1103" s="11">
        <v>44287</v>
      </c>
      <c r="K1103" s="11">
        <v>46477</v>
      </c>
    </row>
    <row r="1104" spans="1:11" x14ac:dyDescent="0.4">
      <c r="A1104" s="8" t="s">
        <v>11818</v>
      </c>
      <c r="B1104" s="8" t="s">
        <v>48</v>
      </c>
      <c r="C1104" s="9" t="s">
        <v>15269</v>
      </c>
      <c r="D1104" s="9" t="s">
        <v>15270</v>
      </c>
      <c r="E1104" s="10"/>
      <c r="F1104" s="10"/>
      <c r="G1104" s="8"/>
      <c r="H1104" s="8" t="s">
        <v>15271</v>
      </c>
      <c r="I1104" s="11">
        <v>42088</v>
      </c>
      <c r="J1104" s="11">
        <v>44166</v>
      </c>
      <c r="K1104" s="11">
        <v>45991</v>
      </c>
    </row>
    <row r="1105" spans="1:11" x14ac:dyDescent="0.4">
      <c r="A1105" s="8" t="s">
        <v>11818</v>
      </c>
      <c r="B1105" s="8" t="s">
        <v>633</v>
      </c>
      <c r="C1105" s="9" t="s">
        <v>15272</v>
      </c>
      <c r="D1105" s="9" t="s">
        <v>15273</v>
      </c>
      <c r="E1105" s="10"/>
      <c r="F1105" s="10" t="s">
        <v>15274</v>
      </c>
      <c r="G1105" s="8" t="s">
        <v>15275</v>
      </c>
      <c r="H1105" s="8" t="s">
        <v>15276</v>
      </c>
      <c r="I1105" s="11">
        <v>42095</v>
      </c>
      <c r="J1105" s="11">
        <v>44317</v>
      </c>
      <c r="K1105" s="11">
        <v>46507</v>
      </c>
    </row>
    <row r="1106" spans="1:11" x14ac:dyDescent="0.4">
      <c r="A1106" s="8" t="s">
        <v>11818</v>
      </c>
      <c r="B1106" s="8" t="s">
        <v>633</v>
      </c>
      <c r="C1106" s="9" t="s">
        <v>15277</v>
      </c>
      <c r="D1106" s="9" t="s">
        <v>15278</v>
      </c>
      <c r="E1106" s="10"/>
      <c r="F1106" s="10" t="s">
        <v>15274</v>
      </c>
      <c r="G1106" s="8" t="s">
        <v>15275</v>
      </c>
      <c r="H1106" s="8" t="s">
        <v>15279</v>
      </c>
      <c r="I1106" s="11">
        <v>42095</v>
      </c>
      <c r="J1106" s="11">
        <v>44287</v>
      </c>
      <c r="K1106" s="11">
        <v>46477</v>
      </c>
    </row>
    <row r="1107" spans="1:11" x14ac:dyDescent="0.4">
      <c r="A1107" s="8" t="s">
        <v>11818</v>
      </c>
      <c r="B1107" s="8" t="s">
        <v>2044</v>
      </c>
      <c r="C1107" s="9" t="s">
        <v>15280</v>
      </c>
      <c r="D1107" s="9" t="s">
        <v>15281</v>
      </c>
      <c r="E1107" s="10"/>
      <c r="F1107" s="10" t="s">
        <v>7788</v>
      </c>
      <c r="G1107" s="8" t="s">
        <v>15282</v>
      </c>
      <c r="H1107" s="8" t="s">
        <v>15283</v>
      </c>
      <c r="I1107" s="11">
        <v>42090</v>
      </c>
      <c r="J1107" s="11">
        <v>44287</v>
      </c>
      <c r="K1107" s="11">
        <v>46477</v>
      </c>
    </row>
    <row r="1108" spans="1:11" x14ac:dyDescent="0.4">
      <c r="A1108" s="8" t="s">
        <v>11818</v>
      </c>
      <c r="B1108" s="8" t="s">
        <v>2044</v>
      </c>
      <c r="C1108" s="9" t="s">
        <v>15284</v>
      </c>
      <c r="D1108" s="9" t="s">
        <v>11444</v>
      </c>
      <c r="E1108" s="10"/>
      <c r="F1108" s="10" t="s">
        <v>11445</v>
      </c>
      <c r="G1108" s="8" t="s">
        <v>11446</v>
      </c>
      <c r="H1108" s="8" t="s">
        <v>15285</v>
      </c>
      <c r="I1108" s="11">
        <v>42090</v>
      </c>
      <c r="J1108" s="11">
        <v>43952</v>
      </c>
      <c r="K1108" s="11">
        <v>45777</v>
      </c>
    </row>
    <row r="1109" spans="1:11" x14ac:dyDescent="0.4">
      <c r="A1109" s="8" t="s">
        <v>11818</v>
      </c>
      <c r="B1109" s="8" t="s">
        <v>48</v>
      </c>
      <c r="C1109" s="9" t="s">
        <v>15286</v>
      </c>
      <c r="D1109" s="9" t="s">
        <v>15287</v>
      </c>
      <c r="E1109" s="10"/>
      <c r="F1109" s="10"/>
      <c r="G1109" s="8"/>
      <c r="H1109" s="8" t="s">
        <v>15288</v>
      </c>
      <c r="I1109" s="11">
        <v>42096</v>
      </c>
      <c r="J1109" s="11">
        <v>44287</v>
      </c>
      <c r="K1109" s="11">
        <v>46112</v>
      </c>
    </row>
    <row r="1110" spans="1:11" x14ac:dyDescent="0.4">
      <c r="A1110" s="8" t="s">
        <v>11818</v>
      </c>
      <c r="B1110" s="8" t="s">
        <v>633</v>
      </c>
      <c r="C1110" s="9" t="s">
        <v>15289</v>
      </c>
      <c r="D1110" s="9" t="s">
        <v>15290</v>
      </c>
      <c r="E1110" s="10"/>
      <c r="F1110" s="10" t="s">
        <v>2913</v>
      </c>
      <c r="G1110" s="8" t="s">
        <v>14583</v>
      </c>
      <c r="H1110" s="8" t="s">
        <v>15291</v>
      </c>
      <c r="I1110" s="11">
        <v>42107</v>
      </c>
      <c r="J1110" s="11">
        <v>44317</v>
      </c>
      <c r="K1110" s="11">
        <v>46507</v>
      </c>
    </row>
    <row r="1111" spans="1:11" x14ac:dyDescent="0.4">
      <c r="A1111" s="8" t="s">
        <v>11818</v>
      </c>
      <c r="B1111" s="8" t="s">
        <v>3441</v>
      </c>
      <c r="C1111" s="9" t="s">
        <v>15292</v>
      </c>
      <c r="D1111" s="9" t="s">
        <v>15293</v>
      </c>
      <c r="E1111" s="10"/>
      <c r="F1111" s="10" t="s">
        <v>14400</v>
      </c>
      <c r="G1111" s="8" t="s">
        <v>14401</v>
      </c>
      <c r="H1111" s="8" t="s">
        <v>15294</v>
      </c>
      <c r="I1111" s="11">
        <v>42108</v>
      </c>
      <c r="J1111" s="11">
        <v>44317</v>
      </c>
      <c r="K1111" s="11">
        <v>46507</v>
      </c>
    </row>
    <row r="1112" spans="1:11" x14ac:dyDescent="0.4">
      <c r="A1112" s="8" t="s">
        <v>11818</v>
      </c>
      <c r="B1112" s="8" t="s">
        <v>2044</v>
      </c>
      <c r="C1112" s="9" t="s">
        <v>15295</v>
      </c>
      <c r="D1112" s="9" t="s">
        <v>15296</v>
      </c>
      <c r="E1112" s="10"/>
      <c r="F1112" s="10"/>
      <c r="G1112" s="8"/>
      <c r="H1112" s="8" t="s">
        <v>15297</v>
      </c>
      <c r="I1112" s="11">
        <v>42114</v>
      </c>
      <c r="J1112" s="11">
        <v>44287</v>
      </c>
      <c r="K1112" s="11">
        <v>46112</v>
      </c>
    </row>
    <row r="1113" spans="1:11" x14ac:dyDescent="0.4">
      <c r="A1113" s="8" t="s">
        <v>11818</v>
      </c>
      <c r="B1113" s="8" t="s">
        <v>2044</v>
      </c>
      <c r="C1113" s="9" t="s">
        <v>15298</v>
      </c>
      <c r="D1113" s="9" t="s">
        <v>15122</v>
      </c>
      <c r="E1113" s="10" t="s">
        <v>15299</v>
      </c>
      <c r="F1113" s="10" t="s">
        <v>15124</v>
      </c>
      <c r="G1113" s="8" t="s">
        <v>15125</v>
      </c>
      <c r="H1113" s="8" t="s">
        <v>15300</v>
      </c>
      <c r="I1113" s="11">
        <v>42118</v>
      </c>
      <c r="J1113" s="11">
        <v>44136</v>
      </c>
      <c r="K1113" s="11">
        <v>46326</v>
      </c>
    </row>
    <row r="1114" spans="1:11" x14ac:dyDescent="0.4">
      <c r="A1114" s="8" t="s">
        <v>11818</v>
      </c>
      <c r="B1114" s="8" t="s">
        <v>48</v>
      </c>
      <c r="C1114" s="9" t="s">
        <v>15301</v>
      </c>
      <c r="D1114" s="9" t="s">
        <v>15302</v>
      </c>
      <c r="E1114" s="10"/>
      <c r="F1114" s="10"/>
      <c r="G1114" s="8"/>
      <c r="H1114" s="8" t="s">
        <v>15303</v>
      </c>
      <c r="I1114" s="11">
        <v>42115</v>
      </c>
      <c r="J1114" s="11">
        <v>44105</v>
      </c>
      <c r="K1114" s="11">
        <v>46295</v>
      </c>
    </row>
    <row r="1115" spans="1:11" x14ac:dyDescent="0.4">
      <c r="A1115" s="8" t="s">
        <v>11818</v>
      </c>
      <c r="B1115" s="8" t="s">
        <v>793</v>
      </c>
      <c r="C1115" s="9" t="s">
        <v>15304</v>
      </c>
      <c r="D1115" s="9" t="s">
        <v>15305</v>
      </c>
      <c r="E1115" s="10" t="s">
        <v>15306</v>
      </c>
      <c r="F1115" s="10" t="s">
        <v>15307</v>
      </c>
      <c r="G1115" s="8" t="s">
        <v>15308</v>
      </c>
      <c r="H1115" s="8" t="s">
        <v>15309</v>
      </c>
      <c r="I1115" s="11">
        <v>42116</v>
      </c>
      <c r="J1115" s="11">
        <v>44105</v>
      </c>
      <c r="K1115" s="11">
        <v>45930</v>
      </c>
    </row>
    <row r="1116" spans="1:11" x14ac:dyDescent="0.4">
      <c r="A1116" s="8" t="s">
        <v>11818</v>
      </c>
      <c r="B1116" s="8" t="s">
        <v>9278</v>
      </c>
      <c r="C1116" s="9" t="s">
        <v>15310</v>
      </c>
      <c r="D1116" s="9" t="s">
        <v>15311</v>
      </c>
      <c r="E1116" s="10"/>
      <c r="F1116" s="10" t="s">
        <v>15312</v>
      </c>
      <c r="G1116" s="8" t="s">
        <v>15311</v>
      </c>
      <c r="H1116" s="8" t="s">
        <v>15313</v>
      </c>
      <c r="I1116" s="11">
        <v>42121</v>
      </c>
      <c r="J1116" s="11">
        <v>44105</v>
      </c>
      <c r="K1116" s="11">
        <v>45930</v>
      </c>
    </row>
    <row r="1117" spans="1:11" x14ac:dyDescent="0.4">
      <c r="A1117" s="8" t="s">
        <v>11818</v>
      </c>
      <c r="B1117" s="8" t="s">
        <v>48</v>
      </c>
      <c r="C1117" s="9" t="s">
        <v>15314</v>
      </c>
      <c r="D1117" s="9" t="s">
        <v>15315</v>
      </c>
      <c r="E1117" s="10"/>
      <c r="F1117" s="10"/>
      <c r="G1117" s="8"/>
      <c r="H1117" s="8" t="s">
        <v>15316</v>
      </c>
      <c r="I1117" s="11">
        <v>42151</v>
      </c>
      <c r="J1117" s="11">
        <v>44166</v>
      </c>
      <c r="K1117" s="11">
        <v>45991</v>
      </c>
    </row>
    <row r="1118" spans="1:11" x14ac:dyDescent="0.4">
      <c r="A1118" s="8" t="s">
        <v>11818</v>
      </c>
      <c r="B1118" s="8" t="s">
        <v>48</v>
      </c>
      <c r="C1118" s="9" t="s">
        <v>15317</v>
      </c>
      <c r="D1118" s="9" t="s">
        <v>15318</v>
      </c>
      <c r="E1118" s="10"/>
      <c r="F1118" s="10"/>
      <c r="G1118" s="8"/>
      <c r="H1118" s="8" t="s">
        <v>15319</v>
      </c>
      <c r="I1118" s="11">
        <v>42150</v>
      </c>
      <c r="J1118" s="11">
        <v>44105</v>
      </c>
      <c r="K1118" s="11">
        <v>45930</v>
      </c>
    </row>
    <row r="1119" spans="1:11" x14ac:dyDescent="0.4">
      <c r="A1119" s="8" t="s">
        <v>11818</v>
      </c>
      <c r="B1119" s="8" t="s">
        <v>633</v>
      </c>
      <c r="C1119" s="9" t="s">
        <v>15320</v>
      </c>
      <c r="D1119" s="9" t="s">
        <v>15321</v>
      </c>
      <c r="E1119" s="10"/>
      <c r="F1119" s="10"/>
      <c r="G1119" s="8"/>
      <c r="H1119" s="8" t="s">
        <v>15322</v>
      </c>
      <c r="I1119" s="11">
        <v>42160</v>
      </c>
      <c r="J1119" s="11">
        <v>44105</v>
      </c>
      <c r="K1119" s="11">
        <v>45930</v>
      </c>
    </row>
    <row r="1120" spans="1:11" x14ac:dyDescent="0.4">
      <c r="A1120" s="8" t="s">
        <v>11818</v>
      </c>
      <c r="B1120" s="8" t="s">
        <v>2044</v>
      </c>
      <c r="C1120" s="9" t="s">
        <v>15323</v>
      </c>
      <c r="D1120" s="9" t="s">
        <v>15324</v>
      </c>
      <c r="E1120" s="10"/>
      <c r="F1120" s="10"/>
      <c r="G1120" s="8"/>
      <c r="H1120" s="8" t="s">
        <v>15325</v>
      </c>
      <c r="I1120" s="11">
        <v>42158</v>
      </c>
      <c r="J1120" s="11">
        <v>44136</v>
      </c>
      <c r="K1120" s="11">
        <v>45961</v>
      </c>
    </row>
    <row r="1121" spans="1:11" x14ac:dyDescent="0.4">
      <c r="A1121" s="8" t="s">
        <v>11818</v>
      </c>
      <c r="B1121" s="8" t="s">
        <v>633</v>
      </c>
      <c r="C1121" s="9" t="s">
        <v>15326</v>
      </c>
      <c r="D1121" s="9" t="s">
        <v>15327</v>
      </c>
      <c r="E1121" s="10"/>
      <c r="F1121" s="10"/>
      <c r="G1121" s="8"/>
      <c r="H1121" s="8" t="s">
        <v>15328</v>
      </c>
      <c r="I1121" s="11">
        <v>42158</v>
      </c>
      <c r="J1121" s="11">
        <v>44013</v>
      </c>
      <c r="K1121" s="11">
        <v>45838</v>
      </c>
    </row>
    <row r="1122" spans="1:11" x14ac:dyDescent="0.4">
      <c r="A1122" s="8" t="s">
        <v>11818</v>
      </c>
      <c r="B1122" s="8" t="s">
        <v>2044</v>
      </c>
      <c r="C1122" s="9" t="s">
        <v>15329</v>
      </c>
      <c r="D1122" s="9" t="s">
        <v>15330</v>
      </c>
      <c r="E1122" s="10"/>
      <c r="F1122" s="10"/>
      <c r="G1122" s="8"/>
      <c r="H1122" s="8" t="s">
        <v>15331</v>
      </c>
      <c r="I1122" s="11">
        <v>42167</v>
      </c>
      <c r="J1122" s="11">
        <v>44136</v>
      </c>
      <c r="K1122" s="11">
        <v>45961</v>
      </c>
    </row>
    <row r="1123" spans="1:11" x14ac:dyDescent="0.4">
      <c r="A1123" s="8" t="s">
        <v>11818</v>
      </c>
      <c r="B1123" s="8" t="s">
        <v>6444</v>
      </c>
      <c r="C1123" s="9" t="s">
        <v>15332</v>
      </c>
      <c r="D1123" s="9" t="s">
        <v>15333</v>
      </c>
      <c r="E1123" s="10"/>
      <c r="F1123" s="10" t="s">
        <v>14995</v>
      </c>
      <c r="G1123" s="8" t="s">
        <v>14996</v>
      </c>
      <c r="H1123" s="8" t="s">
        <v>15334</v>
      </c>
      <c r="I1123" s="11">
        <v>42186</v>
      </c>
      <c r="J1123" s="11">
        <v>44317</v>
      </c>
      <c r="K1123" s="11">
        <v>46142</v>
      </c>
    </row>
    <row r="1124" spans="1:11" x14ac:dyDescent="0.4">
      <c r="A1124" s="8" t="s">
        <v>11818</v>
      </c>
      <c r="B1124" s="8" t="s">
        <v>48</v>
      </c>
      <c r="C1124" s="9" t="s">
        <v>15335</v>
      </c>
      <c r="D1124" s="9" t="s">
        <v>15336</v>
      </c>
      <c r="E1124" s="10"/>
      <c r="F1124" s="10"/>
      <c r="G1124" s="8"/>
      <c r="H1124" s="8" t="s">
        <v>15337</v>
      </c>
      <c r="I1124" s="11">
        <v>42173</v>
      </c>
      <c r="J1124" s="11">
        <v>44105</v>
      </c>
      <c r="K1124" s="11">
        <v>45930</v>
      </c>
    </row>
    <row r="1125" spans="1:11" x14ac:dyDescent="0.4">
      <c r="A1125" s="8" t="s">
        <v>11818</v>
      </c>
      <c r="B1125" s="8" t="s">
        <v>5454</v>
      </c>
      <c r="C1125" s="9" t="s">
        <v>15338</v>
      </c>
      <c r="D1125" s="9" t="s">
        <v>15339</v>
      </c>
      <c r="E1125" s="10"/>
      <c r="F1125" s="10"/>
      <c r="G1125" s="8"/>
      <c r="H1125" s="8" t="s">
        <v>15340</v>
      </c>
      <c r="I1125" s="11">
        <v>42167</v>
      </c>
      <c r="J1125" s="11">
        <v>44136</v>
      </c>
      <c r="K1125" s="11">
        <v>45961</v>
      </c>
    </row>
    <row r="1126" spans="1:11" x14ac:dyDescent="0.4">
      <c r="A1126" s="8" t="s">
        <v>11818</v>
      </c>
      <c r="B1126" s="8" t="s">
        <v>48</v>
      </c>
      <c r="C1126" s="9" t="s">
        <v>15341</v>
      </c>
      <c r="D1126" s="9" t="s">
        <v>15342</v>
      </c>
      <c r="E1126" s="10" t="s">
        <v>15343</v>
      </c>
      <c r="F1126" s="10" t="s">
        <v>15344</v>
      </c>
      <c r="G1126" s="8" t="s">
        <v>15345</v>
      </c>
      <c r="H1126" s="8" t="s">
        <v>15346</v>
      </c>
      <c r="I1126" s="11">
        <v>42172</v>
      </c>
      <c r="J1126" s="11">
        <v>44166</v>
      </c>
      <c r="K1126" s="11">
        <v>45991</v>
      </c>
    </row>
    <row r="1127" spans="1:11" x14ac:dyDescent="0.4">
      <c r="A1127" s="8" t="s">
        <v>11818</v>
      </c>
      <c r="B1127" s="8" t="s">
        <v>48</v>
      </c>
      <c r="C1127" s="9" t="s">
        <v>15347</v>
      </c>
      <c r="D1127" s="9" t="s">
        <v>15348</v>
      </c>
      <c r="E1127" s="10" t="s">
        <v>15349</v>
      </c>
      <c r="F1127" s="10"/>
      <c r="G1127" s="8"/>
      <c r="H1127" s="8" t="s">
        <v>15350</v>
      </c>
      <c r="I1127" s="11">
        <v>42180</v>
      </c>
      <c r="J1127" s="11">
        <v>44166</v>
      </c>
      <c r="K1127" s="11">
        <v>45991</v>
      </c>
    </row>
    <row r="1128" spans="1:11" x14ac:dyDescent="0.4">
      <c r="A1128" s="8" t="s">
        <v>11818</v>
      </c>
      <c r="B1128" s="8" t="s">
        <v>48</v>
      </c>
      <c r="C1128" s="9" t="s">
        <v>15351</v>
      </c>
      <c r="D1128" s="9" t="s">
        <v>15352</v>
      </c>
      <c r="E1128" s="10" t="s">
        <v>15353</v>
      </c>
      <c r="F1128" s="10"/>
      <c r="G1128" s="8"/>
      <c r="H1128" s="8" t="s">
        <v>15354</v>
      </c>
      <c r="I1128" s="11">
        <v>42178</v>
      </c>
      <c r="J1128" s="11">
        <v>44166</v>
      </c>
      <c r="K1128" s="11">
        <v>45991</v>
      </c>
    </row>
    <row r="1129" spans="1:11" x14ac:dyDescent="0.4">
      <c r="A1129" s="8" t="s">
        <v>11818</v>
      </c>
      <c r="B1129" s="8" t="s">
        <v>5454</v>
      </c>
      <c r="C1129" s="9" t="s">
        <v>15355</v>
      </c>
      <c r="D1129" s="9" t="s">
        <v>15356</v>
      </c>
      <c r="E1129" s="10" t="s">
        <v>15357</v>
      </c>
      <c r="F1129" s="10"/>
      <c r="G1129" s="8"/>
      <c r="H1129" s="8" t="s">
        <v>15358</v>
      </c>
      <c r="I1129" s="11">
        <v>42236</v>
      </c>
      <c r="J1129" s="11">
        <v>44166</v>
      </c>
      <c r="K1129" s="11">
        <v>45991</v>
      </c>
    </row>
    <row r="1130" spans="1:11" x14ac:dyDescent="0.4">
      <c r="A1130" s="8" t="s">
        <v>11818</v>
      </c>
      <c r="B1130" s="8" t="s">
        <v>48</v>
      </c>
      <c r="C1130" s="9" t="s">
        <v>15359</v>
      </c>
      <c r="D1130" s="9" t="s">
        <v>12864</v>
      </c>
      <c r="E1130" s="10" t="s">
        <v>15360</v>
      </c>
      <c r="F1130" s="10"/>
      <c r="G1130" s="8"/>
      <c r="H1130" s="8" t="s">
        <v>15361</v>
      </c>
      <c r="I1130" s="11">
        <v>42220</v>
      </c>
      <c r="J1130" s="11">
        <v>44348</v>
      </c>
      <c r="K1130" s="11">
        <v>46173</v>
      </c>
    </row>
    <row r="1131" spans="1:11" x14ac:dyDescent="0.4">
      <c r="A1131" s="8" t="s">
        <v>11818</v>
      </c>
      <c r="B1131" s="8" t="s">
        <v>48</v>
      </c>
      <c r="C1131" s="9" t="s">
        <v>15362</v>
      </c>
      <c r="D1131" s="9" t="s">
        <v>12121</v>
      </c>
      <c r="E1131" s="10"/>
      <c r="F1131" s="10" t="s">
        <v>9153</v>
      </c>
      <c r="G1131" s="8" t="s">
        <v>15243</v>
      </c>
      <c r="H1131" s="8" t="s">
        <v>15363</v>
      </c>
      <c r="I1131" s="11">
        <v>42221</v>
      </c>
      <c r="J1131" s="11">
        <v>44105</v>
      </c>
      <c r="K1131" s="11">
        <v>45930</v>
      </c>
    </row>
    <row r="1132" spans="1:11" x14ac:dyDescent="0.4">
      <c r="A1132" s="8" t="s">
        <v>11818</v>
      </c>
      <c r="B1132" s="8" t="s">
        <v>1871</v>
      </c>
      <c r="C1132" s="9" t="s">
        <v>15364</v>
      </c>
      <c r="D1132" s="9" t="s">
        <v>15365</v>
      </c>
      <c r="E1132" s="10"/>
      <c r="F1132" s="10"/>
      <c r="G1132" s="8"/>
      <c r="H1132" s="8" t="s">
        <v>15366</v>
      </c>
      <c r="I1132" s="11">
        <v>42229</v>
      </c>
      <c r="J1132" s="11">
        <v>44348</v>
      </c>
      <c r="K1132" s="11">
        <v>46173</v>
      </c>
    </row>
    <row r="1133" spans="1:11" x14ac:dyDescent="0.4">
      <c r="A1133" s="8" t="s">
        <v>11818</v>
      </c>
      <c r="B1133" s="8" t="s">
        <v>633</v>
      </c>
      <c r="C1133" s="9" t="s">
        <v>15367</v>
      </c>
      <c r="D1133" s="9" t="s">
        <v>15368</v>
      </c>
      <c r="E1133" s="10"/>
      <c r="F1133" s="10"/>
      <c r="G1133" s="8"/>
      <c r="H1133" s="8" t="s">
        <v>15369</v>
      </c>
      <c r="I1133" s="11">
        <v>42243</v>
      </c>
      <c r="J1133" s="11">
        <v>44287</v>
      </c>
      <c r="K1133" s="11">
        <v>46112</v>
      </c>
    </row>
    <row r="1134" spans="1:11" x14ac:dyDescent="0.4">
      <c r="A1134" s="8" t="s">
        <v>11818</v>
      </c>
      <c r="B1134" s="8" t="s">
        <v>698</v>
      </c>
      <c r="C1134" s="9" t="s">
        <v>15370</v>
      </c>
      <c r="D1134" s="9" t="s">
        <v>12901</v>
      </c>
      <c r="E1134" s="10"/>
      <c r="F1134" s="10"/>
      <c r="G1134" s="8"/>
      <c r="H1134" s="8" t="s">
        <v>15371</v>
      </c>
      <c r="I1134" s="11">
        <v>42255</v>
      </c>
      <c r="J1134" s="11">
        <v>44348</v>
      </c>
      <c r="K1134" s="11">
        <v>46173</v>
      </c>
    </row>
    <row r="1135" spans="1:11" x14ac:dyDescent="0.4">
      <c r="A1135" s="8" t="s">
        <v>11818</v>
      </c>
      <c r="B1135" s="8" t="s">
        <v>48</v>
      </c>
      <c r="C1135" s="9" t="s">
        <v>15372</v>
      </c>
      <c r="D1135" s="9" t="s">
        <v>15373</v>
      </c>
      <c r="E1135" s="10"/>
      <c r="F1135" s="10"/>
      <c r="G1135" s="8"/>
      <c r="H1135" s="8" t="s">
        <v>15374</v>
      </c>
      <c r="I1135" s="11">
        <v>42264</v>
      </c>
      <c r="J1135" s="11">
        <v>44105</v>
      </c>
      <c r="K1135" s="11">
        <v>45930</v>
      </c>
    </row>
    <row r="1136" spans="1:11" x14ac:dyDescent="0.4">
      <c r="A1136" s="8" t="s">
        <v>11818</v>
      </c>
      <c r="B1136" s="8" t="s">
        <v>633</v>
      </c>
      <c r="C1136" s="9" t="s">
        <v>3931</v>
      </c>
      <c r="D1136" s="9" t="s">
        <v>15375</v>
      </c>
      <c r="E1136" s="10"/>
      <c r="F1136" s="10"/>
      <c r="G1136" s="8"/>
      <c r="H1136" s="8" t="s">
        <v>15376</v>
      </c>
      <c r="I1136" s="11">
        <v>42276</v>
      </c>
      <c r="J1136" s="11">
        <v>44287</v>
      </c>
      <c r="K1136" s="11">
        <v>46112</v>
      </c>
    </row>
    <row r="1137" spans="1:11" x14ac:dyDescent="0.4">
      <c r="A1137" s="8" t="s">
        <v>11818</v>
      </c>
      <c r="B1137" s="8" t="s">
        <v>48</v>
      </c>
      <c r="C1137" s="9" t="s">
        <v>15377</v>
      </c>
      <c r="D1137" s="9" t="s">
        <v>15378</v>
      </c>
      <c r="E1137" s="10" t="s">
        <v>15379</v>
      </c>
      <c r="F1137" s="10"/>
      <c r="G1137" s="8"/>
      <c r="H1137" s="8" t="s">
        <v>15380</v>
      </c>
      <c r="I1137" s="11">
        <v>42309</v>
      </c>
      <c r="J1137" s="11">
        <v>44136</v>
      </c>
      <c r="K1137" s="11">
        <v>45991</v>
      </c>
    </row>
    <row r="1138" spans="1:11" x14ac:dyDescent="0.4">
      <c r="A1138" s="8" t="s">
        <v>11818</v>
      </c>
      <c r="B1138" s="8" t="s">
        <v>48</v>
      </c>
      <c r="C1138" s="9" t="s">
        <v>15381</v>
      </c>
      <c r="D1138" s="9" t="s">
        <v>15382</v>
      </c>
      <c r="E1138" s="10" t="s">
        <v>15383</v>
      </c>
      <c r="F1138" s="10"/>
      <c r="G1138" s="8"/>
      <c r="H1138" s="8" t="s">
        <v>15384</v>
      </c>
      <c r="I1138" s="11">
        <v>42297</v>
      </c>
      <c r="J1138" s="11">
        <v>44348</v>
      </c>
      <c r="K1138" s="11">
        <v>46173</v>
      </c>
    </row>
    <row r="1139" spans="1:11" x14ac:dyDescent="0.4">
      <c r="A1139" s="8" t="s">
        <v>11818</v>
      </c>
      <c r="B1139" s="8" t="s">
        <v>6444</v>
      </c>
      <c r="C1139" s="9" t="s">
        <v>15385</v>
      </c>
      <c r="D1139" s="9" t="s">
        <v>15386</v>
      </c>
      <c r="E1139" s="10" t="s">
        <v>15387</v>
      </c>
      <c r="F1139" s="10" t="s">
        <v>15388</v>
      </c>
      <c r="G1139" s="8" t="s">
        <v>15389</v>
      </c>
      <c r="H1139" s="8" t="s">
        <v>15390</v>
      </c>
      <c r="I1139" s="11">
        <v>42299</v>
      </c>
      <c r="J1139" s="11">
        <v>44166</v>
      </c>
      <c r="K1139" s="11">
        <v>45991</v>
      </c>
    </row>
    <row r="1140" spans="1:11" x14ac:dyDescent="0.4">
      <c r="A1140" s="8" t="s">
        <v>11818</v>
      </c>
      <c r="B1140" s="8" t="s">
        <v>48</v>
      </c>
      <c r="C1140" s="9" t="s">
        <v>15391</v>
      </c>
      <c r="D1140" s="9" t="s">
        <v>15392</v>
      </c>
      <c r="E1140" s="10" t="s">
        <v>15393</v>
      </c>
      <c r="F1140" s="10" t="s">
        <v>15394</v>
      </c>
      <c r="G1140" s="8" t="s">
        <v>15395</v>
      </c>
      <c r="H1140" s="8" t="s">
        <v>15396</v>
      </c>
      <c r="I1140" s="11">
        <v>42297</v>
      </c>
      <c r="J1140" s="11">
        <v>44166</v>
      </c>
      <c r="K1140" s="11">
        <v>45991</v>
      </c>
    </row>
    <row r="1141" spans="1:11" x14ac:dyDescent="0.4">
      <c r="A1141" s="8" t="s">
        <v>11818</v>
      </c>
      <c r="B1141" s="8" t="s">
        <v>48</v>
      </c>
      <c r="C1141" s="9" t="s">
        <v>15397</v>
      </c>
      <c r="D1141" s="9" t="s">
        <v>15398</v>
      </c>
      <c r="E1141" s="10"/>
      <c r="F1141" s="10"/>
      <c r="G1141" s="8"/>
      <c r="H1141" s="8" t="s">
        <v>15399</v>
      </c>
      <c r="I1141" s="11">
        <v>42307</v>
      </c>
      <c r="J1141" s="11">
        <v>44287</v>
      </c>
      <c r="K1141" s="11">
        <v>46112</v>
      </c>
    </row>
    <row r="1142" spans="1:11" x14ac:dyDescent="0.4">
      <c r="A1142" s="8" t="s">
        <v>11818</v>
      </c>
      <c r="B1142" s="8" t="s">
        <v>3083</v>
      </c>
      <c r="C1142" s="9" t="s">
        <v>15400</v>
      </c>
      <c r="D1142" s="9" t="s">
        <v>15401</v>
      </c>
      <c r="E1142" s="10"/>
      <c r="F1142" s="10"/>
      <c r="G1142" s="8"/>
      <c r="H1142" s="8" t="s">
        <v>15402</v>
      </c>
      <c r="I1142" s="11">
        <v>42306</v>
      </c>
      <c r="J1142" s="11">
        <v>44348</v>
      </c>
      <c r="K1142" s="11">
        <v>46173</v>
      </c>
    </row>
    <row r="1143" spans="1:11" x14ac:dyDescent="0.4">
      <c r="A1143" s="8" t="s">
        <v>11818</v>
      </c>
      <c r="B1143" s="8" t="s">
        <v>48</v>
      </c>
      <c r="C1143" s="9" t="s">
        <v>15403</v>
      </c>
      <c r="D1143" s="9" t="s">
        <v>15404</v>
      </c>
      <c r="E1143" s="10" t="s">
        <v>15405</v>
      </c>
      <c r="F1143" s="10" t="s">
        <v>15406</v>
      </c>
      <c r="G1143" s="8" t="s">
        <v>15407</v>
      </c>
      <c r="H1143" s="8" t="s">
        <v>15408</v>
      </c>
      <c r="I1143" s="11">
        <v>42308</v>
      </c>
      <c r="J1143" s="11">
        <v>44348</v>
      </c>
      <c r="K1143" s="11">
        <v>46173</v>
      </c>
    </row>
    <row r="1144" spans="1:11" x14ac:dyDescent="0.4">
      <c r="A1144" s="8" t="s">
        <v>11818</v>
      </c>
      <c r="B1144" s="8" t="s">
        <v>48</v>
      </c>
      <c r="C1144" s="9" t="s">
        <v>15409</v>
      </c>
      <c r="D1144" s="9" t="s">
        <v>15386</v>
      </c>
      <c r="E1144" s="10" t="s">
        <v>15410</v>
      </c>
      <c r="F1144" s="10"/>
      <c r="G1144" s="8"/>
      <c r="H1144" s="8" t="s">
        <v>15411</v>
      </c>
      <c r="I1144" s="11">
        <v>42313</v>
      </c>
      <c r="J1144" s="11">
        <v>44166</v>
      </c>
      <c r="K1144" s="11">
        <v>45991</v>
      </c>
    </row>
    <row r="1145" spans="1:11" x14ac:dyDescent="0.4">
      <c r="A1145" s="8" t="s">
        <v>11818</v>
      </c>
      <c r="B1145" s="8" t="s">
        <v>698</v>
      </c>
      <c r="C1145" s="9" t="s">
        <v>15370</v>
      </c>
      <c r="D1145" s="9" t="s">
        <v>15412</v>
      </c>
      <c r="E1145" s="10" t="s">
        <v>12967</v>
      </c>
      <c r="F1145" s="10"/>
      <c r="G1145" s="8"/>
      <c r="H1145" s="8" t="s">
        <v>15413</v>
      </c>
      <c r="I1145" s="11">
        <v>42334</v>
      </c>
      <c r="J1145" s="11">
        <v>44166</v>
      </c>
      <c r="K1145" s="11">
        <v>45991</v>
      </c>
    </row>
    <row r="1146" spans="1:11" x14ac:dyDescent="0.4">
      <c r="A1146" s="8" t="s">
        <v>11818</v>
      </c>
      <c r="B1146" s="8" t="s">
        <v>1871</v>
      </c>
      <c r="C1146" s="9" t="s">
        <v>15414</v>
      </c>
      <c r="D1146" s="9" t="s">
        <v>1332</v>
      </c>
      <c r="E1146" s="10"/>
      <c r="F1146" s="10" t="s">
        <v>11050</v>
      </c>
      <c r="G1146" s="8" t="s">
        <v>15415</v>
      </c>
      <c r="H1146" s="8" t="s">
        <v>15416</v>
      </c>
      <c r="I1146" s="11">
        <v>42353</v>
      </c>
      <c r="J1146" s="11">
        <v>44348</v>
      </c>
      <c r="K1146" s="11">
        <v>46173</v>
      </c>
    </row>
    <row r="1147" spans="1:11" x14ac:dyDescent="0.4">
      <c r="A1147" s="8" t="s">
        <v>11818</v>
      </c>
      <c r="B1147" s="8" t="s">
        <v>633</v>
      </c>
      <c r="C1147" s="9" t="s">
        <v>15417</v>
      </c>
      <c r="D1147" s="9" t="s">
        <v>15418</v>
      </c>
      <c r="E1147" s="10"/>
      <c r="F1147" s="10"/>
      <c r="G1147" s="8"/>
      <c r="H1147" s="8" t="s">
        <v>15419</v>
      </c>
      <c r="I1147" s="11">
        <v>42417</v>
      </c>
      <c r="J1147" s="11">
        <v>44317</v>
      </c>
      <c r="K1147" s="11">
        <v>46142</v>
      </c>
    </row>
    <row r="1148" spans="1:11" x14ac:dyDescent="0.4">
      <c r="A1148" s="8" t="s">
        <v>11818</v>
      </c>
      <c r="B1148" s="8" t="s">
        <v>633</v>
      </c>
      <c r="C1148" s="9" t="s">
        <v>15420</v>
      </c>
      <c r="D1148" s="9" t="s">
        <v>15421</v>
      </c>
      <c r="E1148" s="10"/>
      <c r="F1148" s="10"/>
      <c r="G1148" s="8"/>
      <c r="H1148" s="8" t="s">
        <v>15422</v>
      </c>
      <c r="I1148" s="11">
        <v>42437</v>
      </c>
      <c r="J1148" s="11">
        <v>44287</v>
      </c>
      <c r="K1148" s="11">
        <v>46112</v>
      </c>
    </row>
    <row r="1149" spans="1:11" x14ac:dyDescent="0.4">
      <c r="A1149" s="8" t="s">
        <v>11818</v>
      </c>
      <c r="B1149" s="8" t="s">
        <v>48</v>
      </c>
      <c r="C1149" s="9" t="s">
        <v>15423</v>
      </c>
      <c r="D1149" s="9" t="s">
        <v>15424</v>
      </c>
      <c r="E1149" s="10"/>
      <c r="F1149" s="10" t="s">
        <v>15425</v>
      </c>
      <c r="G1149" s="8" t="s">
        <v>15426</v>
      </c>
      <c r="H1149" s="8" t="s">
        <v>15427</v>
      </c>
      <c r="I1149" s="11">
        <v>42466</v>
      </c>
      <c r="J1149" s="11">
        <v>44317</v>
      </c>
      <c r="K1149" s="11">
        <v>46142</v>
      </c>
    </row>
    <row r="1150" spans="1:11" x14ac:dyDescent="0.4">
      <c r="A1150" s="8" t="s">
        <v>11818</v>
      </c>
      <c r="B1150" s="8" t="s">
        <v>2044</v>
      </c>
      <c r="C1150" s="9" t="s">
        <v>15428</v>
      </c>
      <c r="D1150" s="9" t="s">
        <v>15429</v>
      </c>
      <c r="E1150" s="10"/>
      <c r="F1150" s="10"/>
      <c r="G1150" s="8"/>
      <c r="H1150" s="8" t="s">
        <v>15430</v>
      </c>
      <c r="I1150" s="11">
        <v>42473</v>
      </c>
      <c r="J1150" s="11">
        <v>44348</v>
      </c>
      <c r="K1150" s="11">
        <v>46173</v>
      </c>
    </row>
    <row r="1151" spans="1:11" x14ac:dyDescent="0.4">
      <c r="A1151" s="8" t="s">
        <v>11818</v>
      </c>
      <c r="B1151" s="8" t="s">
        <v>48</v>
      </c>
      <c r="C1151" s="9" t="s">
        <v>15431</v>
      </c>
      <c r="D1151" s="9" t="s">
        <v>15432</v>
      </c>
      <c r="E1151" s="10"/>
      <c r="F1151" s="10"/>
      <c r="G1151" s="8"/>
      <c r="H1151" s="8" t="s">
        <v>15433</v>
      </c>
      <c r="I1151" s="11">
        <v>42465</v>
      </c>
      <c r="J1151" s="11">
        <v>44317</v>
      </c>
      <c r="K1151" s="11">
        <v>46142</v>
      </c>
    </row>
    <row r="1152" spans="1:11" x14ac:dyDescent="0.4">
      <c r="A1152" s="8" t="s">
        <v>11818</v>
      </c>
      <c r="B1152" s="8" t="s">
        <v>48</v>
      </c>
      <c r="C1152" s="9" t="s">
        <v>15434</v>
      </c>
      <c r="D1152" s="9" t="s">
        <v>15435</v>
      </c>
      <c r="E1152" s="10"/>
      <c r="F1152" s="10"/>
      <c r="G1152" s="8"/>
      <c r="H1152" s="8" t="s">
        <v>15436</v>
      </c>
      <c r="I1152" s="11">
        <v>42510</v>
      </c>
      <c r="J1152" s="11">
        <v>44378</v>
      </c>
      <c r="K1152" s="11">
        <v>46203</v>
      </c>
    </row>
    <row r="1153" spans="1:11" x14ac:dyDescent="0.4">
      <c r="A1153" s="8" t="s">
        <v>11818</v>
      </c>
      <c r="B1153" s="8" t="s">
        <v>3441</v>
      </c>
      <c r="C1153" s="9" t="s">
        <v>15437</v>
      </c>
      <c r="D1153" s="9" t="s">
        <v>15438</v>
      </c>
      <c r="E1153" s="10"/>
      <c r="F1153" s="10" t="s">
        <v>13387</v>
      </c>
      <c r="G1153" s="8" t="s">
        <v>13388</v>
      </c>
      <c r="H1153" s="8" t="s">
        <v>15439</v>
      </c>
      <c r="I1153" s="11">
        <v>42951</v>
      </c>
      <c r="J1153" s="11">
        <v>42951</v>
      </c>
      <c r="K1153" s="11">
        <v>45473</v>
      </c>
    </row>
    <row r="1154" spans="1:11" x14ac:dyDescent="0.4">
      <c r="A1154" s="8" t="s">
        <v>11818</v>
      </c>
      <c r="B1154" s="8" t="s">
        <v>2044</v>
      </c>
      <c r="C1154" s="9" t="s">
        <v>854</v>
      </c>
      <c r="D1154" s="9" t="s">
        <v>15440</v>
      </c>
      <c r="E1154" s="10"/>
      <c r="F1154" s="10" t="s">
        <v>854</v>
      </c>
      <c r="G1154" s="8" t="s">
        <v>15441</v>
      </c>
      <c r="H1154" s="8" t="s">
        <v>15442</v>
      </c>
      <c r="I1154" s="11">
        <v>43000</v>
      </c>
      <c r="J1154" s="11">
        <v>43000</v>
      </c>
      <c r="K1154" s="11">
        <v>45473</v>
      </c>
    </row>
    <row r="1155" spans="1:11" x14ac:dyDescent="0.4">
      <c r="A1155" s="8" t="s">
        <v>11818</v>
      </c>
      <c r="B1155" s="8" t="s">
        <v>3441</v>
      </c>
      <c r="C1155" s="9" t="s">
        <v>11579</v>
      </c>
      <c r="D1155" s="9" t="s">
        <v>11580</v>
      </c>
      <c r="E1155" s="10"/>
      <c r="F1155" s="10" t="s">
        <v>11581</v>
      </c>
      <c r="G1155" s="8" t="s">
        <v>11582</v>
      </c>
      <c r="H1155" s="8" t="s">
        <v>15443</v>
      </c>
      <c r="I1155" s="11">
        <v>43028</v>
      </c>
      <c r="J1155" s="11">
        <v>43028</v>
      </c>
      <c r="K1155" s="11">
        <v>45565</v>
      </c>
    </row>
    <row r="1156" spans="1:11" x14ac:dyDescent="0.4">
      <c r="A1156" s="8" t="s">
        <v>11818</v>
      </c>
      <c r="B1156" s="8" t="s">
        <v>698</v>
      </c>
      <c r="C1156" s="9" t="s">
        <v>15444</v>
      </c>
      <c r="D1156" s="9" t="s">
        <v>15445</v>
      </c>
      <c r="E1156" s="10"/>
      <c r="F1156" s="10"/>
      <c r="G1156" s="8"/>
      <c r="H1156" s="8" t="s">
        <v>15446</v>
      </c>
      <c r="I1156" s="11">
        <v>43033</v>
      </c>
      <c r="J1156" s="11">
        <v>43033</v>
      </c>
      <c r="K1156" s="11">
        <v>45473</v>
      </c>
    </row>
    <row r="1157" spans="1:11" x14ac:dyDescent="0.4">
      <c r="A1157" s="8" t="s">
        <v>11818</v>
      </c>
      <c r="B1157" s="8" t="s">
        <v>633</v>
      </c>
      <c r="C1157" s="9" t="s">
        <v>15447</v>
      </c>
      <c r="D1157" s="9" t="s">
        <v>15448</v>
      </c>
      <c r="E1157" s="10"/>
      <c r="F1157" s="10" t="s">
        <v>15449</v>
      </c>
      <c r="G1157" s="8" t="s">
        <v>15450</v>
      </c>
      <c r="H1157" s="8" t="s">
        <v>15451</v>
      </c>
      <c r="I1157" s="11">
        <v>43059</v>
      </c>
      <c r="J1157" s="11">
        <v>43059</v>
      </c>
      <c r="K1157" s="11">
        <v>45565</v>
      </c>
    </row>
    <row r="1158" spans="1:11" x14ac:dyDescent="0.4">
      <c r="A1158" s="8" t="s">
        <v>11818</v>
      </c>
      <c r="B1158" s="8" t="s">
        <v>48</v>
      </c>
      <c r="C1158" s="9" t="s">
        <v>11286</v>
      </c>
      <c r="D1158" s="9" t="s">
        <v>15452</v>
      </c>
      <c r="E1158" s="10"/>
      <c r="F1158" s="10"/>
      <c r="G1158" s="8"/>
      <c r="H1158" s="8" t="s">
        <v>15453</v>
      </c>
      <c r="I1158" s="11">
        <v>43053</v>
      </c>
      <c r="J1158" s="11">
        <v>43053</v>
      </c>
      <c r="K1158" s="11">
        <v>45473</v>
      </c>
    </row>
    <row r="1159" spans="1:11" x14ac:dyDescent="0.4">
      <c r="A1159" s="8" t="s">
        <v>11818</v>
      </c>
      <c r="B1159" s="8" t="s">
        <v>48</v>
      </c>
      <c r="C1159" s="9" t="s">
        <v>9820</v>
      </c>
      <c r="D1159" s="9" t="s">
        <v>15454</v>
      </c>
      <c r="E1159" s="10"/>
      <c r="F1159" s="10"/>
      <c r="G1159" s="8"/>
      <c r="H1159" s="8" t="s">
        <v>15455</v>
      </c>
      <c r="I1159" s="11">
        <v>43054</v>
      </c>
      <c r="J1159" s="11">
        <v>43054</v>
      </c>
      <c r="K1159" s="11">
        <v>45565</v>
      </c>
    </row>
    <row r="1160" spans="1:11" x14ac:dyDescent="0.4">
      <c r="A1160" s="8" t="s">
        <v>11818</v>
      </c>
      <c r="B1160" s="8" t="s">
        <v>1926</v>
      </c>
      <c r="C1160" s="9" t="s">
        <v>15456</v>
      </c>
      <c r="D1160" s="9" t="s">
        <v>11722</v>
      </c>
      <c r="E1160" s="10"/>
      <c r="F1160" s="10"/>
      <c r="G1160" s="8"/>
      <c r="H1160" s="8" t="s">
        <v>15457</v>
      </c>
      <c r="I1160" s="11">
        <v>43056</v>
      </c>
      <c r="J1160" s="11">
        <v>43056</v>
      </c>
      <c r="K1160" s="11">
        <v>45473</v>
      </c>
    </row>
    <row r="1161" spans="1:11" x14ac:dyDescent="0.4">
      <c r="A1161" s="8" t="s">
        <v>11818</v>
      </c>
      <c r="B1161" s="8" t="s">
        <v>2044</v>
      </c>
      <c r="C1161" s="9" t="s">
        <v>15458</v>
      </c>
      <c r="D1161" s="9" t="s">
        <v>15459</v>
      </c>
      <c r="E1161" s="10"/>
      <c r="F1161" s="10" t="s">
        <v>11428</v>
      </c>
      <c r="G1161" s="8" t="s">
        <v>11429</v>
      </c>
      <c r="H1161" s="8" t="s">
        <v>15460</v>
      </c>
      <c r="I1161" s="11">
        <v>43059</v>
      </c>
      <c r="J1161" s="11">
        <v>43059</v>
      </c>
      <c r="K1161" s="11">
        <v>45565</v>
      </c>
    </row>
    <row r="1162" spans="1:11" x14ac:dyDescent="0.4">
      <c r="A1162" s="8" t="s">
        <v>11818</v>
      </c>
      <c r="B1162" s="8" t="s">
        <v>2044</v>
      </c>
      <c r="C1162" s="9" t="s">
        <v>15461</v>
      </c>
      <c r="D1162" s="9" t="s">
        <v>15462</v>
      </c>
      <c r="E1162" s="10"/>
      <c r="F1162" s="10"/>
      <c r="G1162" s="8"/>
      <c r="H1162" s="8" t="s">
        <v>15463</v>
      </c>
      <c r="I1162" s="11">
        <v>43060</v>
      </c>
      <c r="J1162" s="11">
        <v>43060</v>
      </c>
      <c r="K1162" s="11">
        <v>45565</v>
      </c>
    </row>
    <row r="1163" spans="1:11" x14ac:dyDescent="0.4">
      <c r="A1163" s="8" t="s">
        <v>11818</v>
      </c>
      <c r="B1163" s="8" t="s">
        <v>48</v>
      </c>
      <c r="C1163" s="9" t="s">
        <v>15464</v>
      </c>
      <c r="D1163" s="9" t="s">
        <v>15465</v>
      </c>
      <c r="E1163" s="10" t="s">
        <v>14470</v>
      </c>
      <c r="F1163" s="10" t="s">
        <v>1776</v>
      </c>
      <c r="G1163" s="8" t="s">
        <v>15466</v>
      </c>
      <c r="H1163" s="8" t="s">
        <v>15467</v>
      </c>
      <c r="I1163" s="11">
        <v>43067</v>
      </c>
      <c r="J1163" s="11">
        <v>43067</v>
      </c>
      <c r="K1163" s="11">
        <v>45565</v>
      </c>
    </row>
    <row r="1164" spans="1:11" x14ac:dyDescent="0.4">
      <c r="A1164" s="8" t="s">
        <v>11818</v>
      </c>
      <c r="B1164" s="8" t="s">
        <v>3441</v>
      </c>
      <c r="C1164" s="9" t="s">
        <v>15468</v>
      </c>
      <c r="D1164" s="9" t="s">
        <v>15469</v>
      </c>
      <c r="E1164" s="10"/>
      <c r="F1164" s="10"/>
      <c r="G1164" s="8"/>
      <c r="H1164" s="8" t="s">
        <v>15470</v>
      </c>
      <c r="I1164" s="11">
        <v>43070</v>
      </c>
      <c r="J1164" s="11">
        <v>43070</v>
      </c>
      <c r="K1164" s="11">
        <v>45565</v>
      </c>
    </row>
    <row r="1165" spans="1:11" x14ac:dyDescent="0.4">
      <c r="A1165" s="8" t="s">
        <v>11818</v>
      </c>
      <c r="B1165" s="8" t="s">
        <v>633</v>
      </c>
      <c r="C1165" s="9" t="s">
        <v>15471</v>
      </c>
      <c r="D1165" s="9" t="s">
        <v>15472</v>
      </c>
      <c r="E1165" s="10"/>
      <c r="F1165" s="10" t="s">
        <v>15473</v>
      </c>
      <c r="G1165" s="8" t="s">
        <v>15474</v>
      </c>
      <c r="H1165" s="8" t="s">
        <v>15475</v>
      </c>
      <c r="I1165" s="11">
        <v>43075</v>
      </c>
      <c r="J1165" s="11">
        <v>43075</v>
      </c>
      <c r="K1165" s="11">
        <v>45565</v>
      </c>
    </row>
    <row r="1166" spans="1:11" x14ac:dyDescent="0.4">
      <c r="A1166" s="8" t="s">
        <v>11818</v>
      </c>
      <c r="B1166" s="8" t="s">
        <v>633</v>
      </c>
      <c r="C1166" s="9" t="s">
        <v>15476</v>
      </c>
      <c r="D1166" s="9" t="s">
        <v>15477</v>
      </c>
      <c r="E1166" s="10" t="s">
        <v>15478</v>
      </c>
      <c r="F1166" s="10" t="s">
        <v>15479</v>
      </c>
      <c r="G1166" s="8" t="s">
        <v>15480</v>
      </c>
      <c r="H1166" s="8" t="s">
        <v>15481</v>
      </c>
      <c r="I1166" s="11">
        <v>43077</v>
      </c>
      <c r="J1166" s="11">
        <v>43077</v>
      </c>
      <c r="K1166" s="11">
        <v>45626</v>
      </c>
    </row>
    <row r="1167" spans="1:11" x14ac:dyDescent="0.4">
      <c r="A1167" s="8" t="s">
        <v>11818</v>
      </c>
      <c r="B1167" s="8" t="s">
        <v>698</v>
      </c>
      <c r="C1167" s="9" t="s">
        <v>15482</v>
      </c>
      <c r="D1167" s="9" t="s">
        <v>15483</v>
      </c>
      <c r="E1167" s="10"/>
      <c r="F1167" s="10"/>
      <c r="G1167" s="8"/>
      <c r="H1167" s="8" t="s">
        <v>15484</v>
      </c>
      <c r="I1167" s="11">
        <v>43081</v>
      </c>
      <c r="J1167" s="11">
        <v>43081</v>
      </c>
      <c r="K1167" s="11">
        <v>45596</v>
      </c>
    </row>
    <row r="1168" spans="1:11" x14ac:dyDescent="0.4">
      <c r="A1168" s="8" t="s">
        <v>11818</v>
      </c>
      <c r="B1168" s="8" t="s">
        <v>48</v>
      </c>
      <c r="C1168" s="9" t="s">
        <v>15485</v>
      </c>
      <c r="D1168" s="9" t="s">
        <v>15486</v>
      </c>
      <c r="E1168" s="10" t="s">
        <v>3613</v>
      </c>
      <c r="F1168" s="10"/>
      <c r="G1168" s="8"/>
      <c r="H1168" s="8" t="s">
        <v>15487</v>
      </c>
      <c r="I1168" s="11">
        <v>43090</v>
      </c>
      <c r="J1168" s="11">
        <v>43090</v>
      </c>
      <c r="K1168" s="11">
        <v>45626</v>
      </c>
    </row>
    <row r="1169" spans="1:11" x14ac:dyDescent="0.4">
      <c r="A1169" s="8" t="s">
        <v>11818</v>
      </c>
      <c r="B1169" s="8" t="s">
        <v>2044</v>
      </c>
      <c r="C1169" s="9" t="s">
        <v>15488</v>
      </c>
      <c r="D1169" s="9" t="s">
        <v>15472</v>
      </c>
      <c r="E1169" s="10" t="s">
        <v>15489</v>
      </c>
      <c r="F1169" s="10" t="s">
        <v>15473</v>
      </c>
      <c r="G1169" s="8" t="s">
        <v>15474</v>
      </c>
      <c r="H1169" s="8" t="s">
        <v>15490</v>
      </c>
      <c r="I1169" s="11">
        <v>43097</v>
      </c>
      <c r="J1169" s="11">
        <v>43097</v>
      </c>
      <c r="K1169" s="11">
        <v>45565</v>
      </c>
    </row>
    <row r="1170" spans="1:11" x14ac:dyDescent="0.4">
      <c r="A1170" s="8" t="s">
        <v>11818</v>
      </c>
      <c r="B1170" s="8" t="s">
        <v>6444</v>
      </c>
      <c r="C1170" s="9" t="s">
        <v>15491</v>
      </c>
      <c r="D1170" s="9" t="s">
        <v>15492</v>
      </c>
      <c r="E1170" s="10"/>
      <c r="F1170" s="10"/>
      <c r="G1170" s="8"/>
      <c r="H1170" s="8" t="s">
        <v>15493</v>
      </c>
      <c r="I1170" s="11">
        <v>43132</v>
      </c>
      <c r="J1170" s="11">
        <v>43132</v>
      </c>
      <c r="K1170" s="11">
        <v>45565</v>
      </c>
    </row>
    <row r="1171" spans="1:11" x14ac:dyDescent="0.4">
      <c r="A1171" s="8" t="s">
        <v>11818</v>
      </c>
      <c r="B1171" s="8" t="s">
        <v>48</v>
      </c>
      <c r="C1171" s="9" t="s">
        <v>15494</v>
      </c>
      <c r="D1171" s="9" t="s">
        <v>15495</v>
      </c>
      <c r="E1171" s="10"/>
      <c r="F1171" s="10"/>
      <c r="G1171" s="8"/>
      <c r="H1171" s="8" t="s">
        <v>15496</v>
      </c>
      <c r="I1171" s="11">
        <v>43132</v>
      </c>
      <c r="J1171" s="11">
        <v>43132</v>
      </c>
      <c r="K1171" s="11">
        <v>45473</v>
      </c>
    </row>
    <row r="1172" spans="1:11" x14ac:dyDescent="0.4">
      <c r="A1172" s="8" t="s">
        <v>11818</v>
      </c>
      <c r="B1172" s="8" t="s">
        <v>48</v>
      </c>
      <c r="C1172" s="9" t="s">
        <v>15497</v>
      </c>
      <c r="D1172" s="9" t="s">
        <v>15498</v>
      </c>
      <c r="E1172" s="10" t="s">
        <v>15499</v>
      </c>
      <c r="F1172" s="10"/>
      <c r="G1172" s="8"/>
      <c r="H1172" s="8" t="s">
        <v>15500</v>
      </c>
      <c r="I1172" s="11">
        <v>43130</v>
      </c>
      <c r="J1172" s="11">
        <v>43130</v>
      </c>
      <c r="K1172" s="11">
        <v>45626</v>
      </c>
    </row>
    <row r="1173" spans="1:11" x14ac:dyDescent="0.4">
      <c r="A1173" s="8" t="s">
        <v>11818</v>
      </c>
      <c r="B1173" s="8" t="s">
        <v>6444</v>
      </c>
      <c r="C1173" s="9" t="s">
        <v>15501</v>
      </c>
      <c r="D1173" s="9" t="s">
        <v>15472</v>
      </c>
      <c r="E1173" s="10"/>
      <c r="F1173" s="10"/>
      <c r="G1173" s="8"/>
      <c r="H1173" s="8" t="s">
        <v>15502</v>
      </c>
      <c r="I1173" s="11">
        <v>43131</v>
      </c>
      <c r="J1173" s="11">
        <v>43131</v>
      </c>
      <c r="K1173" s="11">
        <v>45565</v>
      </c>
    </row>
    <row r="1174" spans="1:11" x14ac:dyDescent="0.4">
      <c r="A1174" s="8" t="s">
        <v>11818</v>
      </c>
      <c r="B1174" s="8" t="s">
        <v>633</v>
      </c>
      <c r="C1174" s="9" t="s">
        <v>15503</v>
      </c>
      <c r="D1174" s="9" t="s">
        <v>15504</v>
      </c>
      <c r="E1174" s="10"/>
      <c r="F1174" s="10" t="s">
        <v>2389</v>
      </c>
      <c r="G1174" s="8" t="s">
        <v>13475</v>
      </c>
      <c r="H1174" s="8" t="s">
        <v>15505</v>
      </c>
      <c r="I1174" s="11">
        <v>43132</v>
      </c>
      <c r="J1174" s="11">
        <v>43132</v>
      </c>
      <c r="K1174" s="11">
        <v>45565</v>
      </c>
    </row>
    <row r="1175" spans="1:11" x14ac:dyDescent="0.4">
      <c r="A1175" s="8" t="s">
        <v>11818</v>
      </c>
      <c r="B1175" s="8" t="s">
        <v>48</v>
      </c>
      <c r="C1175" s="9" t="s">
        <v>15506</v>
      </c>
      <c r="D1175" s="9" t="s">
        <v>15507</v>
      </c>
      <c r="E1175" s="10"/>
      <c r="F1175" s="10"/>
      <c r="G1175" s="8"/>
      <c r="H1175" s="8" t="s">
        <v>15508</v>
      </c>
      <c r="I1175" s="11">
        <v>43146</v>
      </c>
      <c r="J1175" s="11">
        <v>43146</v>
      </c>
      <c r="K1175" s="11">
        <v>45596</v>
      </c>
    </row>
    <row r="1176" spans="1:11" x14ac:dyDescent="0.4">
      <c r="A1176" s="8" t="s">
        <v>11818</v>
      </c>
      <c r="B1176" s="8" t="s">
        <v>633</v>
      </c>
      <c r="C1176" s="9" t="s">
        <v>15509</v>
      </c>
      <c r="D1176" s="9" t="s">
        <v>15510</v>
      </c>
      <c r="E1176" s="10" t="s">
        <v>15511</v>
      </c>
      <c r="F1176" s="10"/>
      <c r="G1176" s="8"/>
      <c r="H1176" s="8" t="s">
        <v>15512</v>
      </c>
      <c r="I1176" s="11">
        <v>43147</v>
      </c>
      <c r="J1176" s="11">
        <v>43147</v>
      </c>
      <c r="K1176" s="11">
        <v>45565</v>
      </c>
    </row>
    <row r="1177" spans="1:11" x14ac:dyDescent="0.4">
      <c r="A1177" s="8" t="s">
        <v>11818</v>
      </c>
      <c r="B1177" s="8" t="s">
        <v>633</v>
      </c>
      <c r="C1177" s="9" t="s">
        <v>15513</v>
      </c>
      <c r="D1177" s="9" t="s">
        <v>15514</v>
      </c>
      <c r="E1177" s="10" t="s">
        <v>15515</v>
      </c>
      <c r="F1177" s="10"/>
      <c r="G1177" s="8"/>
      <c r="H1177" s="8" t="s">
        <v>15516</v>
      </c>
      <c r="I1177" s="11">
        <v>43147</v>
      </c>
      <c r="J1177" s="11">
        <v>43147</v>
      </c>
      <c r="K1177" s="11">
        <v>45565</v>
      </c>
    </row>
    <row r="1178" spans="1:11" x14ac:dyDescent="0.4">
      <c r="A1178" s="8" t="s">
        <v>11818</v>
      </c>
      <c r="B1178" s="8" t="s">
        <v>48</v>
      </c>
      <c r="C1178" s="9" t="s">
        <v>15517</v>
      </c>
      <c r="D1178" s="9" t="s">
        <v>13295</v>
      </c>
      <c r="E1178" s="10" t="s">
        <v>15518</v>
      </c>
      <c r="F1178" s="10"/>
      <c r="G1178" s="8"/>
      <c r="H1178" s="8" t="s">
        <v>15519</v>
      </c>
      <c r="I1178" s="11">
        <v>43147</v>
      </c>
      <c r="J1178" s="11">
        <v>43147</v>
      </c>
      <c r="K1178" s="11">
        <v>45626</v>
      </c>
    </row>
    <row r="1179" spans="1:11" x14ac:dyDescent="0.4">
      <c r="A1179" s="8" t="s">
        <v>11818</v>
      </c>
      <c r="B1179" s="8" t="s">
        <v>48</v>
      </c>
      <c r="C1179" s="9" t="s">
        <v>15520</v>
      </c>
      <c r="D1179" s="9" t="s">
        <v>15521</v>
      </c>
      <c r="E1179" s="10" t="s">
        <v>15522</v>
      </c>
      <c r="F1179" s="10"/>
      <c r="G1179" s="8"/>
      <c r="H1179" s="8" t="s">
        <v>15523</v>
      </c>
      <c r="I1179" s="11">
        <v>43154</v>
      </c>
      <c r="J1179" s="11">
        <v>43154</v>
      </c>
      <c r="K1179" s="11">
        <v>45626</v>
      </c>
    </row>
    <row r="1180" spans="1:11" x14ac:dyDescent="0.4">
      <c r="A1180" s="8" t="s">
        <v>11818</v>
      </c>
      <c r="B1180" s="8" t="s">
        <v>1926</v>
      </c>
      <c r="C1180" s="9" t="s">
        <v>15524</v>
      </c>
      <c r="D1180" s="9" t="s">
        <v>13581</v>
      </c>
      <c r="E1180" s="10" t="s">
        <v>1258</v>
      </c>
      <c r="F1180" s="10" t="s">
        <v>4070</v>
      </c>
      <c r="G1180" s="8" t="s">
        <v>15525</v>
      </c>
      <c r="H1180" s="8" t="s">
        <v>15526</v>
      </c>
      <c r="I1180" s="11">
        <v>43158</v>
      </c>
      <c r="J1180" s="11">
        <v>43158</v>
      </c>
      <c r="K1180" s="11">
        <v>45626</v>
      </c>
    </row>
    <row r="1181" spans="1:11" x14ac:dyDescent="0.4">
      <c r="A1181" s="8" t="s">
        <v>11818</v>
      </c>
      <c r="B1181" s="8" t="s">
        <v>48</v>
      </c>
      <c r="C1181" s="9" t="s">
        <v>15527</v>
      </c>
      <c r="D1181" s="9" t="s">
        <v>15528</v>
      </c>
      <c r="E1181" s="10" t="s">
        <v>15529</v>
      </c>
      <c r="F1181" s="10"/>
      <c r="G1181" s="8"/>
      <c r="H1181" s="8" t="s">
        <v>15530</v>
      </c>
      <c r="I1181" s="11">
        <v>43165</v>
      </c>
      <c r="J1181" s="11">
        <v>43165</v>
      </c>
      <c r="K1181" s="11">
        <v>45626</v>
      </c>
    </row>
    <row r="1182" spans="1:11" x14ac:dyDescent="0.4">
      <c r="A1182" s="8" t="s">
        <v>11818</v>
      </c>
      <c r="B1182" s="8" t="s">
        <v>2044</v>
      </c>
      <c r="C1182" s="9" t="s">
        <v>15531</v>
      </c>
      <c r="D1182" s="9" t="s">
        <v>15532</v>
      </c>
      <c r="E1182" s="10"/>
      <c r="F1182" s="10" t="s">
        <v>15473</v>
      </c>
      <c r="G1182" s="8" t="s">
        <v>15474</v>
      </c>
      <c r="H1182" s="8" t="s">
        <v>15533</v>
      </c>
      <c r="I1182" s="11">
        <v>43165</v>
      </c>
      <c r="J1182" s="11">
        <v>43165</v>
      </c>
      <c r="K1182" s="11">
        <v>45565</v>
      </c>
    </row>
    <row r="1183" spans="1:11" x14ac:dyDescent="0.4">
      <c r="A1183" s="8" t="s">
        <v>11818</v>
      </c>
      <c r="B1183" s="8" t="s">
        <v>48</v>
      </c>
      <c r="C1183" s="9" t="s">
        <v>15534</v>
      </c>
      <c r="D1183" s="9" t="s">
        <v>14504</v>
      </c>
      <c r="E1183" s="10" t="s">
        <v>15535</v>
      </c>
      <c r="F1183" s="10"/>
      <c r="G1183" s="8"/>
      <c r="H1183" s="8" t="s">
        <v>15536</v>
      </c>
      <c r="I1183" s="11">
        <v>43174</v>
      </c>
      <c r="J1183" s="11">
        <v>43174</v>
      </c>
      <c r="K1183" s="11">
        <v>45626</v>
      </c>
    </row>
    <row r="1184" spans="1:11" x14ac:dyDescent="0.4">
      <c r="A1184" s="8" t="s">
        <v>11818</v>
      </c>
      <c r="B1184" s="8" t="s">
        <v>2044</v>
      </c>
      <c r="C1184" s="9" t="s">
        <v>15537</v>
      </c>
      <c r="D1184" s="9" t="s">
        <v>11449</v>
      </c>
      <c r="E1184" s="10"/>
      <c r="F1184" s="10" t="s">
        <v>11450</v>
      </c>
      <c r="G1184" s="8" t="s">
        <v>11451</v>
      </c>
      <c r="H1184" s="8" t="s">
        <v>15538</v>
      </c>
      <c r="I1184" s="11">
        <v>43175</v>
      </c>
      <c r="J1184" s="11">
        <v>43175</v>
      </c>
      <c r="K1184" s="11">
        <v>45565</v>
      </c>
    </row>
    <row r="1185" spans="1:11" x14ac:dyDescent="0.4">
      <c r="A1185" s="8" t="s">
        <v>11818</v>
      </c>
      <c r="B1185" s="8" t="s">
        <v>3441</v>
      </c>
      <c r="C1185" s="9" t="s">
        <v>15539</v>
      </c>
      <c r="D1185" s="9" t="s">
        <v>15540</v>
      </c>
      <c r="E1185" s="10" t="s">
        <v>9568</v>
      </c>
      <c r="F1185" s="10" t="s">
        <v>11581</v>
      </c>
      <c r="G1185" s="8" t="s">
        <v>11582</v>
      </c>
      <c r="H1185" s="8" t="s">
        <v>15541</v>
      </c>
      <c r="I1185" s="11">
        <v>43179</v>
      </c>
      <c r="J1185" s="11">
        <v>43179</v>
      </c>
      <c r="K1185" s="11">
        <v>45565</v>
      </c>
    </row>
    <row r="1186" spans="1:11" x14ac:dyDescent="0.4">
      <c r="A1186" s="8" t="s">
        <v>11818</v>
      </c>
      <c r="B1186" s="8" t="s">
        <v>3441</v>
      </c>
      <c r="C1186" s="9" t="s">
        <v>15542</v>
      </c>
      <c r="D1186" s="9" t="s">
        <v>13581</v>
      </c>
      <c r="E1186" s="10" t="s">
        <v>1258</v>
      </c>
      <c r="F1186" s="10" t="s">
        <v>14706</v>
      </c>
      <c r="G1186" s="8" t="s">
        <v>13233</v>
      </c>
      <c r="H1186" s="8" t="s">
        <v>15543</v>
      </c>
      <c r="I1186" s="11">
        <v>43191</v>
      </c>
      <c r="J1186" s="11">
        <v>43191</v>
      </c>
      <c r="K1186" s="11">
        <v>45626</v>
      </c>
    </row>
    <row r="1187" spans="1:11" x14ac:dyDescent="0.4">
      <c r="A1187" s="8" t="s">
        <v>11818</v>
      </c>
      <c r="B1187" s="8" t="s">
        <v>633</v>
      </c>
      <c r="C1187" s="9" t="s">
        <v>15544</v>
      </c>
      <c r="D1187" s="9" t="s">
        <v>15545</v>
      </c>
      <c r="E1187" s="10"/>
      <c r="F1187" s="10" t="s">
        <v>2389</v>
      </c>
      <c r="G1187" s="8" t="s">
        <v>13475</v>
      </c>
      <c r="H1187" s="8" t="s">
        <v>15546</v>
      </c>
      <c r="I1187" s="11">
        <v>43182</v>
      </c>
      <c r="J1187" s="11">
        <v>43182</v>
      </c>
      <c r="K1187" s="11">
        <v>45565</v>
      </c>
    </row>
    <row r="1188" spans="1:11" x14ac:dyDescent="0.4">
      <c r="A1188" s="8" t="s">
        <v>11818</v>
      </c>
      <c r="B1188" s="8" t="s">
        <v>633</v>
      </c>
      <c r="C1188" s="9" t="s">
        <v>15547</v>
      </c>
      <c r="D1188" s="9" t="s">
        <v>15548</v>
      </c>
      <c r="E1188" s="10" t="s">
        <v>15549</v>
      </c>
      <c r="F1188" s="10"/>
      <c r="G1188" s="8"/>
      <c r="H1188" s="8" t="s">
        <v>15550</v>
      </c>
      <c r="I1188" s="11">
        <v>43182</v>
      </c>
      <c r="J1188" s="11">
        <v>43182</v>
      </c>
      <c r="K1188" s="11">
        <v>45565</v>
      </c>
    </row>
    <row r="1189" spans="1:11" x14ac:dyDescent="0.4">
      <c r="A1189" s="8" t="s">
        <v>11818</v>
      </c>
      <c r="B1189" s="8" t="s">
        <v>633</v>
      </c>
      <c r="C1189" s="9" t="s">
        <v>15551</v>
      </c>
      <c r="D1189" s="9" t="s">
        <v>15498</v>
      </c>
      <c r="E1189" s="10" t="s">
        <v>15552</v>
      </c>
      <c r="F1189" s="10" t="s">
        <v>15553</v>
      </c>
      <c r="G1189" s="8" t="s">
        <v>15554</v>
      </c>
      <c r="H1189" s="8" t="s">
        <v>15555</v>
      </c>
      <c r="I1189" s="11">
        <v>43182</v>
      </c>
      <c r="J1189" s="11">
        <v>43182</v>
      </c>
      <c r="K1189" s="11">
        <v>45626</v>
      </c>
    </row>
    <row r="1190" spans="1:11" x14ac:dyDescent="0.4">
      <c r="A1190" s="8" t="s">
        <v>11818</v>
      </c>
      <c r="B1190" s="8" t="s">
        <v>48</v>
      </c>
      <c r="C1190" s="9" t="s">
        <v>15556</v>
      </c>
      <c r="D1190" s="9" t="s">
        <v>15557</v>
      </c>
      <c r="E1190" s="10" t="s">
        <v>15558</v>
      </c>
      <c r="F1190" s="10" t="s">
        <v>11657</v>
      </c>
      <c r="G1190" s="8" t="s">
        <v>11658</v>
      </c>
      <c r="H1190" s="8" t="s">
        <v>15559</v>
      </c>
      <c r="I1190" s="11">
        <v>43195</v>
      </c>
      <c r="J1190" s="11">
        <v>43195</v>
      </c>
      <c r="K1190" s="11">
        <v>45626</v>
      </c>
    </row>
    <row r="1191" spans="1:11" x14ac:dyDescent="0.4">
      <c r="A1191" s="8" t="s">
        <v>11818</v>
      </c>
      <c r="B1191" s="8" t="s">
        <v>48</v>
      </c>
      <c r="C1191" s="9" t="s">
        <v>15560</v>
      </c>
      <c r="D1191" s="9" t="s">
        <v>14504</v>
      </c>
      <c r="E1191" s="10" t="s">
        <v>15561</v>
      </c>
      <c r="F1191" s="10"/>
      <c r="G1191" s="8"/>
      <c r="H1191" s="8" t="s">
        <v>15562</v>
      </c>
      <c r="I1191" s="11">
        <v>43189</v>
      </c>
      <c r="J1191" s="11">
        <v>43189</v>
      </c>
      <c r="K1191" s="11">
        <v>45626</v>
      </c>
    </row>
    <row r="1192" spans="1:11" x14ac:dyDescent="0.4">
      <c r="A1192" s="8" t="s">
        <v>11818</v>
      </c>
      <c r="B1192" s="8" t="s">
        <v>2044</v>
      </c>
      <c r="C1192" s="9" t="s">
        <v>11361</v>
      </c>
      <c r="D1192" s="9" t="s">
        <v>15563</v>
      </c>
      <c r="E1192" s="10"/>
      <c r="F1192" s="10" t="s">
        <v>11358</v>
      </c>
      <c r="G1192" s="8" t="s">
        <v>15564</v>
      </c>
      <c r="H1192" s="8" t="s">
        <v>15565</v>
      </c>
      <c r="I1192" s="11">
        <v>43193</v>
      </c>
      <c r="J1192" s="11">
        <v>43193</v>
      </c>
      <c r="K1192" s="11">
        <v>45473</v>
      </c>
    </row>
    <row r="1193" spans="1:11" x14ac:dyDescent="0.4">
      <c r="A1193" s="8" t="s">
        <v>11818</v>
      </c>
      <c r="B1193" s="8" t="s">
        <v>2044</v>
      </c>
      <c r="C1193" s="9" t="s">
        <v>15566</v>
      </c>
      <c r="D1193" s="9" t="s">
        <v>15567</v>
      </c>
      <c r="E1193" s="10"/>
      <c r="F1193" s="10"/>
      <c r="G1193" s="8"/>
      <c r="H1193" s="8" t="s">
        <v>15568</v>
      </c>
      <c r="I1193" s="11">
        <v>43210</v>
      </c>
      <c r="J1193" s="11">
        <v>43210</v>
      </c>
      <c r="K1193" s="11">
        <v>45565</v>
      </c>
    </row>
    <row r="1194" spans="1:11" x14ac:dyDescent="0.4">
      <c r="A1194" s="8" t="s">
        <v>11818</v>
      </c>
      <c r="B1194" s="8" t="s">
        <v>633</v>
      </c>
      <c r="C1194" s="9" t="s">
        <v>15569</v>
      </c>
      <c r="D1194" s="9" t="s">
        <v>15570</v>
      </c>
      <c r="E1194" s="10"/>
      <c r="F1194" s="10"/>
      <c r="G1194" s="8"/>
      <c r="H1194" s="8" t="s">
        <v>15571</v>
      </c>
      <c r="I1194" s="11">
        <v>43195</v>
      </c>
      <c r="J1194" s="11">
        <v>43195</v>
      </c>
      <c r="K1194" s="11">
        <v>45747</v>
      </c>
    </row>
    <row r="1195" spans="1:11" x14ac:dyDescent="0.4">
      <c r="A1195" s="8" t="s">
        <v>11818</v>
      </c>
      <c r="B1195" s="8" t="s">
        <v>48</v>
      </c>
      <c r="C1195" s="9" t="s">
        <v>15572</v>
      </c>
      <c r="D1195" s="9" t="s">
        <v>15573</v>
      </c>
      <c r="E1195" s="10" t="s">
        <v>15574</v>
      </c>
      <c r="F1195" s="10"/>
      <c r="G1195" s="8"/>
      <c r="H1195" s="8" t="s">
        <v>15575</v>
      </c>
      <c r="I1195" s="11">
        <v>43200</v>
      </c>
      <c r="J1195" s="11">
        <v>43200</v>
      </c>
      <c r="K1195" s="11">
        <v>45626</v>
      </c>
    </row>
    <row r="1196" spans="1:11" x14ac:dyDescent="0.4">
      <c r="A1196" s="8" t="s">
        <v>11818</v>
      </c>
      <c r="B1196" s="8" t="s">
        <v>2044</v>
      </c>
      <c r="C1196" s="9" t="s">
        <v>4186</v>
      </c>
      <c r="D1196" s="9" t="s">
        <v>11479</v>
      </c>
      <c r="E1196" s="10"/>
      <c r="F1196" s="10" t="s">
        <v>4183</v>
      </c>
      <c r="G1196" s="8" t="s">
        <v>11480</v>
      </c>
      <c r="H1196" s="8" t="s">
        <v>15576</v>
      </c>
      <c r="I1196" s="11">
        <v>43207</v>
      </c>
      <c r="J1196" s="11">
        <v>43207</v>
      </c>
      <c r="K1196" s="11">
        <v>45473</v>
      </c>
    </row>
    <row r="1197" spans="1:11" x14ac:dyDescent="0.4">
      <c r="A1197" s="8" t="s">
        <v>11818</v>
      </c>
      <c r="B1197" s="8" t="s">
        <v>48</v>
      </c>
      <c r="C1197" s="9" t="s">
        <v>15577</v>
      </c>
      <c r="D1197" s="9" t="s">
        <v>15578</v>
      </c>
      <c r="E1197" s="10" t="s">
        <v>15579</v>
      </c>
      <c r="F1197" s="10"/>
      <c r="G1197" s="8"/>
      <c r="H1197" s="8" t="s">
        <v>15580</v>
      </c>
      <c r="I1197" s="11">
        <v>43207</v>
      </c>
      <c r="J1197" s="11">
        <v>43207</v>
      </c>
      <c r="K1197" s="11">
        <v>45626</v>
      </c>
    </row>
    <row r="1198" spans="1:11" x14ac:dyDescent="0.4">
      <c r="A1198" s="8" t="s">
        <v>11818</v>
      </c>
      <c r="B1198" s="8" t="s">
        <v>48</v>
      </c>
      <c r="C1198" s="9" t="s">
        <v>15581</v>
      </c>
      <c r="D1198" s="9" t="s">
        <v>15582</v>
      </c>
      <c r="E1198" s="10" t="s">
        <v>15583</v>
      </c>
      <c r="F1198" s="10"/>
      <c r="G1198" s="8"/>
      <c r="H1198" s="8" t="s">
        <v>15584</v>
      </c>
      <c r="I1198" s="11">
        <v>43207</v>
      </c>
      <c r="J1198" s="11">
        <v>43207</v>
      </c>
      <c r="K1198" s="11">
        <v>45747</v>
      </c>
    </row>
    <row r="1199" spans="1:11" x14ac:dyDescent="0.4">
      <c r="A1199" s="8" t="s">
        <v>11818</v>
      </c>
      <c r="B1199" s="8" t="s">
        <v>698</v>
      </c>
      <c r="C1199" s="9" t="s">
        <v>15585</v>
      </c>
      <c r="D1199" s="9" t="s">
        <v>15586</v>
      </c>
      <c r="E1199" s="10"/>
      <c r="F1199" s="10" t="s">
        <v>6538</v>
      </c>
      <c r="G1199" s="8" t="s">
        <v>15587</v>
      </c>
      <c r="H1199" s="8" t="s">
        <v>15588</v>
      </c>
      <c r="I1199" s="11">
        <v>43208</v>
      </c>
      <c r="J1199" s="11">
        <v>43208</v>
      </c>
      <c r="K1199" s="11">
        <v>45747</v>
      </c>
    </row>
    <row r="1200" spans="1:11" x14ac:dyDescent="0.4">
      <c r="A1200" s="8" t="s">
        <v>11818</v>
      </c>
      <c r="B1200" s="8" t="s">
        <v>698</v>
      </c>
      <c r="C1200" s="9" t="s">
        <v>15589</v>
      </c>
      <c r="D1200" s="9" t="s">
        <v>15590</v>
      </c>
      <c r="E1200" s="10" t="s">
        <v>4813</v>
      </c>
      <c r="F1200" s="10"/>
      <c r="G1200" s="8"/>
      <c r="H1200" s="8" t="s">
        <v>15591</v>
      </c>
      <c r="I1200" s="11">
        <v>43213</v>
      </c>
      <c r="J1200" s="11">
        <v>43213</v>
      </c>
      <c r="K1200" s="11">
        <v>45565</v>
      </c>
    </row>
    <row r="1201" spans="1:11" x14ac:dyDescent="0.4">
      <c r="A1201" s="8" t="s">
        <v>11818</v>
      </c>
      <c r="B1201" s="8" t="s">
        <v>48</v>
      </c>
      <c r="C1201" s="9" t="s">
        <v>15592</v>
      </c>
      <c r="D1201" s="9" t="s">
        <v>15593</v>
      </c>
      <c r="E1201" s="10" t="s">
        <v>15594</v>
      </c>
      <c r="F1201" s="10" t="s">
        <v>14144</v>
      </c>
      <c r="G1201" s="8" t="s">
        <v>14145</v>
      </c>
      <c r="H1201" s="8" t="s">
        <v>15595</v>
      </c>
      <c r="I1201" s="11">
        <v>43216</v>
      </c>
      <c r="J1201" s="11">
        <v>43216</v>
      </c>
      <c r="K1201" s="11">
        <v>45626</v>
      </c>
    </row>
    <row r="1202" spans="1:11" x14ac:dyDescent="0.4">
      <c r="A1202" s="8" t="s">
        <v>11818</v>
      </c>
      <c r="B1202" s="8" t="s">
        <v>48</v>
      </c>
      <c r="C1202" s="9" t="s">
        <v>15596</v>
      </c>
      <c r="D1202" s="9" t="s">
        <v>15597</v>
      </c>
      <c r="E1202" s="10"/>
      <c r="F1202" s="10"/>
      <c r="G1202" s="8"/>
      <c r="H1202" s="8" t="s">
        <v>15598</v>
      </c>
      <c r="I1202" s="11">
        <v>43215</v>
      </c>
      <c r="J1202" s="11">
        <v>43215</v>
      </c>
      <c r="K1202" s="11">
        <v>45747</v>
      </c>
    </row>
    <row r="1203" spans="1:11" x14ac:dyDescent="0.4">
      <c r="A1203" s="8" t="s">
        <v>11818</v>
      </c>
      <c r="B1203" s="8" t="s">
        <v>3441</v>
      </c>
      <c r="C1203" s="9" t="s">
        <v>15599</v>
      </c>
      <c r="D1203" s="9" t="s">
        <v>15600</v>
      </c>
      <c r="E1203" s="10"/>
      <c r="F1203" s="10" t="s">
        <v>15601</v>
      </c>
      <c r="G1203" s="8" t="s">
        <v>15602</v>
      </c>
      <c r="H1203" s="8" t="s">
        <v>15603</v>
      </c>
      <c r="I1203" s="11">
        <v>43216</v>
      </c>
      <c r="J1203" s="11">
        <v>43216</v>
      </c>
      <c r="K1203" s="11">
        <v>45596</v>
      </c>
    </row>
    <row r="1204" spans="1:11" x14ac:dyDescent="0.4">
      <c r="A1204" s="8" t="s">
        <v>11818</v>
      </c>
      <c r="B1204" s="8" t="s">
        <v>48</v>
      </c>
      <c r="C1204" s="9" t="s">
        <v>15604</v>
      </c>
      <c r="D1204" s="9" t="s">
        <v>15605</v>
      </c>
      <c r="E1204" s="10"/>
      <c r="F1204" s="10"/>
      <c r="G1204" s="8"/>
      <c r="H1204" s="8" t="s">
        <v>15606</v>
      </c>
      <c r="I1204" s="11">
        <v>43217</v>
      </c>
      <c r="J1204" s="11">
        <v>43217</v>
      </c>
      <c r="K1204" s="11">
        <v>45565</v>
      </c>
    </row>
    <row r="1205" spans="1:11" x14ac:dyDescent="0.4">
      <c r="A1205" s="8" t="s">
        <v>11818</v>
      </c>
      <c r="B1205" s="8" t="s">
        <v>633</v>
      </c>
      <c r="C1205" s="9" t="s">
        <v>15607</v>
      </c>
      <c r="D1205" s="9" t="s">
        <v>15608</v>
      </c>
      <c r="E1205" s="10" t="s">
        <v>15609</v>
      </c>
      <c r="F1205" s="10"/>
      <c r="G1205" s="8"/>
      <c r="H1205" s="8" t="s">
        <v>15610</v>
      </c>
      <c r="I1205" s="11">
        <v>43217</v>
      </c>
      <c r="J1205" s="11">
        <v>43217</v>
      </c>
      <c r="K1205" s="11">
        <v>45565</v>
      </c>
    </row>
    <row r="1206" spans="1:11" x14ac:dyDescent="0.4">
      <c r="A1206" s="8" t="s">
        <v>11818</v>
      </c>
      <c r="B1206" s="8" t="s">
        <v>48</v>
      </c>
      <c r="C1206" s="9" t="s">
        <v>15611</v>
      </c>
      <c r="D1206" s="9" t="s">
        <v>14388</v>
      </c>
      <c r="E1206" s="10"/>
      <c r="F1206" s="10" t="s">
        <v>10801</v>
      </c>
      <c r="G1206" s="8" t="s">
        <v>15612</v>
      </c>
      <c r="H1206" s="8" t="s">
        <v>15613</v>
      </c>
      <c r="I1206" s="11">
        <v>43218</v>
      </c>
      <c r="J1206" s="11">
        <v>43218</v>
      </c>
      <c r="K1206" s="11">
        <v>45626</v>
      </c>
    </row>
    <row r="1207" spans="1:11" x14ac:dyDescent="0.4">
      <c r="A1207" s="8" t="s">
        <v>11818</v>
      </c>
      <c r="B1207" s="8" t="s">
        <v>5454</v>
      </c>
      <c r="C1207" s="9" t="s">
        <v>15614</v>
      </c>
      <c r="D1207" s="9" t="s">
        <v>14031</v>
      </c>
      <c r="E1207" s="10" t="s">
        <v>15615</v>
      </c>
      <c r="F1207" s="10"/>
      <c r="G1207" s="8"/>
      <c r="H1207" s="8" t="s">
        <v>15616</v>
      </c>
      <c r="I1207" s="11">
        <v>43222</v>
      </c>
      <c r="J1207" s="11">
        <v>43222</v>
      </c>
      <c r="K1207" s="11">
        <v>45626</v>
      </c>
    </row>
    <row r="1208" spans="1:11" x14ac:dyDescent="0.4">
      <c r="A1208" s="8" t="s">
        <v>11818</v>
      </c>
      <c r="B1208" s="8" t="s">
        <v>48</v>
      </c>
      <c r="C1208" s="9" t="s">
        <v>15617</v>
      </c>
      <c r="D1208" s="9" t="s">
        <v>15618</v>
      </c>
      <c r="E1208" s="10"/>
      <c r="F1208" s="10"/>
      <c r="G1208" s="8"/>
      <c r="H1208" s="8" t="s">
        <v>15619</v>
      </c>
      <c r="I1208" s="11">
        <v>43222</v>
      </c>
      <c r="J1208" s="11">
        <v>43222</v>
      </c>
      <c r="K1208" s="11">
        <v>45473</v>
      </c>
    </row>
    <row r="1209" spans="1:11" x14ac:dyDescent="0.4">
      <c r="A1209" s="8" t="s">
        <v>11818</v>
      </c>
      <c r="B1209" s="8" t="s">
        <v>633</v>
      </c>
      <c r="C1209" s="9" t="s">
        <v>15620</v>
      </c>
      <c r="D1209" s="9" t="s">
        <v>15621</v>
      </c>
      <c r="E1209" s="10"/>
      <c r="F1209" s="10"/>
      <c r="G1209" s="8"/>
      <c r="H1209" s="8" t="s">
        <v>15622</v>
      </c>
      <c r="I1209" s="11">
        <v>43222</v>
      </c>
      <c r="J1209" s="11">
        <v>43222</v>
      </c>
      <c r="K1209" s="11">
        <v>45565</v>
      </c>
    </row>
    <row r="1210" spans="1:11" x14ac:dyDescent="0.4">
      <c r="A1210" s="8" t="s">
        <v>11818</v>
      </c>
      <c r="B1210" s="8" t="s">
        <v>698</v>
      </c>
      <c r="C1210" s="9" t="s">
        <v>15623</v>
      </c>
      <c r="D1210" s="9" t="s">
        <v>15624</v>
      </c>
      <c r="E1210" s="10"/>
      <c r="F1210" s="10"/>
      <c r="G1210" s="8"/>
      <c r="H1210" s="8" t="s">
        <v>15625</v>
      </c>
      <c r="I1210" s="11">
        <v>43227</v>
      </c>
      <c r="J1210" s="11">
        <v>43227</v>
      </c>
      <c r="K1210" s="11">
        <v>45777</v>
      </c>
    </row>
    <row r="1211" spans="1:11" x14ac:dyDescent="0.4">
      <c r="A1211" s="8" t="s">
        <v>11818</v>
      </c>
      <c r="B1211" s="8" t="s">
        <v>633</v>
      </c>
      <c r="C1211" s="9" t="s">
        <v>15626</v>
      </c>
      <c r="D1211" s="9" t="s">
        <v>12504</v>
      </c>
      <c r="E1211" s="10" t="s">
        <v>15627</v>
      </c>
      <c r="F1211" s="10" t="s">
        <v>15628</v>
      </c>
      <c r="G1211" s="8" t="s">
        <v>15629</v>
      </c>
      <c r="H1211" s="8" t="s">
        <v>15630</v>
      </c>
      <c r="I1211" s="11">
        <v>43230</v>
      </c>
      <c r="J1211" s="11">
        <v>43230</v>
      </c>
      <c r="K1211" s="11">
        <v>45626</v>
      </c>
    </row>
    <row r="1212" spans="1:11" x14ac:dyDescent="0.4">
      <c r="A1212" s="8" t="s">
        <v>11818</v>
      </c>
      <c r="B1212" s="8" t="s">
        <v>6444</v>
      </c>
      <c r="C1212" s="9" t="s">
        <v>15631</v>
      </c>
      <c r="D1212" s="9" t="s">
        <v>15632</v>
      </c>
      <c r="E1212" s="10"/>
      <c r="F1212" s="10" t="s">
        <v>10432</v>
      </c>
      <c r="G1212" s="8" t="s">
        <v>15633</v>
      </c>
      <c r="H1212" s="8" t="s">
        <v>15634</v>
      </c>
      <c r="I1212" s="11">
        <v>43230</v>
      </c>
      <c r="J1212" s="11">
        <v>43230</v>
      </c>
      <c r="K1212" s="11">
        <v>45473</v>
      </c>
    </row>
    <row r="1213" spans="1:11" x14ac:dyDescent="0.4">
      <c r="A1213" s="8" t="s">
        <v>11818</v>
      </c>
      <c r="B1213" s="8" t="s">
        <v>48</v>
      </c>
      <c r="C1213" s="9" t="s">
        <v>15635</v>
      </c>
      <c r="D1213" s="9" t="s">
        <v>15636</v>
      </c>
      <c r="E1213" s="10" t="s">
        <v>15637</v>
      </c>
      <c r="F1213" s="10"/>
      <c r="G1213" s="8"/>
      <c r="H1213" s="8" t="s">
        <v>15638</v>
      </c>
      <c r="I1213" s="11">
        <v>43230</v>
      </c>
      <c r="J1213" s="11">
        <v>43230</v>
      </c>
      <c r="K1213" s="11">
        <v>45626</v>
      </c>
    </row>
    <row r="1214" spans="1:11" x14ac:dyDescent="0.4">
      <c r="A1214" s="8" t="s">
        <v>11818</v>
      </c>
      <c r="B1214" s="8" t="s">
        <v>48</v>
      </c>
      <c r="C1214" s="9" t="s">
        <v>15639</v>
      </c>
      <c r="D1214" s="9" t="s">
        <v>12842</v>
      </c>
      <c r="E1214" s="10" t="s">
        <v>15640</v>
      </c>
      <c r="F1214" s="10"/>
      <c r="G1214" s="8"/>
      <c r="H1214" s="8" t="s">
        <v>15641</v>
      </c>
      <c r="I1214" s="11">
        <v>43235</v>
      </c>
      <c r="J1214" s="11">
        <v>43235</v>
      </c>
      <c r="K1214" s="11">
        <v>45565</v>
      </c>
    </row>
    <row r="1215" spans="1:11" x14ac:dyDescent="0.4">
      <c r="A1215" s="8" t="s">
        <v>11818</v>
      </c>
      <c r="B1215" s="8" t="s">
        <v>48</v>
      </c>
      <c r="C1215" s="9" t="s">
        <v>15642</v>
      </c>
      <c r="D1215" s="9" t="s">
        <v>12540</v>
      </c>
      <c r="E1215" s="10" t="s">
        <v>15643</v>
      </c>
      <c r="F1215" s="10"/>
      <c r="G1215" s="8"/>
      <c r="H1215" s="8" t="s">
        <v>15644</v>
      </c>
      <c r="I1215" s="11">
        <v>43238</v>
      </c>
      <c r="J1215" s="11">
        <v>43238</v>
      </c>
      <c r="K1215" s="11">
        <v>45626</v>
      </c>
    </row>
    <row r="1216" spans="1:11" x14ac:dyDescent="0.4">
      <c r="A1216" s="8" t="s">
        <v>11818</v>
      </c>
      <c r="B1216" s="8" t="s">
        <v>2044</v>
      </c>
      <c r="C1216" s="9" t="s">
        <v>15645</v>
      </c>
      <c r="D1216" s="9" t="s">
        <v>15646</v>
      </c>
      <c r="E1216" s="10"/>
      <c r="F1216" s="10"/>
      <c r="G1216" s="8"/>
      <c r="H1216" s="8" t="s">
        <v>15647</v>
      </c>
      <c r="I1216" s="11">
        <v>43243</v>
      </c>
      <c r="J1216" s="11">
        <v>43243</v>
      </c>
      <c r="K1216" s="11">
        <v>45777</v>
      </c>
    </row>
    <row r="1217" spans="1:11" x14ac:dyDescent="0.4">
      <c r="A1217" s="8" t="s">
        <v>11818</v>
      </c>
      <c r="B1217" s="8" t="s">
        <v>6444</v>
      </c>
      <c r="C1217" s="9" t="s">
        <v>15648</v>
      </c>
      <c r="D1217" s="9" t="s">
        <v>15649</v>
      </c>
      <c r="E1217" s="10"/>
      <c r="F1217" s="10" t="s">
        <v>15650</v>
      </c>
      <c r="G1217" s="8" t="s">
        <v>15651</v>
      </c>
      <c r="H1217" s="8" t="s">
        <v>15652</v>
      </c>
      <c r="I1217" s="11">
        <v>43252</v>
      </c>
      <c r="J1217" s="11">
        <v>43252</v>
      </c>
      <c r="K1217" s="11">
        <v>45777</v>
      </c>
    </row>
    <row r="1218" spans="1:11" x14ac:dyDescent="0.4">
      <c r="A1218" s="8" t="s">
        <v>11818</v>
      </c>
      <c r="B1218" s="8" t="s">
        <v>633</v>
      </c>
      <c r="C1218" s="9" t="s">
        <v>15653</v>
      </c>
      <c r="D1218" s="9" t="s">
        <v>15654</v>
      </c>
      <c r="E1218" s="10"/>
      <c r="F1218" s="10"/>
      <c r="G1218" s="8"/>
      <c r="H1218" s="8" t="s">
        <v>15655</v>
      </c>
      <c r="I1218" s="11">
        <v>43245</v>
      </c>
      <c r="J1218" s="11">
        <v>43245</v>
      </c>
      <c r="K1218" s="11">
        <v>45747</v>
      </c>
    </row>
    <row r="1219" spans="1:11" x14ac:dyDescent="0.4">
      <c r="A1219" s="8" t="s">
        <v>11818</v>
      </c>
      <c r="B1219" s="8" t="s">
        <v>633</v>
      </c>
      <c r="C1219" s="9" t="s">
        <v>15656</v>
      </c>
      <c r="D1219" s="9" t="s">
        <v>15657</v>
      </c>
      <c r="E1219" s="10"/>
      <c r="F1219" s="10" t="s">
        <v>15658</v>
      </c>
      <c r="G1219" s="8" t="s">
        <v>15659</v>
      </c>
      <c r="H1219" s="8" t="s">
        <v>15660</v>
      </c>
      <c r="I1219" s="11">
        <v>43245</v>
      </c>
      <c r="J1219" s="11">
        <v>43245</v>
      </c>
      <c r="K1219" s="11">
        <v>45596</v>
      </c>
    </row>
    <row r="1220" spans="1:11" x14ac:dyDescent="0.4">
      <c r="A1220" s="8" t="s">
        <v>11818</v>
      </c>
      <c r="B1220" s="8" t="s">
        <v>3441</v>
      </c>
      <c r="C1220" s="9" t="s">
        <v>15661</v>
      </c>
      <c r="D1220" s="9" t="s">
        <v>15662</v>
      </c>
      <c r="E1220" s="10"/>
      <c r="F1220" s="10" t="s">
        <v>15663</v>
      </c>
      <c r="G1220" s="8" t="s">
        <v>15664</v>
      </c>
      <c r="H1220" s="8" t="s">
        <v>15665</v>
      </c>
      <c r="I1220" s="11">
        <v>43245</v>
      </c>
      <c r="J1220" s="11">
        <v>43245</v>
      </c>
      <c r="K1220" s="11">
        <v>45596</v>
      </c>
    </row>
    <row r="1221" spans="1:11" x14ac:dyDescent="0.4">
      <c r="A1221" s="8" t="s">
        <v>11818</v>
      </c>
      <c r="B1221" s="8" t="s">
        <v>48</v>
      </c>
      <c r="C1221" s="9" t="s">
        <v>15666</v>
      </c>
      <c r="D1221" s="9" t="s">
        <v>15667</v>
      </c>
      <c r="E1221" s="10"/>
      <c r="F1221" s="10" t="s">
        <v>15668</v>
      </c>
      <c r="G1221" s="8" t="s">
        <v>15667</v>
      </c>
      <c r="H1221" s="8" t="s">
        <v>15669</v>
      </c>
      <c r="I1221" s="11">
        <v>43245</v>
      </c>
      <c r="J1221" s="11">
        <v>43245</v>
      </c>
      <c r="K1221" s="11">
        <v>45777</v>
      </c>
    </row>
    <row r="1222" spans="1:11" x14ac:dyDescent="0.4">
      <c r="A1222" s="8" t="s">
        <v>11818</v>
      </c>
      <c r="B1222" s="8" t="s">
        <v>3441</v>
      </c>
      <c r="C1222" s="9" t="s">
        <v>9986</v>
      </c>
      <c r="D1222" s="9" t="s">
        <v>15670</v>
      </c>
      <c r="E1222" s="10" t="s">
        <v>15671</v>
      </c>
      <c r="F1222" s="10"/>
      <c r="G1222" s="8"/>
      <c r="H1222" s="8" t="s">
        <v>15672</v>
      </c>
      <c r="I1222" s="11">
        <v>43249</v>
      </c>
      <c r="J1222" s="11">
        <v>43249</v>
      </c>
      <c r="K1222" s="11">
        <v>45473</v>
      </c>
    </row>
    <row r="1223" spans="1:11" x14ac:dyDescent="0.4">
      <c r="A1223" s="8" t="s">
        <v>11818</v>
      </c>
      <c r="B1223" s="8" t="s">
        <v>633</v>
      </c>
      <c r="C1223" s="9" t="s">
        <v>15673</v>
      </c>
      <c r="D1223" s="9" t="s">
        <v>15674</v>
      </c>
      <c r="E1223" s="10"/>
      <c r="F1223" s="10" t="s">
        <v>15675</v>
      </c>
      <c r="G1223" s="8" t="s">
        <v>15676</v>
      </c>
      <c r="H1223" s="8" t="s">
        <v>15677</v>
      </c>
      <c r="I1223" s="11">
        <v>43256</v>
      </c>
      <c r="J1223" s="11">
        <v>43256</v>
      </c>
      <c r="K1223" s="11">
        <v>45596</v>
      </c>
    </row>
    <row r="1224" spans="1:11" x14ac:dyDescent="0.4">
      <c r="A1224" s="8" t="s">
        <v>11818</v>
      </c>
      <c r="B1224" s="8" t="s">
        <v>633</v>
      </c>
      <c r="C1224" s="9" t="s">
        <v>15678</v>
      </c>
      <c r="D1224" s="9" t="s">
        <v>15679</v>
      </c>
      <c r="E1224" s="10"/>
      <c r="F1224" s="10" t="s">
        <v>2389</v>
      </c>
      <c r="G1224" s="8" t="s">
        <v>13475</v>
      </c>
      <c r="H1224" s="8" t="s">
        <v>15680</v>
      </c>
      <c r="I1224" s="11">
        <v>43252</v>
      </c>
      <c r="J1224" s="11">
        <v>43252</v>
      </c>
      <c r="K1224" s="11">
        <v>45473</v>
      </c>
    </row>
    <row r="1225" spans="1:11" x14ac:dyDescent="0.4">
      <c r="A1225" s="8" t="s">
        <v>11818</v>
      </c>
      <c r="B1225" s="8" t="s">
        <v>48</v>
      </c>
      <c r="C1225" s="9" t="s">
        <v>15681</v>
      </c>
      <c r="D1225" s="9" t="s">
        <v>15682</v>
      </c>
      <c r="E1225" s="10"/>
      <c r="F1225" s="10" t="s">
        <v>15018</v>
      </c>
      <c r="G1225" s="8" t="s">
        <v>15683</v>
      </c>
      <c r="H1225" s="8" t="s">
        <v>15684</v>
      </c>
      <c r="I1225" s="11">
        <v>43256</v>
      </c>
      <c r="J1225" s="11">
        <v>43256</v>
      </c>
      <c r="K1225" s="11">
        <v>45747</v>
      </c>
    </row>
    <row r="1226" spans="1:11" x14ac:dyDescent="0.4">
      <c r="A1226" s="8" t="s">
        <v>11818</v>
      </c>
      <c r="B1226" s="8" t="s">
        <v>48</v>
      </c>
      <c r="C1226" s="9" t="s">
        <v>15685</v>
      </c>
      <c r="D1226" s="9" t="s">
        <v>15686</v>
      </c>
      <c r="E1226" s="10"/>
      <c r="F1226" s="10" t="s">
        <v>4906</v>
      </c>
      <c r="G1226" s="8" t="s">
        <v>15687</v>
      </c>
      <c r="H1226" s="8" t="s">
        <v>15688</v>
      </c>
      <c r="I1226" s="11">
        <v>43259</v>
      </c>
      <c r="J1226" s="11">
        <v>43259</v>
      </c>
      <c r="K1226" s="11">
        <v>45473</v>
      </c>
    </row>
    <row r="1227" spans="1:11" x14ac:dyDescent="0.4">
      <c r="A1227" s="8" t="s">
        <v>11818</v>
      </c>
      <c r="B1227" s="8" t="s">
        <v>9278</v>
      </c>
      <c r="C1227" s="9" t="s">
        <v>15689</v>
      </c>
      <c r="D1227" s="9" t="s">
        <v>15690</v>
      </c>
      <c r="E1227" s="10" t="s">
        <v>767</v>
      </c>
      <c r="F1227" s="10" t="s">
        <v>11726</v>
      </c>
      <c r="G1227" s="8" t="s">
        <v>11727</v>
      </c>
      <c r="H1227" s="8" t="s">
        <v>15691</v>
      </c>
      <c r="I1227" s="11">
        <v>43264</v>
      </c>
      <c r="J1227" s="11">
        <v>43264</v>
      </c>
      <c r="K1227" s="11">
        <v>45565</v>
      </c>
    </row>
    <row r="1228" spans="1:11" x14ac:dyDescent="0.4">
      <c r="A1228" s="8" t="s">
        <v>11818</v>
      </c>
      <c r="B1228" s="8" t="s">
        <v>48</v>
      </c>
      <c r="C1228" s="9" t="s">
        <v>15692</v>
      </c>
      <c r="D1228" s="9" t="s">
        <v>15693</v>
      </c>
      <c r="E1228" s="10"/>
      <c r="F1228" s="10"/>
      <c r="G1228" s="8"/>
      <c r="H1228" s="8" t="s">
        <v>15694</v>
      </c>
      <c r="I1228" s="11">
        <v>43265</v>
      </c>
      <c r="J1228" s="11">
        <v>43265</v>
      </c>
      <c r="K1228" s="11">
        <v>45596</v>
      </c>
    </row>
    <row r="1229" spans="1:11" x14ac:dyDescent="0.4">
      <c r="A1229" s="8" t="s">
        <v>11818</v>
      </c>
      <c r="B1229" s="8" t="s">
        <v>5454</v>
      </c>
      <c r="C1229" s="9" t="s">
        <v>11275</v>
      </c>
      <c r="D1229" s="9" t="s">
        <v>15695</v>
      </c>
      <c r="E1229" s="10"/>
      <c r="F1229" s="10" t="s">
        <v>15696</v>
      </c>
      <c r="G1229" s="8" t="s">
        <v>15697</v>
      </c>
      <c r="H1229" s="8" t="s">
        <v>15698</v>
      </c>
      <c r="I1229" s="11">
        <v>43266</v>
      </c>
      <c r="J1229" s="11">
        <v>43266</v>
      </c>
      <c r="K1229" s="11">
        <v>45473</v>
      </c>
    </row>
    <row r="1230" spans="1:11" x14ac:dyDescent="0.4">
      <c r="A1230" s="8" t="s">
        <v>11818</v>
      </c>
      <c r="B1230" s="8" t="s">
        <v>2044</v>
      </c>
      <c r="C1230" s="9" t="s">
        <v>15699</v>
      </c>
      <c r="D1230" s="9" t="s">
        <v>15700</v>
      </c>
      <c r="E1230" s="10"/>
      <c r="F1230" s="10" t="s">
        <v>7929</v>
      </c>
      <c r="G1230" s="8" t="s">
        <v>15701</v>
      </c>
      <c r="H1230" s="8" t="s">
        <v>15702</v>
      </c>
      <c r="I1230" s="11">
        <v>43282</v>
      </c>
      <c r="J1230" s="11">
        <v>43282</v>
      </c>
      <c r="K1230" s="11">
        <v>45747</v>
      </c>
    </row>
    <row r="1231" spans="1:11" x14ac:dyDescent="0.4">
      <c r="A1231" s="8" t="s">
        <v>11818</v>
      </c>
      <c r="B1231" s="8" t="s">
        <v>633</v>
      </c>
      <c r="C1231" s="9" t="s">
        <v>15703</v>
      </c>
      <c r="D1231" s="9" t="s">
        <v>15704</v>
      </c>
      <c r="E1231" s="10"/>
      <c r="F1231" s="10" t="s">
        <v>2913</v>
      </c>
      <c r="G1231" s="8" t="s">
        <v>14583</v>
      </c>
      <c r="H1231" s="8" t="s">
        <v>15705</v>
      </c>
      <c r="I1231" s="11">
        <v>43282</v>
      </c>
      <c r="J1231" s="11">
        <v>43282</v>
      </c>
      <c r="K1231" s="11">
        <v>45596</v>
      </c>
    </row>
    <row r="1232" spans="1:11" x14ac:dyDescent="0.4">
      <c r="A1232" s="8" t="s">
        <v>11818</v>
      </c>
      <c r="B1232" s="8" t="s">
        <v>633</v>
      </c>
      <c r="C1232" s="9" t="s">
        <v>15706</v>
      </c>
      <c r="D1232" s="9" t="s">
        <v>15707</v>
      </c>
      <c r="E1232" s="10"/>
      <c r="F1232" s="10" t="s">
        <v>15708</v>
      </c>
      <c r="G1232" s="8" t="s">
        <v>15709</v>
      </c>
      <c r="H1232" s="8" t="s">
        <v>15710</v>
      </c>
      <c r="I1232" s="11">
        <v>43276</v>
      </c>
      <c r="J1232" s="11">
        <v>43276</v>
      </c>
      <c r="K1232" s="11">
        <v>45747</v>
      </c>
    </row>
    <row r="1233" spans="1:11" x14ac:dyDescent="0.4">
      <c r="A1233" s="8" t="s">
        <v>11818</v>
      </c>
      <c r="B1233" s="8" t="s">
        <v>2044</v>
      </c>
      <c r="C1233" s="9" t="s">
        <v>15711</v>
      </c>
      <c r="D1233" s="9" t="s">
        <v>15712</v>
      </c>
      <c r="E1233" s="10"/>
      <c r="F1233" s="10" t="s">
        <v>15713</v>
      </c>
      <c r="G1233" s="8" t="s">
        <v>15714</v>
      </c>
      <c r="H1233" s="8" t="s">
        <v>15715</v>
      </c>
      <c r="I1233" s="11">
        <v>43273</v>
      </c>
      <c r="J1233" s="11">
        <v>43273</v>
      </c>
      <c r="K1233" s="11">
        <v>45565</v>
      </c>
    </row>
    <row r="1234" spans="1:11" x14ac:dyDescent="0.4">
      <c r="A1234" s="8" t="s">
        <v>11818</v>
      </c>
      <c r="B1234" s="8" t="s">
        <v>3441</v>
      </c>
      <c r="C1234" s="9" t="s">
        <v>15716</v>
      </c>
      <c r="D1234" s="9" t="s">
        <v>13581</v>
      </c>
      <c r="E1234" s="10" t="s">
        <v>1258</v>
      </c>
      <c r="F1234" s="10" t="s">
        <v>15717</v>
      </c>
      <c r="G1234" s="8" t="s">
        <v>15718</v>
      </c>
      <c r="H1234" s="8" t="s">
        <v>1259</v>
      </c>
      <c r="I1234" s="11">
        <v>43279</v>
      </c>
      <c r="J1234" s="11">
        <v>43279</v>
      </c>
      <c r="K1234" s="11">
        <v>45626</v>
      </c>
    </row>
    <row r="1235" spans="1:11" x14ac:dyDescent="0.4">
      <c r="A1235" s="8" t="s">
        <v>11818</v>
      </c>
      <c r="B1235" s="8" t="s">
        <v>2044</v>
      </c>
      <c r="C1235" s="9" t="s">
        <v>15719</v>
      </c>
      <c r="D1235" s="9" t="s">
        <v>15720</v>
      </c>
      <c r="E1235" s="10"/>
      <c r="F1235" s="10"/>
      <c r="G1235" s="8"/>
      <c r="H1235" s="8" t="s">
        <v>15721</v>
      </c>
      <c r="I1235" s="11">
        <v>43279</v>
      </c>
      <c r="J1235" s="11">
        <v>43279</v>
      </c>
      <c r="K1235" s="11">
        <v>45596</v>
      </c>
    </row>
    <row r="1236" spans="1:11" x14ac:dyDescent="0.4">
      <c r="A1236" s="8" t="s">
        <v>11818</v>
      </c>
      <c r="B1236" s="8" t="s">
        <v>633</v>
      </c>
      <c r="C1236" s="9" t="s">
        <v>15722</v>
      </c>
      <c r="D1236" s="9" t="s">
        <v>15723</v>
      </c>
      <c r="E1236" s="10"/>
      <c r="F1236" s="10" t="s">
        <v>15724</v>
      </c>
      <c r="G1236" s="8" t="s">
        <v>15725</v>
      </c>
      <c r="H1236" s="8" t="s">
        <v>15726</v>
      </c>
      <c r="I1236" s="11">
        <v>43282</v>
      </c>
      <c r="J1236" s="11">
        <v>43282</v>
      </c>
      <c r="K1236" s="11">
        <v>45747</v>
      </c>
    </row>
    <row r="1237" spans="1:11" x14ac:dyDescent="0.4">
      <c r="A1237" s="8" t="s">
        <v>11818</v>
      </c>
      <c r="B1237" s="8" t="s">
        <v>633</v>
      </c>
      <c r="C1237" s="9" t="s">
        <v>15727</v>
      </c>
      <c r="D1237" s="9" t="s">
        <v>15728</v>
      </c>
      <c r="E1237" s="10"/>
      <c r="F1237" s="10" t="s">
        <v>11955</v>
      </c>
      <c r="G1237" s="8" t="s">
        <v>15729</v>
      </c>
      <c r="H1237" s="8" t="s">
        <v>15730</v>
      </c>
      <c r="I1237" s="11">
        <v>43283</v>
      </c>
      <c r="J1237" s="11">
        <v>43283</v>
      </c>
      <c r="K1237" s="11">
        <v>45838</v>
      </c>
    </row>
    <row r="1238" spans="1:11" x14ac:dyDescent="0.4">
      <c r="A1238" s="8" t="s">
        <v>11818</v>
      </c>
      <c r="B1238" s="8" t="s">
        <v>48</v>
      </c>
      <c r="C1238" s="9" t="s">
        <v>15731</v>
      </c>
      <c r="D1238" s="9" t="s">
        <v>15732</v>
      </c>
      <c r="E1238" s="10"/>
      <c r="F1238" s="10"/>
      <c r="G1238" s="8"/>
      <c r="H1238" s="8" t="s">
        <v>15733</v>
      </c>
      <c r="I1238" s="11">
        <v>43287</v>
      </c>
      <c r="J1238" s="11">
        <v>43287</v>
      </c>
      <c r="K1238" s="11">
        <v>45473</v>
      </c>
    </row>
    <row r="1239" spans="1:11" x14ac:dyDescent="0.4">
      <c r="A1239" s="8" t="s">
        <v>11818</v>
      </c>
      <c r="B1239" s="8" t="s">
        <v>6444</v>
      </c>
      <c r="C1239" s="9" t="s">
        <v>15734</v>
      </c>
      <c r="D1239" s="9" t="s">
        <v>14906</v>
      </c>
      <c r="E1239" s="10"/>
      <c r="F1239" s="10" t="s">
        <v>15735</v>
      </c>
      <c r="G1239" s="8" t="s">
        <v>15736</v>
      </c>
      <c r="H1239" s="8" t="s">
        <v>15737</v>
      </c>
      <c r="I1239" s="11">
        <v>43286</v>
      </c>
      <c r="J1239" s="11">
        <v>43286</v>
      </c>
      <c r="K1239" s="11">
        <v>45777</v>
      </c>
    </row>
    <row r="1240" spans="1:11" x14ac:dyDescent="0.4">
      <c r="A1240" s="8" t="s">
        <v>11818</v>
      </c>
      <c r="B1240" s="8" t="s">
        <v>48</v>
      </c>
      <c r="C1240" s="9" t="s">
        <v>15738</v>
      </c>
      <c r="D1240" s="9" t="s">
        <v>15739</v>
      </c>
      <c r="E1240" s="10" t="s">
        <v>15740</v>
      </c>
      <c r="F1240" s="10"/>
      <c r="G1240" s="8"/>
      <c r="H1240" s="8" t="s">
        <v>15741</v>
      </c>
      <c r="I1240" s="11">
        <v>43293</v>
      </c>
      <c r="J1240" s="11">
        <v>43293</v>
      </c>
      <c r="K1240" s="11">
        <v>45808</v>
      </c>
    </row>
    <row r="1241" spans="1:11" x14ac:dyDescent="0.4">
      <c r="A1241" s="8" t="s">
        <v>11818</v>
      </c>
      <c r="B1241" s="8" t="s">
        <v>48</v>
      </c>
      <c r="C1241" s="9" t="s">
        <v>15742</v>
      </c>
      <c r="D1241" s="9" t="s">
        <v>15743</v>
      </c>
      <c r="E1241" s="10" t="s">
        <v>6149</v>
      </c>
      <c r="F1241" s="10"/>
      <c r="G1241" s="8"/>
      <c r="H1241" s="8" t="s">
        <v>15744</v>
      </c>
      <c r="I1241" s="11">
        <v>43294</v>
      </c>
      <c r="J1241" s="11">
        <v>43294</v>
      </c>
      <c r="K1241" s="11">
        <v>45565</v>
      </c>
    </row>
    <row r="1242" spans="1:11" x14ac:dyDescent="0.4">
      <c r="A1242" s="8" t="s">
        <v>11818</v>
      </c>
      <c r="B1242" s="8" t="s">
        <v>48</v>
      </c>
      <c r="C1242" s="9" t="s">
        <v>15745</v>
      </c>
      <c r="D1242" s="9" t="s">
        <v>15746</v>
      </c>
      <c r="E1242" s="10" t="s">
        <v>15747</v>
      </c>
      <c r="F1242" s="10"/>
      <c r="G1242" s="8"/>
      <c r="H1242" s="8" t="s">
        <v>15748</v>
      </c>
      <c r="I1242" s="11">
        <v>43308</v>
      </c>
      <c r="J1242" s="11">
        <v>43308</v>
      </c>
      <c r="K1242" s="11">
        <v>45626</v>
      </c>
    </row>
    <row r="1243" spans="1:11" x14ac:dyDescent="0.4">
      <c r="A1243" s="8" t="s">
        <v>11818</v>
      </c>
      <c r="B1243" s="8" t="s">
        <v>48</v>
      </c>
      <c r="C1243" s="9" t="s">
        <v>15749</v>
      </c>
      <c r="D1243" s="9" t="s">
        <v>15750</v>
      </c>
      <c r="E1243" s="10" t="s">
        <v>15751</v>
      </c>
      <c r="F1243" s="10" t="s">
        <v>15752</v>
      </c>
      <c r="G1243" s="8" t="s">
        <v>15753</v>
      </c>
      <c r="H1243" s="8" t="s">
        <v>15754</v>
      </c>
      <c r="I1243" s="11">
        <v>43299</v>
      </c>
      <c r="J1243" s="11">
        <v>43299</v>
      </c>
      <c r="K1243" s="11">
        <v>45808</v>
      </c>
    </row>
    <row r="1244" spans="1:11" x14ac:dyDescent="0.4">
      <c r="A1244" s="8" t="s">
        <v>11818</v>
      </c>
      <c r="B1244" s="8" t="s">
        <v>2044</v>
      </c>
      <c r="C1244" s="9" t="s">
        <v>15755</v>
      </c>
      <c r="D1244" s="9" t="s">
        <v>15750</v>
      </c>
      <c r="E1244" s="10" t="s">
        <v>15756</v>
      </c>
      <c r="F1244" s="10" t="s">
        <v>15752</v>
      </c>
      <c r="G1244" s="8" t="s">
        <v>15753</v>
      </c>
      <c r="H1244" s="8" t="s">
        <v>15757</v>
      </c>
      <c r="I1244" s="11">
        <v>43299</v>
      </c>
      <c r="J1244" s="11">
        <v>43299</v>
      </c>
      <c r="K1244" s="11">
        <v>45808</v>
      </c>
    </row>
    <row r="1245" spans="1:11" x14ac:dyDescent="0.4">
      <c r="A1245" s="8" t="s">
        <v>11818</v>
      </c>
      <c r="B1245" s="8" t="s">
        <v>48</v>
      </c>
      <c r="C1245" s="9" t="s">
        <v>15758</v>
      </c>
      <c r="D1245" s="9" t="s">
        <v>15750</v>
      </c>
      <c r="E1245" s="10" t="s">
        <v>15759</v>
      </c>
      <c r="F1245" s="10" t="s">
        <v>15752</v>
      </c>
      <c r="G1245" s="8" t="s">
        <v>15753</v>
      </c>
      <c r="H1245" s="8" t="s">
        <v>15760</v>
      </c>
      <c r="I1245" s="11">
        <v>43299</v>
      </c>
      <c r="J1245" s="11">
        <v>43299</v>
      </c>
      <c r="K1245" s="11">
        <v>45808</v>
      </c>
    </row>
    <row r="1246" spans="1:11" x14ac:dyDescent="0.4">
      <c r="A1246" s="8" t="s">
        <v>11818</v>
      </c>
      <c r="B1246" s="8" t="s">
        <v>48</v>
      </c>
      <c r="C1246" s="9" t="s">
        <v>15761</v>
      </c>
      <c r="D1246" s="9" t="s">
        <v>14504</v>
      </c>
      <c r="E1246" s="10" t="s">
        <v>15762</v>
      </c>
      <c r="F1246" s="10"/>
      <c r="G1246" s="8"/>
      <c r="H1246" s="8" t="s">
        <v>15763</v>
      </c>
      <c r="I1246" s="11">
        <v>43299</v>
      </c>
      <c r="J1246" s="11">
        <v>43299</v>
      </c>
      <c r="K1246" s="11">
        <v>45626</v>
      </c>
    </row>
    <row r="1247" spans="1:11" x14ac:dyDescent="0.4">
      <c r="A1247" s="8" t="s">
        <v>11818</v>
      </c>
      <c r="B1247" s="8" t="s">
        <v>698</v>
      </c>
      <c r="C1247" s="9" t="s">
        <v>15764</v>
      </c>
      <c r="D1247" s="9" t="s">
        <v>15765</v>
      </c>
      <c r="E1247" s="10"/>
      <c r="F1247" s="10" t="s">
        <v>15766</v>
      </c>
      <c r="G1247" s="8" t="s">
        <v>15767</v>
      </c>
      <c r="H1247" s="8" t="s">
        <v>15768</v>
      </c>
      <c r="I1247" s="11">
        <v>43305</v>
      </c>
      <c r="J1247" s="11">
        <v>43305</v>
      </c>
      <c r="K1247" s="11">
        <v>45596</v>
      </c>
    </row>
    <row r="1248" spans="1:11" x14ac:dyDescent="0.4">
      <c r="A1248" s="8" t="s">
        <v>11818</v>
      </c>
      <c r="B1248" s="8" t="s">
        <v>6444</v>
      </c>
      <c r="C1248" s="9" t="s">
        <v>15769</v>
      </c>
      <c r="D1248" s="9" t="s">
        <v>15770</v>
      </c>
      <c r="E1248" s="10"/>
      <c r="F1248" s="10"/>
      <c r="G1248" s="8"/>
      <c r="H1248" s="8" t="s">
        <v>15771</v>
      </c>
      <c r="I1248" s="11">
        <v>43344</v>
      </c>
      <c r="J1248" s="11">
        <v>43344</v>
      </c>
      <c r="K1248" s="11">
        <v>45747</v>
      </c>
    </row>
    <row r="1249" spans="1:11" x14ac:dyDescent="0.4">
      <c r="A1249" s="8" t="s">
        <v>11818</v>
      </c>
      <c r="B1249" s="8" t="s">
        <v>2044</v>
      </c>
      <c r="C1249" s="9" t="s">
        <v>15772</v>
      </c>
      <c r="D1249" s="9" t="s">
        <v>15773</v>
      </c>
      <c r="E1249" s="10"/>
      <c r="F1249" s="10" t="s">
        <v>8001</v>
      </c>
      <c r="G1249" s="8" t="s">
        <v>11509</v>
      </c>
      <c r="H1249" s="8" t="s">
        <v>15774</v>
      </c>
      <c r="I1249" s="11">
        <v>43313</v>
      </c>
      <c r="J1249" s="11">
        <v>43313</v>
      </c>
      <c r="K1249" s="11">
        <v>45747</v>
      </c>
    </row>
    <row r="1250" spans="1:11" x14ac:dyDescent="0.4">
      <c r="A1250" s="8" t="s">
        <v>11818</v>
      </c>
      <c r="B1250" s="8" t="s">
        <v>48</v>
      </c>
      <c r="C1250" s="9" t="s">
        <v>15775</v>
      </c>
      <c r="D1250" s="9" t="s">
        <v>15776</v>
      </c>
      <c r="E1250" s="10" t="s">
        <v>15777</v>
      </c>
      <c r="F1250" s="10"/>
      <c r="G1250" s="8"/>
      <c r="H1250" s="8" t="s">
        <v>15778</v>
      </c>
      <c r="I1250" s="11">
        <v>43313</v>
      </c>
      <c r="J1250" s="11">
        <v>43313</v>
      </c>
      <c r="K1250" s="11">
        <v>45565</v>
      </c>
    </row>
    <row r="1251" spans="1:11" x14ac:dyDescent="0.4">
      <c r="A1251" s="8" t="s">
        <v>11818</v>
      </c>
      <c r="B1251" s="8" t="s">
        <v>5454</v>
      </c>
      <c r="C1251" s="9" t="s">
        <v>15779</v>
      </c>
      <c r="D1251" s="9" t="s">
        <v>15780</v>
      </c>
      <c r="E1251" s="10" t="s">
        <v>15781</v>
      </c>
      <c r="F1251" s="10"/>
      <c r="G1251" s="8"/>
      <c r="H1251" s="8" t="s">
        <v>15782</v>
      </c>
      <c r="I1251" s="11">
        <v>43319</v>
      </c>
      <c r="J1251" s="11">
        <v>43319</v>
      </c>
      <c r="K1251" s="11">
        <v>45626</v>
      </c>
    </row>
    <row r="1252" spans="1:11" x14ac:dyDescent="0.4">
      <c r="A1252" s="8" t="s">
        <v>11818</v>
      </c>
      <c r="B1252" s="8" t="s">
        <v>6444</v>
      </c>
      <c r="C1252" s="9" t="s">
        <v>15783</v>
      </c>
      <c r="D1252" s="9" t="s">
        <v>15784</v>
      </c>
      <c r="E1252" s="10"/>
      <c r="F1252" s="10"/>
      <c r="G1252" s="8"/>
      <c r="H1252" s="8" t="s">
        <v>15785</v>
      </c>
      <c r="I1252" s="11">
        <v>43320</v>
      </c>
      <c r="J1252" s="11">
        <v>43320</v>
      </c>
      <c r="K1252" s="11">
        <v>45596</v>
      </c>
    </row>
    <row r="1253" spans="1:11" x14ac:dyDescent="0.4">
      <c r="A1253" s="8" t="s">
        <v>11818</v>
      </c>
      <c r="B1253" s="8" t="s">
        <v>48</v>
      </c>
      <c r="C1253" s="9" t="s">
        <v>2628</v>
      </c>
      <c r="D1253" s="9" t="s">
        <v>15786</v>
      </c>
      <c r="E1253" s="10" t="s">
        <v>15787</v>
      </c>
      <c r="F1253" s="10" t="s">
        <v>2625</v>
      </c>
      <c r="G1253" s="8" t="s">
        <v>15786</v>
      </c>
      <c r="H1253" s="8" t="s">
        <v>15788</v>
      </c>
      <c r="I1253" s="11">
        <v>43320</v>
      </c>
      <c r="J1253" s="11">
        <v>43320</v>
      </c>
      <c r="K1253" s="11">
        <v>45565</v>
      </c>
    </row>
    <row r="1254" spans="1:11" x14ac:dyDescent="0.4">
      <c r="A1254" s="8" t="s">
        <v>11818</v>
      </c>
      <c r="B1254" s="8" t="s">
        <v>48</v>
      </c>
      <c r="C1254" s="9" t="s">
        <v>15789</v>
      </c>
      <c r="D1254" s="9" t="s">
        <v>14366</v>
      </c>
      <c r="E1254" s="10" t="s">
        <v>15790</v>
      </c>
      <c r="F1254" s="10" t="s">
        <v>15791</v>
      </c>
      <c r="G1254" s="8" t="s">
        <v>14369</v>
      </c>
      <c r="H1254" s="8" t="s">
        <v>15792</v>
      </c>
      <c r="I1254" s="11">
        <v>43321</v>
      </c>
      <c r="J1254" s="11">
        <v>43321</v>
      </c>
      <c r="K1254" s="11">
        <v>45626</v>
      </c>
    </row>
    <row r="1255" spans="1:11" x14ac:dyDescent="0.4">
      <c r="A1255" s="8" t="s">
        <v>11818</v>
      </c>
      <c r="B1255" s="8" t="s">
        <v>6444</v>
      </c>
      <c r="C1255" s="9" t="s">
        <v>15793</v>
      </c>
      <c r="D1255" s="9" t="s">
        <v>15794</v>
      </c>
      <c r="E1255" s="10" t="s">
        <v>15795</v>
      </c>
      <c r="F1255" s="10"/>
      <c r="G1255" s="8"/>
      <c r="H1255" s="8" t="s">
        <v>15796</v>
      </c>
      <c r="I1255" s="11">
        <v>43321</v>
      </c>
      <c r="J1255" s="11">
        <v>43321</v>
      </c>
      <c r="K1255" s="11">
        <v>45747</v>
      </c>
    </row>
    <row r="1256" spans="1:11" x14ac:dyDescent="0.4">
      <c r="A1256" s="8" t="s">
        <v>11818</v>
      </c>
      <c r="B1256" s="8" t="s">
        <v>633</v>
      </c>
      <c r="C1256" s="9" t="s">
        <v>15797</v>
      </c>
      <c r="D1256" s="9" t="s">
        <v>15798</v>
      </c>
      <c r="E1256" s="10"/>
      <c r="F1256" s="10"/>
      <c r="G1256" s="8"/>
      <c r="H1256" s="8" t="s">
        <v>15799</v>
      </c>
      <c r="I1256" s="11">
        <v>43326</v>
      </c>
      <c r="J1256" s="11">
        <v>43326</v>
      </c>
      <c r="K1256" s="11">
        <v>45565</v>
      </c>
    </row>
    <row r="1257" spans="1:11" x14ac:dyDescent="0.4">
      <c r="A1257" s="8" t="s">
        <v>11818</v>
      </c>
      <c r="B1257" s="8" t="s">
        <v>48</v>
      </c>
      <c r="C1257" s="9" t="s">
        <v>15800</v>
      </c>
      <c r="D1257" s="9" t="s">
        <v>15801</v>
      </c>
      <c r="E1257" s="10"/>
      <c r="F1257" s="10" t="s">
        <v>12471</v>
      </c>
      <c r="G1257" s="8" t="s">
        <v>12472</v>
      </c>
      <c r="H1257" s="8" t="s">
        <v>15802</v>
      </c>
      <c r="I1257" s="11">
        <v>43335</v>
      </c>
      <c r="J1257" s="11">
        <v>43335</v>
      </c>
      <c r="K1257" s="11">
        <v>45747</v>
      </c>
    </row>
    <row r="1258" spans="1:11" x14ac:dyDescent="0.4">
      <c r="A1258" s="8" t="s">
        <v>11818</v>
      </c>
      <c r="B1258" s="8" t="s">
        <v>633</v>
      </c>
      <c r="C1258" s="9" t="s">
        <v>15803</v>
      </c>
      <c r="D1258" s="9" t="s">
        <v>15804</v>
      </c>
      <c r="E1258" s="10"/>
      <c r="F1258" s="10" t="s">
        <v>722</v>
      </c>
      <c r="G1258" s="8" t="s">
        <v>15805</v>
      </c>
      <c r="H1258" s="8" t="s">
        <v>15806</v>
      </c>
      <c r="I1258" s="11">
        <v>43335</v>
      </c>
      <c r="J1258" s="11">
        <v>43335</v>
      </c>
      <c r="K1258" s="11">
        <v>45747</v>
      </c>
    </row>
    <row r="1259" spans="1:11" x14ac:dyDescent="0.4">
      <c r="A1259" s="8" t="s">
        <v>11818</v>
      </c>
      <c r="B1259" s="8" t="s">
        <v>633</v>
      </c>
      <c r="C1259" s="9" t="s">
        <v>15807</v>
      </c>
      <c r="D1259" s="9" t="s">
        <v>15808</v>
      </c>
      <c r="E1259" s="10"/>
      <c r="F1259" s="10" t="s">
        <v>2913</v>
      </c>
      <c r="G1259" s="8" t="s">
        <v>14583</v>
      </c>
      <c r="H1259" s="8" t="s">
        <v>15809</v>
      </c>
      <c r="I1259" s="11">
        <v>43344</v>
      </c>
      <c r="J1259" s="11">
        <v>43344</v>
      </c>
      <c r="K1259" s="11">
        <v>45747</v>
      </c>
    </row>
    <row r="1260" spans="1:11" x14ac:dyDescent="0.4">
      <c r="A1260" s="8" t="s">
        <v>11818</v>
      </c>
      <c r="B1260" s="8" t="s">
        <v>793</v>
      </c>
      <c r="C1260" s="9" t="s">
        <v>11672</v>
      </c>
      <c r="D1260" s="9" t="s">
        <v>11673</v>
      </c>
      <c r="E1260" s="10"/>
      <c r="F1260" s="10"/>
      <c r="G1260" s="8"/>
      <c r="H1260" s="8" t="s">
        <v>15810</v>
      </c>
      <c r="I1260" s="11">
        <v>43344</v>
      </c>
      <c r="J1260" s="11">
        <v>43344</v>
      </c>
      <c r="K1260" s="11">
        <v>45565</v>
      </c>
    </row>
    <row r="1261" spans="1:11" x14ac:dyDescent="0.4">
      <c r="A1261" s="8" t="s">
        <v>11818</v>
      </c>
      <c r="B1261" s="8" t="s">
        <v>633</v>
      </c>
      <c r="C1261" s="9" t="s">
        <v>15811</v>
      </c>
      <c r="D1261" s="9" t="s">
        <v>15812</v>
      </c>
      <c r="E1261" s="10"/>
      <c r="F1261" s="10"/>
      <c r="G1261" s="8"/>
      <c r="H1261" s="8" t="s">
        <v>15813</v>
      </c>
      <c r="I1261" s="11">
        <v>43340</v>
      </c>
      <c r="J1261" s="11">
        <v>43340</v>
      </c>
      <c r="K1261" s="11">
        <v>45838</v>
      </c>
    </row>
    <row r="1262" spans="1:11" x14ac:dyDescent="0.4">
      <c r="A1262" s="8" t="s">
        <v>11818</v>
      </c>
      <c r="B1262" s="8" t="s">
        <v>48</v>
      </c>
      <c r="C1262" s="9" t="s">
        <v>15814</v>
      </c>
      <c r="D1262" s="9" t="s">
        <v>15815</v>
      </c>
      <c r="E1262" s="10"/>
      <c r="F1262" s="10" t="s">
        <v>15816</v>
      </c>
      <c r="G1262" s="8" t="s">
        <v>15817</v>
      </c>
      <c r="H1262" s="8" t="s">
        <v>15818</v>
      </c>
      <c r="I1262" s="11">
        <v>43340</v>
      </c>
      <c r="J1262" s="11">
        <v>43340</v>
      </c>
      <c r="K1262" s="11">
        <v>45565</v>
      </c>
    </row>
    <row r="1263" spans="1:11" x14ac:dyDescent="0.4">
      <c r="A1263" s="8" t="s">
        <v>11818</v>
      </c>
      <c r="B1263" s="8" t="s">
        <v>633</v>
      </c>
      <c r="C1263" s="9" t="s">
        <v>11453</v>
      </c>
      <c r="D1263" s="9" t="s">
        <v>11454</v>
      </c>
      <c r="E1263" s="10"/>
      <c r="F1263" s="10" t="s">
        <v>11433</v>
      </c>
      <c r="G1263" s="8" t="s">
        <v>11434</v>
      </c>
      <c r="H1263" s="8" t="s">
        <v>15819</v>
      </c>
      <c r="I1263" s="11">
        <v>43344</v>
      </c>
      <c r="J1263" s="11">
        <v>43344</v>
      </c>
      <c r="K1263" s="11">
        <v>45777</v>
      </c>
    </row>
    <row r="1264" spans="1:11" x14ac:dyDescent="0.4">
      <c r="A1264" s="8" t="s">
        <v>11818</v>
      </c>
      <c r="B1264" s="8" t="s">
        <v>6444</v>
      </c>
      <c r="C1264" s="9" t="s">
        <v>15820</v>
      </c>
      <c r="D1264" s="9" t="s">
        <v>15821</v>
      </c>
      <c r="E1264" s="10" t="s">
        <v>15822</v>
      </c>
      <c r="F1264" s="10"/>
      <c r="G1264" s="8"/>
      <c r="H1264" s="8" t="s">
        <v>15823</v>
      </c>
      <c r="I1264" s="11">
        <v>43344</v>
      </c>
      <c r="J1264" s="11">
        <v>43344</v>
      </c>
      <c r="K1264" s="11">
        <v>45596</v>
      </c>
    </row>
    <row r="1265" spans="1:11" x14ac:dyDescent="0.4">
      <c r="A1265" s="8" t="s">
        <v>11818</v>
      </c>
      <c r="B1265" s="8" t="s">
        <v>48</v>
      </c>
      <c r="C1265" s="9" t="s">
        <v>15824</v>
      </c>
      <c r="D1265" s="9" t="s">
        <v>15825</v>
      </c>
      <c r="E1265" s="10"/>
      <c r="F1265" s="10" t="s">
        <v>15826</v>
      </c>
      <c r="G1265" s="8" t="s">
        <v>15827</v>
      </c>
      <c r="H1265" s="8" t="s">
        <v>15828</v>
      </c>
      <c r="I1265" s="11">
        <v>43357</v>
      </c>
      <c r="J1265" s="11">
        <v>43357</v>
      </c>
      <c r="K1265" s="11">
        <v>45747</v>
      </c>
    </row>
    <row r="1266" spans="1:11" x14ac:dyDescent="0.4">
      <c r="A1266" s="8" t="s">
        <v>11818</v>
      </c>
      <c r="B1266" s="8" t="s">
        <v>3441</v>
      </c>
      <c r="C1266" s="9" t="s">
        <v>15829</v>
      </c>
      <c r="D1266" s="9" t="s">
        <v>15830</v>
      </c>
      <c r="E1266" s="10"/>
      <c r="F1266" s="10"/>
      <c r="G1266" s="8"/>
      <c r="H1266" s="8" t="s">
        <v>15831</v>
      </c>
      <c r="I1266" s="11">
        <v>43375</v>
      </c>
      <c r="J1266" s="11">
        <v>43375</v>
      </c>
      <c r="K1266" s="11">
        <v>45930</v>
      </c>
    </row>
    <row r="1267" spans="1:11" x14ac:dyDescent="0.4">
      <c r="A1267" s="8" t="s">
        <v>11818</v>
      </c>
      <c r="B1267" s="8" t="s">
        <v>48</v>
      </c>
      <c r="C1267" s="9" t="s">
        <v>15832</v>
      </c>
      <c r="D1267" s="9" t="s">
        <v>15833</v>
      </c>
      <c r="E1267" s="10" t="s">
        <v>10779</v>
      </c>
      <c r="F1267" s="10" t="s">
        <v>1234</v>
      </c>
      <c r="G1267" s="8" t="s">
        <v>12245</v>
      </c>
      <c r="H1267" s="8" t="s">
        <v>15834</v>
      </c>
      <c r="I1267" s="11">
        <v>43369</v>
      </c>
      <c r="J1267" s="11">
        <v>43369</v>
      </c>
      <c r="K1267" s="11">
        <v>45626</v>
      </c>
    </row>
    <row r="1268" spans="1:11" x14ac:dyDescent="0.4">
      <c r="A1268" s="8" t="s">
        <v>11818</v>
      </c>
      <c r="B1268" s="8" t="s">
        <v>48</v>
      </c>
      <c r="C1268" s="9" t="s">
        <v>15835</v>
      </c>
      <c r="D1268" s="9" t="s">
        <v>15833</v>
      </c>
      <c r="E1268" s="10" t="s">
        <v>10779</v>
      </c>
      <c r="F1268" s="10" t="s">
        <v>15836</v>
      </c>
      <c r="G1268" s="8" t="s">
        <v>15837</v>
      </c>
      <c r="H1268" s="8" t="s">
        <v>15838</v>
      </c>
      <c r="I1268" s="11">
        <v>43369</v>
      </c>
      <c r="J1268" s="11">
        <v>43369</v>
      </c>
      <c r="K1268" s="11">
        <v>45626</v>
      </c>
    </row>
    <row r="1269" spans="1:11" x14ac:dyDescent="0.4">
      <c r="A1269" s="8" t="s">
        <v>11818</v>
      </c>
      <c r="B1269" s="8" t="s">
        <v>48</v>
      </c>
      <c r="C1269" s="9" t="s">
        <v>15839</v>
      </c>
      <c r="D1269" s="9" t="s">
        <v>15840</v>
      </c>
      <c r="E1269" s="10" t="s">
        <v>10779</v>
      </c>
      <c r="F1269" s="10"/>
      <c r="G1269" s="8"/>
      <c r="H1269" s="8" t="s">
        <v>15841</v>
      </c>
      <c r="I1269" s="11">
        <v>43369</v>
      </c>
      <c r="J1269" s="11">
        <v>43369</v>
      </c>
      <c r="K1269" s="11">
        <v>45626</v>
      </c>
    </row>
    <row r="1270" spans="1:11" x14ac:dyDescent="0.4">
      <c r="A1270" s="8" t="s">
        <v>11818</v>
      </c>
      <c r="B1270" s="8" t="s">
        <v>2044</v>
      </c>
      <c r="C1270" s="9" t="s">
        <v>15842</v>
      </c>
      <c r="D1270" s="9" t="s">
        <v>15843</v>
      </c>
      <c r="E1270" s="10"/>
      <c r="F1270" s="10"/>
      <c r="G1270" s="8"/>
      <c r="H1270" s="8" t="s">
        <v>15844</v>
      </c>
      <c r="I1270" s="11">
        <v>43369</v>
      </c>
      <c r="J1270" s="11">
        <v>43369</v>
      </c>
      <c r="K1270" s="11">
        <v>45565</v>
      </c>
    </row>
    <row r="1271" spans="1:11" x14ac:dyDescent="0.4">
      <c r="A1271" s="8" t="s">
        <v>11818</v>
      </c>
      <c r="B1271" s="8" t="s">
        <v>6444</v>
      </c>
      <c r="C1271" s="9" t="s">
        <v>15845</v>
      </c>
      <c r="D1271" s="9" t="s">
        <v>15846</v>
      </c>
      <c r="E1271" s="10"/>
      <c r="F1271" s="10"/>
      <c r="G1271" s="8"/>
      <c r="H1271" s="8" t="s">
        <v>15847</v>
      </c>
      <c r="I1271" s="11">
        <v>43374</v>
      </c>
      <c r="J1271" s="11">
        <v>43374</v>
      </c>
      <c r="K1271" s="11">
        <v>45747</v>
      </c>
    </row>
    <row r="1272" spans="1:11" x14ac:dyDescent="0.4">
      <c r="A1272" s="8" t="s">
        <v>11818</v>
      </c>
      <c r="B1272" s="8" t="s">
        <v>3441</v>
      </c>
      <c r="C1272" s="9" t="s">
        <v>15848</v>
      </c>
      <c r="D1272" s="9" t="s">
        <v>11558</v>
      </c>
      <c r="E1272" s="10"/>
      <c r="F1272" s="10" t="s">
        <v>11559</v>
      </c>
      <c r="G1272" s="8" t="s">
        <v>11558</v>
      </c>
      <c r="H1272" s="8" t="s">
        <v>15849</v>
      </c>
      <c r="I1272" s="11">
        <v>43371</v>
      </c>
      <c r="J1272" s="11">
        <v>43371</v>
      </c>
      <c r="K1272" s="11">
        <v>45473</v>
      </c>
    </row>
    <row r="1273" spans="1:11" x14ac:dyDescent="0.4">
      <c r="A1273" s="8" t="s">
        <v>11818</v>
      </c>
      <c r="B1273" s="8" t="s">
        <v>9278</v>
      </c>
      <c r="C1273" s="9" t="s">
        <v>15850</v>
      </c>
      <c r="D1273" s="9" t="s">
        <v>15851</v>
      </c>
      <c r="E1273" s="10"/>
      <c r="F1273" s="10"/>
      <c r="G1273" s="8"/>
      <c r="H1273" s="8" t="s">
        <v>15852</v>
      </c>
      <c r="I1273" s="11">
        <v>43375</v>
      </c>
      <c r="J1273" s="11">
        <v>43375</v>
      </c>
      <c r="K1273" s="11">
        <v>45626</v>
      </c>
    </row>
    <row r="1274" spans="1:11" x14ac:dyDescent="0.4">
      <c r="A1274" s="8" t="s">
        <v>11818</v>
      </c>
      <c r="B1274" s="8" t="s">
        <v>698</v>
      </c>
      <c r="C1274" s="9" t="s">
        <v>15853</v>
      </c>
      <c r="D1274" s="9" t="s">
        <v>15854</v>
      </c>
      <c r="E1274" s="10"/>
      <c r="F1274" s="10" t="s">
        <v>6683</v>
      </c>
      <c r="G1274" s="8" t="s">
        <v>15855</v>
      </c>
      <c r="H1274" s="8" t="s">
        <v>15856</v>
      </c>
      <c r="I1274" s="11">
        <v>43377</v>
      </c>
      <c r="J1274" s="11">
        <v>43377</v>
      </c>
      <c r="K1274" s="11">
        <v>45596</v>
      </c>
    </row>
    <row r="1275" spans="1:11" x14ac:dyDescent="0.4">
      <c r="A1275" s="8" t="s">
        <v>11818</v>
      </c>
      <c r="B1275" s="8" t="s">
        <v>3441</v>
      </c>
      <c r="C1275" s="9" t="s">
        <v>15857</v>
      </c>
      <c r="D1275" s="9" t="s">
        <v>15858</v>
      </c>
      <c r="E1275" s="10"/>
      <c r="F1275" s="10"/>
      <c r="G1275" s="8"/>
      <c r="H1275" s="8" t="s">
        <v>15859</v>
      </c>
      <c r="I1275" s="11">
        <v>43385</v>
      </c>
      <c r="J1275" s="11">
        <v>43385</v>
      </c>
      <c r="K1275" s="11">
        <v>45777</v>
      </c>
    </row>
    <row r="1276" spans="1:11" x14ac:dyDescent="0.4">
      <c r="A1276" s="8" t="s">
        <v>11818</v>
      </c>
      <c r="B1276" s="8" t="s">
        <v>793</v>
      </c>
      <c r="C1276" s="9" t="s">
        <v>15860</v>
      </c>
      <c r="D1276" s="9" t="s">
        <v>15861</v>
      </c>
      <c r="E1276" s="10"/>
      <c r="F1276" s="10" t="s">
        <v>15862</v>
      </c>
      <c r="G1276" s="8" t="s">
        <v>15863</v>
      </c>
      <c r="H1276" s="8" t="s">
        <v>15864</v>
      </c>
      <c r="I1276" s="11">
        <v>43378</v>
      </c>
      <c r="J1276" s="11">
        <v>43378</v>
      </c>
      <c r="K1276" s="11">
        <v>45777</v>
      </c>
    </row>
    <row r="1277" spans="1:11" x14ac:dyDescent="0.4">
      <c r="A1277" s="8" t="s">
        <v>11818</v>
      </c>
      <c r="B1277" s="8" t="s">
        <v>48</v>
      </c>
      <c r="C1277" s="9" t="s">
        <v>15865</v>
      </c>
      <c r="D1277" s="9" t="s">
        <v>15833</v>
      </c>
      <c r="E1277" s="10"/>
      <c r="F1277" s="10" t="s">
        <v>8426</v>
      </c>
      <c r="G1277" s="8" t="s">
        <v>15866</v>
      </c>
      <c r="H1277" s="8" t="s">
        <v>15867</v>
      </c>
      <c r="I1277" s="11">
        <v>43378</v>
      </c>
      <c r="J1277" s="11">
        <v>43378</v>
      </c>
      <c r="K1277" s="11">
        <v>45626</v>
      </c>
    </row>
    <row r="1278" spans="1:11" x14ac:dyDescent="0.4">
      <c r="A1278" s="8" t="s">
        <v>11818</v>
      </c>
      <c r="B1278" s="8" t="s">
        <v>633</v>
      </c>
      <c r="C1278" s="9" t="s">
        <v>15868</v>
      </c>
      <c r="D1278" s="9" t="s">
        <v>15869</v>
      </c>
      <c r="E1278" s="10" t="s">
        <v>15870</v>
      </c>
      <c r="F1278" s="10"/>
      <c r="G1278" s="8"/>
      <c r="H1278" s="8" t="s">
        <v>15871</v>
      </c>
      <c r="I1278" s="11">
        <v>43383</v>
      </c>
      <c r="J1278" s="11">
        <v>43383</v>
      </c>
      <c r="K1278" s="11">
        <v>45930</v>
      </c>
    </row>
    <row r="1279" spans="1:11" x14ac:dyDescent="0.4">
      <c r="A1279" s="8" t="s">
        <v>11818</v>
      </c>
      <c r="B1279" s="8" t="s">
        <v>633</v>
      </c>
      <c r="C1279" s="9" t="s">
        <v>15872</v>
      </c>
      <c r="D1279" s="9" t="s">
        <v>15873</v>
      </c>
      <c r="E1279" s="10"/>
      <c r="F1279" s="10" t="s">
        <v>6483</v>
      </c>
      <c r="G1279" s="8" t="s">
        <v>15874</v>
      </c>
      <c r="H1279" s="8" t="s">
        <v>15875</v>
      </c>
      <c r="I1279" s="11">
        <v>43385</v>
      </c>
      <c r="J1279" s="11">
        <v>43385</v>
      </c>
      <c r="K1279" s="11">
        <v>45838</v>
      </c>
    </row>
    <row r="1280" spans="1:11" x14ac:dyDescent="0.4">
      <c r="A1280" s="8" t="s">
        <v>11818</v>
      </c>
      <c r="B1280" s="8" t="s">
        <v>48</v>
      </c>
      <c r="C1280" s="9" t="s">
        <v>15876</v>
      </c>
      <c r="D1280" s="9" t="s">
        <v>15877</v>
      </c>
      <c r="E1280" s="10"/>
      <c r="F1280" s="10"/>
      <c r="G1280" s="8"/>
      <c r="H1280" s="8" t="s">
        <v>15878</v>
      </c>
      <c r="I1280" s="11">
        <v>43385</v>
      </c>
      <c r="J1280" s="11">
        <v>43385</v>
      </c>
      <c r="K1280" s="11">
        <v>45626</v>
      </c>
    </row>
    <row r="1281" spans="1:11" x14ac:dyDescent="0.4">
      <c r="A1281" s="8" t="s">
        <v>11818</v>
      </c>
      <c r="B1281" s="8" t="s">
        <v>48</v>
      </c>
      <c r="C1281" s="9" t="s">
        <v>15879</v>
      </c>
      <c r="D1281" s="9" t="s">
        <v>14031</v>
      </c>
      <c r="E1281" s="10" t="s">
        <v>15880</v>
      </c>
      <c r="F1281" s="10" t="s">
        <v>15073</v>
      </c>
      <c r="G1281" s="8" t="s">
        <v>15074</v>
      </c>
      <c r="H1281" s="8" t="s">
        <v>15881</v>
      </c>
      <c r="I1281" s="11">
        <v>43385</v>
      </c>
      <c r="J1281" s="11">
        <v>43385</v>
      </c>
      <c r="K1281" s="11">
        <v>45626</v>
      </c>
    </row>
    <row r="1282" spans="1:11" x14ac:dyDescent="0.4">
      <c r="A1282" s="8" t="s">
        <v>11818</v>
      </c>
      <c r="B1282" s="8" t="s">
        <v>48</v>
      </c>
      <c r="C1282" s="9" t="s">
        <v>15882</v>
      </c>
      <c r="D1282" s="9" t="s">
        <v>15883</v>
      </c>
      <c r="E1282" s="10" t="s">
        <v>47</v>
      </c>
      <c r="F1282" s="10"/>
      <c r="G1282" s="8"/>
      <c r="H1282" s="8" t="s">
        <v>15884</v>
      </c>
      <c r="I1282" s="11">
        <v>43385</v>
      </c>
      <c r="J1282" s="11">
        <v>43385</v>
      </c>
      <c r="K1282" s="11">
        <v>45808</v>
      </c>
    </row>
    <row r="1283" spans="1:11" x14ac:dyDescent="0.4">
      <c r="A1283" s="8" t="s">
        <v>11818</v>
      </c>
      <c r="B1283" s="8" t="s">
        <v>48</v>
      </c>
      <c r="C1283" s="9" t="s">
        <v>15885</v>
      </c>
      <c r="D1283" s="9" t="s">
        <v>15886</v>
      </c>
      <c r="E1283" s="10" t="s">
        <v>15887</v>
      </c>
      <c r="F1283" s="10"/>
      <c r="G1283" s="8"/>
      <c r="H1283" s="8" t="s">
        <v>15888</v>
      </c>
      <c r="I1283" s="11">
        <v>43392</v>
      </c>
      <c r="J1283" s="11">
        <v>43392</v>
      </c>
      <c r="K1283" s="11">
        <v>45565</v>
      </c>
    </row>
    <row r="1284" spans="1:11" x14ac:dyDescent="0.4">
      <c r="A1284" s="8" t="s">
        <v>11818</v>
      </c>
      <c r="B1284" s="8" t="s">
        <v>633</v>
      </c>
      <c r="C1284" s="9" t="s">
        <v>15889</v>
      </c>
      <c r="D1284" s="9" t="s">
        <v>15890</v>
      </c>
      <c r="E1284" s="10"/>
      <c r="F1284" s="10"/>
      <c r="G1284" s="8"/>
      <c r="H1284" s="8" t="s">
        <v>15891</v>
      </c>
      <c r="I1284" s="11">
        <v>43391</v>
      </c>
      <c r="J1284" s="11">
        <v>43391</v>
      </c>
      <c r="K1284" s="11">
        <v>45777</v>
      </c>
    </row>
    <row r="1285" spans="1:11" x14ac:dyDescent="0.4">
      <c r="A1285" s="8" t="s">
        <v>11818</v>
      </c>
      <c r="B1285" s="8" t="s">
        <v>633</v>
      </c>
      <c r="C1285" s="9" t="s">
        <v>15892</v>
      </c>
      <c r="D1285" s="9" t="s">
        <v>15893</v>
      </c>
      <c r="E1285" s="10" t="s">
        <v>15894</v>
      </c>
      <c r="F1285" s="10"/>
      <c r="G1285" s="8"/>
      <c r="H1285" s="8" t="s">
        <v>15895</v>
      </c>
      <c r="I1285" s="11">
        <v>43390</v>
      </c>
      <c r="J1285" s="11">
        <v>43390</v>
      </c>
      <c r="K1285" s="11">
        <v>45626</v>
      </c>
    </row>
    <row r="1286" spans="1:11" x14ac:dyDescent="0.4">
      <c r="A1286" s="8" t="s">
        <v>11818</v>
      </c>
      <c r="B1286" s="8" t="s">
        <v>698</v>
      </c>
      <c r="C1286" s="9" t="s">
        <v>15896</v>
      </c>
      <c r="D1286" s="9" t="s">
        <v>14388</v>
      </c>
      <c r="E1286" s="10"/>
      <c r="F1286" s="10" t="s">
        <v>10801</v>
      </c>
      <c r="G1286" s="8" t="s">
        <v>15612</v>
      </c>
      <c r="H1286" s="8" t="s">
        <v>15897</v>
      </c>
      <c r="I1286" s="11">
        <v>43392</v>
      </c>
      <c r="J1286" s="11">
        <v>43392</v>
      </c>
      <c r="K1286" s="11">
        <v>45626</v>
      </c>
    </row>
    <row r="1287" spans="1:11" x14ac:dyDescent="0.4">
      <c r="A1287" s="8" t="s">
        <v>11818</v>
      </c>
      <c r="B1287" s="8" t="s">
        <v>3083</v>
      </c>
      <c r="C1287" s="9" t="s">
        <v>15898</v>
      </c>
      <c r="D1287" s="9" t="s">
        <v>15899</v>
      </c>
      <c r="E1287" s="10"/>
      <c r="F1287" s="10" t="s">
        <v>15900</v>
      </c>
      <c r="G1287" s="8" t="s">
        <v>15901</v>
      </c>
      <c r="H1287" s="8" t="s">
        <v>15902</v>
      </c>
      <c r="I1287" s="11">
        <v>43393</v>
      </c>
      <c r="J1287" s="11">
        <v>43393</v>
      </c>
      <c r="K1287" s="11">
        <v>45747</v>
      </c>
    </row>
    <row r="1288" spans="1:11" x14ac:dyDescent="0.4">
      <c r="A1288" s="8" t="s">
        <v>11818</v>
      </c>
      <c r="B1288" s="8" t="s">
        <v>6444</v>
      </c>
      <c r="C1288" s="9" t="s">
        <v>15903</v>
      </c>
      <c r="D1288" s="9" t="s">
        <v>12792</v>
      </c>
      <c r="E1288" s="10"/>
      <c r="F1288" s="10"/>
      <c r="G1288" s="8"/>
      <c r="H1288" s="8" t="s">
        <v>15904</v>
      </c>
      <c r="I1288" s="11">
        <v>43392</v>
      </c>
      <c r="J1288" s="11">
        <v>43392</v>
      </c>
      <c r="K1288" s="11">
        <v>45777</v>
      </c>
    </row>
    <row r="1289" spans="1:11" x14ac:dyDescent="0.4">
      <c r="A1289" s="8" t="s">
        <v>11818</v>
      </c>
      <c r="B1289" s="8" t="s">
        <v>698</v>
      </c>
      <c r="C1289" s="9" t="s">
        <v>15905</v>
      </c>
      <c r="D1289" s="9" t="s">
        <v>15906</v>
      </c>
      <c r="E1289" s="10"/>
      <c r="F1289" s="10"/>
      <c r="G1289" s="8"/>
      <c r="H1289" s="8" t="s">
        <v>15907</v>
      </c>
      <c r="I1289" s="11">
        <v>43405</v>
      </c>
      <c r="J1289" s="11">
        <v>43405</v>
      </c>
      <c r="K1289" s="11">
        <v>45596</v>
      </c>
    </row>
    <row r="1290" spans="1:11" x14ac:dyDescent="0.4">
      <c r="A1290" s="8" t="s">
        <v>11818</v>
      </c>
      <c r="B1290" s="8" t="s">
        <v>48</v>
      </c>
      <c r="C1290" s="9" t="s">
        <v>15908</v>
      </c>
      <c r="D1290" s="9" t="s">
        <v>15909</v>
      </c>
      <c r="E1290" s="10" t="s">
        <v>15910</v>
      </c>
      <c r="F1290" s="10"/>
      <c r="G1290" s="8"/>
      <c r="H1290" s="8" t="s">
        <v>15911</v>
      </c>
      <c r="I1290" s="11">
        <v>43398</v>
      </c>
      <c r="J1290" s="11">
        <v>43398</v>
      </c>
      <c r="K1290" s="11">
        <v>45626</v>
      </c>
    </row>
    <row r="1291" spans="1:11" x14ac:dyDescent="0.4">
      <c r="A1291" s="8" t="s">
        <v>11818</v>
      </c>
      <c r="B1291" s="8" t="s">
        <v>698</v>
      </c>
      <c r="C1291" s="9" t="s">
        <v>15912</v>
      </c>
      <c r="D1291" s="9" t="s">
        <v>15913</v>
      </c>
      <c r="E1291" s="10"/>
      <c r="F1291" s="10" t="s">
        <v>15914</v>
      </c>
      <c r="G1291" s="8" t="s">
        <v>15915</v>
      </c>
      <c r="H1291" s="8" t="s">
        <v>15916</v>
      </c>
      <c r="I1291" s="11">
        <v>43402</v>
      </c>
      <c r="J1291" s="11">
        <v>43402</v>
      </c>
      <c r="K1291" s="11">
        <v>45747</v>
      </c>
    </row>
    <row r="1292" spans="1:11" x14ac:dyDescent="0.4">
      <c r="A1292" s="8" t="s">
        <v>11818</v>
      </c>
      <c r="B1292" s="8" t="s">
        <v>5454</v>
      </c>
      <c r="C1292" s="9" t="s">
        <v>15917</v>
      </c>
      <c r="D1292" s="9" t="s">
        <v>15918</v>
      </c>
      <c r="E1292" s="10" t="s">
        <v>15919</v>
      </c>
      <c r="F1292" s="10" t="s">
        <v>15920</v>
      </c>
      <c r="G1292" s="8" t="s">
        <v>15921</v>
      </c>
      <c r="H1292" s="8" t="s">
        <v>15922</v>
      </c>
      <c r="I1292" s="11">
        <v>43404</v>
      </c>
      <c r="J1292" s="11">
        <v>43404</v>
      </c>
      <c r="K1292" s="11">
        <v>45626</v>
      </c>
    </row>
    <row r="1293" spans="1:11" x14ac:dyDescent="0.4">
      <c r="A1293" s="8" t="s">
        <v>11818</v>
      </c>
      <c r="B1293" s="8" t="s">
        <v>48</v>
      </c>
      <c r="C1293" s="9" t="s">
        <v>15923</v>
      </c>
      <c r="D1293" s="9" t="s">
        <v>14231</v>
      </c>
      <c r="E1293" s="10" t="s">
        <v>15924</v>
      </c>
      <c r="F1293" s="10"/>
      <c r="G1293" s="8"/>
      <c r="H1293" s="8" t="s">
        <v>15925</v>
      </c>
      <c r="I1293" s="11">
        <v>43405</v>
      </c>
      <c r="J1293" s="11">
        <v>43405</v>
      </c>
      <c r="K1293" s="11">
        <v>45808</v>
      </c>
    </row>
    <row r="1294" spans="1:11" x14ac:dyDescent="0.4">
      <c r="A1294" s="8" t="s">
        <v>11818</v>
      </c>
      <c r="B1294" s="8" t="s">
        <v>5383</v>
      </c>
      <c r="C1294" s="9" t="s">
        <v>15926</v>
      </c>
      <c r="D1294" s="9" t="s">
        <v>15927</v>
      </c>
      <c r="E1294" s="10"/>
      <c r="F1294" s="10" t="s">
        <v>15928</v>
      </c>
      <c r="G1294" s="8" t="s">
        <v>15929</v>
      </c>
      <c r="H1294" s="8" t="s">
        <v>15930</v>
      </c>
      <c r="I1294" s="11">
        <v>43406</v>
      </c>
      <c r="J1294" s="11">
        <v>43406</v>
      </c>
      <c r="K1294" s="11">
        <v>45930</v>
      </c>
    </row>
    <row r="1295" spans="1:11" x14ac:dyDescent="0.4">
      <c r="A1295" s="8" t="s">
        <v>11818</v>
      </c>
      <c r="B1295" s="8" t="s">
        <v>633</v>
      </c>
      <c r="C1295" s="9" t="s">
        <v>15931</v>
      </c>
      <c r="D1295" s="9" t="s">
        <v>15932</v>
      </c>
      <c r="E1295" s="10"/>
      <c r="F1295" s="10" t="s">
        <v>15928</v>
      </c>
      <c r="G1295" s="8" t="s">
        <v>15929</v>
      </c>
      <c r="H1295" s="8" t="s">
        <v>15933</v>
      </c>
      <c r="I1295" s="11">
        <v>43406</v>
      </c>
      <c r="J1295" s="11">
        <v>43406</v>
      </c>
      <c r="K1295" s="11">
        <v>45930</v>
      </c>
    </row>
    <row r="1296" spans="1:11" x14ac:dyDescent="0.4">
      <c r="A1296" s="8" t="s">
        <v>11818</v>
      </c>
      <c r="B1296" s="8" t="s">
        <v>3441</v>
      </c>
      <c r="C1296" s="9" t="s">
        <v>15934</v>
      </c>
      <c r="D1296" s="9" t="s">
        <v>15935</v>
      </c>
      <c r="E1296" s="10"/>
      <c r="F1296" s="10" t="s">
        <v>14400</v>
      </c>
      <c r="G1296" s="8" t="s">
        <v>14401</v>
      </c>
      <c r="H1296" s="8" t="s">
        <v>15936</v>
      </c>
      <c r="I1296" s="11">
        <v>43408</v>
      </c>
      <c r="J1296" s="11">
        <v>43408</v>
      </c>
      <c r="K1296" s="11">
        <v>45747</v>
      </c>
    </row>
    <row r="1297" spans="1:11" x14ac:dyDescent="0.4">
      <c r="A1297" s="8" t="s">
        <v>11818</v>
      </c>
      <c r="B1297" s="8" t="s">
        <v>48</v>
      </c>
      <c r="C1297" s="9" t="s">
        <v>15937</v>
      </c>
      <c r="D1297" s="9" t="s">
        <v>15776</v>
      </c>
      <c r="E1297" s="10" t="s">
        <v>15777</v>
      </c>
      <c r="F1297" s="10"/>
      <c r="G1297" s="8"/>
      <c r="H1297" s="8" t="s">
        <v>15938</v>
      </c>
      <c r="I1297" s="11">
        <v>43405</v>
      </c>
      <c r="J1297" s="11">
        <v>43405</v>
      </c>
      <c r="K1297" s="11">
        <v>45930</v>
      </c>
    </row>
    <row r="1298" spans="1:11" x14ac:dyDescent="0.4">
      <c r="A1298" s="8" t="s">
        <v>11818</v>
      </c>
      <c r="B1298" s="8" t="s">
        <v>48</v>
      </c>
      <c r="C1298" s="9" t="s">
        <v>15939</v>
      </c>
      <c r="D1298" s="9" t="s">
        <v>15940</v>
      </c>
      <c r="E1298" s="10"/>
      <c r="F1298" s="10"/>
      <c r="G1298" s="8"/>
      <c r="H1298" s="8" t="s">
        <v>15941</v>
      </c>
      <c r="I1298" s="11">
        <v>43405</v>
      </c>
      <c r="J1298" s="11">
        <v>43405</v>
      </c>
      <c r="K1298" s="11">
        <v>45930</v>
      </c>
    </row>
    <row r="1299" spans="1:11" x14ac:dyDescent="0.4">
      <c r="A1299" s="8" t="s">
        <v>11818</v>
      </c>
      <c r="B1299" s="8" t="s">
        <v>48</v>
      </c>
      <c r="C1299" s="9" t="s">
        <v>15942</v>
      </c>
      <c r="D1299" s="9" t="s">
        <v>15776</v>
      </c>
      <c r="E1299" s="10" t="s">
        <v>15943</v>
      </c>
      <c r="F1299" s="10"/>
      <c r="G1299" s="8"/>
      <c r="H1299" s="8" t="s">
        <v>15944</v>
      </c>
      <c r="I1299" s="11">
        <v>43405</v>
      </c>
      <c r="J1299" s="11">
        <v>43405</v>
      </c>
      <c r="K1299" s="11">
        <v>45930</v>
      </c>
    </row>
    <row r="1300" spans="1:11" x14ac:dyDescent="0.4">
      <c r="A1300" s="8" t="s">
        <v>11818</v>
      </c>
      <c r="B1300" s="8" t="s">
        <v>698</v>
      </c>
      <c r="C1300" s="9" t="s">
        <v>15945</v>
      </c>
      <c r="D1300" s="9" t="s">
        <v>15946</v>
      </c>
      <c r="E1300" s="10"/>
      <c r="F1300" s="10"/>
      <c r="G1300" s="8"/>
      <c r="H1300" s="8" t="s">
        <v>15947</v>
      </c>
      <c r="I1300" s="11">
        <v>43410</v>
      </c>
      <c r="J1300" s="11">
        <v>43410</v>
      </c>
      <c r="K1300" s="11">
        <v>45747</v>
      </c>
    </row>
    <row r="1301" spans="1:11" x14ac:dyDescent="0.4">
      <c r="A1301" s="8" t="s">
        <v>11818</v>
      </c>
      <c r="B1301" s="8" t="s">
        <v>48</v>
      </c>
      <c r="C1301" s="9" t="s">
        <v>15948</v>
      </c>
      <c r="D1301" s="9" t="s">
        <v>14678</v>
      </c>
      <c r="E1301" s="10" t="s">
        <v>15949</v>
      </c>
      <c r="F1301" s="10" t="s">
        <v>8426</v>
      </c>
      <c r="G1301" s="8" t="s">
        <v>15866</v>
      </c>
      <c r="H1301" s="8" t="s">
        <v>15950</v>
      </c>
      <c r="I1301" s="11">
        <v>43410</v>
      </c>
      <c r="J1301" s="11">
        <v>43410</v>
      </c>
      <c r="K1301" s="11">
        <v>45626</v>
      </c>
    </row>
    <row r="1302" spans="1:11" x14ac:dyDescent="0.4">
      <c r="A1302" s="8" t="s">
        <v>11818</v>
      </c>
      <c r="B1302" s="8" t="s">
        <v>2044</v>
      </c>
      <c r="C1302" s="9" t="s">
        <v>15951</v>
      </c>
      <c r="D1302" s="9" t="s">
        <v>15952</v>
      </c>
      <c r="E1302" s="10"/>
      <c r="F1302" s="10"/>
      <c r="G1302" s="8"/>
      <c r="H1302" s="8" t="s">
        <v>15953</v>
      </c>
      <c r="I1302" s="11">
        <v>43417</v>
      </c>
      <c r="J1302" s="11">
        <v>43417</v>
      </c>
      <c r="K1302" s="11">
        <v>45565</v>
      </c>
    </row>
    <row r="1303" spans="1:11" x14ac:dyDescent="0.4">
      <c r="A1303" s="8" t="s">
        <v>11818</v>
      </c>
      <c r="B1303" s="8" t="s">
        <v>48</v>
      </c>
      <c r="C1303" s="9" t="s">
        <v>15954</v>
      </c>
      <c r="D1303" s="9" t="s">
        <v>15955</v>
      </c>
      <c r="E1303" s="10" t="s">
        <v>15956</v>
      </c>
      <c r="F1303" s="10"/>
      <c r="G1303" s="8"/>
      <c r="H1303" s="8" t="s">
        <v>15957</v>
      </c>
      <c r="I1303" s="11">
        <v>43418</v>
      </c>
      <c r="J1303" s="11">
        <v>43418</v>
      </c>
      <c r="K1303" s="11">
        <v>45626</v>
      </c>
    </row>
    <row r="1304" spans="1:11" x14ac:dyDescent="0.4">
      <c r="A1304" s="8" t="s">
        <v>11818</v>
      </c>
      <c r="B1304" s="8" t="s">
        <v>633</v>
      </c>
      <c r="C1304" s="9" t="s">
        <v>15958</v>
      </c>
      <c r="D1304" s="9" t="s">
        <v>15959</v>
      </c>
      <c r="E1304" s="10"/>
      <c r="F1304" s="10"/>
      <c r="G1304" s="8"/>
      <c r="H1304" s="8" t="s">
        <v>15960</v>
      </c>
      <c r="I1304" s="11">
        <v>43418</v>
      </c>
      <c r="J1304" s="11">
        <v>43418</v>
      </c>
      <c r="K1304" s="11">
        <v>45777</v>
      </c>
    </row>
    <row r="1305" spans="1:11" x14ac:dyDescent="0.4">
      <c r="A1305" s="8" t="s">
        <v>11818</v>
      </c>
      <c r="B1305" s="8" t="s">
        <v>48</v>
      </c>
      <c r="C1305" s="9" t="s">
        <v>15961</v>
      </c>
      <c r="D1305" s="9" t="s">
        <v>15962</v>
      </c>
      <c r="E1305" s="10"/>
      <c r="F1305" s="10" t="s">
        <v>15963</v>
      </c>
      <c r="G1305" s="8" t="s">
        <v>15964</v>
      </c>
      <c r="H1305" s="8" t="s">
        <v>15965</v>
      </c>
      <c r="I1305" s="11">
        <v>43419</v>
      </c>
      <c r="J1305" s="11">
        <v>43419</v>
      </c>
      <c r="K1305" s="11">
        <v>45808</v>
      </c>
    </row>
    <row r="1306" spans="1:11" x14ac:dyDescent="0.4">
      <c r="A1306" s="8" t="s">
        <v>11818</v>
      </c>
      <c r="B1306" s="8" t="s">
        <v>633</v>
      </c>
      <c r="C1306" s="9" t="s">
        <v>15966</v>
      </c>
      <c r="D1306" s="9" t="s">
        <v>15967</v>
      </c>
      <c r="E1306" s="10"/>
      <c r="F1306" s="10" t="s">
        <v>15968</v>
      </c>
      <c r="G1306" s="8" t="s">
        <v>15969</v>
      </c>
      <c r="H1306" s="8" t="s">
        <v>15970</v>
      </c>
      <c r="I1306" s="11">
        <v>43424</v>
      </c>
      <c r="J1306" s="11">
        <v>43424</v>
      </c>
      <c r="K1306" s="11">
        <v>45777</v>
      </c>
    </row>
    <row r="1307" spans="1:11" x14ac:dyDescent="0.4">
      <c r="A1307" s="8" t="s">
        <v>11818</v>
      </c>
      <c r="B1307" s="8" t="s">
        <v>9278</v>
      </c>
      <c r="C1307" s="9" t="s">
        <v>15971</v>
      </c>
      <c r="D1307" s="9" t="s">
        <v>15972</v>
      </c>
      <c r="E1307" s="10"/>
      <c r="F1307" s="10"/>
      <c r="G1307" s="8"/>
      <c r="H1307" s="8" t="s">
        <v>15973</v>
      </c>
      <c r="I1307" s="11">
        <v>43424</v>
      </c>
      <c r="J1307" s="11">
        <v>43424</v>
      </c>
      <c r="K1307" s="11">
        <v>45747</v>
      </c>
    </row>
    <row r="1308" spans="1:11" x14ac:dyDescent="0.4">
      <c r="A1308" s="8" t="s">
        <v>11818</v>
      </c>
      <c r="B1308" s="8" t="s">
        <v>633</v>
      </c>
      <c r="C1308" s="9" t="s">
        <v>15974</v>
      </c>
      <c r="D1308" s="9" t="s">
        <v>15975</v>
      </c>
      <c r="E1308" s="10"/>
      <c r="F1308" s="10" t="s">
        <v>15976</v>
      </c>
      <c r="G1308" s="8" t="s">
        <v>15977</v>
      </c>
      <c r="H1308" s="8" t="s">
        <v>15978</v>
      </c>
      <c r="I1308" s="11">
        <v>43425</v>
      </c>
      <c r="J1308" s="11">
        <v>43425</v>
      </c>
      <c r="K1308" s="11">
        <v>45626</v>
      </c>
    </row>
    <row r="1309" spans="1:11" x14ac:dyDescent="0.4">
      <c r="A1309" s="8" t="s">
        <v>11818</v>
      </c>
      <c r="B1309" s="8" t="s">
        <v>48</v>
      </c>
      <c r="C1309" s="9" t="s">
        <v>15979</v>
      </c>
      <c r="D1309" s="9" t="s">
        <v>15980</v>
      </c>
      <c r="E1309" s="10" t="s">
        <v>15981</v>
      </c>
      <c r="F1309" s="10" t="s">
        <v>15724</v>
      </c>
      <c r="G1309" s="8" t="s">
        <v>15982</v>
      </c>
      <c r="H1309" s="8" t="s">
        <v>15983</v>
      </c>
      <c r="I1309" s="11">
        <v>43435</v>
      </c>
      <c r="J1309" s="11">
        <v>43435</v>
      </c>
      <c r="K1309" s="11">
        <v>45808</v>
      </c>
    </row>
    <row r="1310" spans="1:11" x14ac:dyDescent="0.4">
      <c r="A1310" s="8" t="s">
        <v>11818</v>
      </c>
      <c r="B1310" s="8" t="s">
        <v>48</v>
      </c>
      <c r="C1310" s="9" t="s">
        <v>15984</v>
      </c>
      <c r="D1310" s="9" t="s">
        <v>15985</v>
      </c>
      <c r="E1310" s="10" t="s">
        <v>15986</v>
      </c>
      <c r="F1310" s="10" t="s">
        <v>15724</v>
      </c>
      <c r="G1310" s="8" t="s">
        <v>15982</v>
      </c>
      <c r="H1310" s="8" t="s">
        <v>15987</v>
      </c>
      <c r="I1310" s="11">
        <v>43435</v>
      </c>
      <c r="J1310" s="11">
        <v>43435</v>
      </c>
      <c r="K1310" s="11">
        <v>45808</v>
      </c>
    </row>
    <row r="1311" spans="1:11" x14ac:dyDescent="0.4">
      <c r="A1311" s="8" t="s">
        <v>11818</v>
      </c>
      <c r="B1311" s="8" t="s">
        <v>633</v>
      </c>
      <c r="C1311" s="9" t="s">
        <v>15988</v>
      </c>
      <c r="D1311" s="9" t="s">
        <v>15989</v>
      </c>
      <c r="E1311" s="10"/>
      <c r="F1311" s="10"/>
      <c r="G1311" s="8"/>
      <c r="H1311" s="8" t="s">
        <v>15990</v>
      </c>
      <c r="I1311" s="11">
        <v>43433</v>
      </c>
      <c r="J1311" s="11">
        <v>43433</v>
      </c>
      <c r="K1311" s="11">
        <v>45473</v>
      </c>
    </row>
    <row r="1312" spans="1:11" x14ac:dyDescent="0.4">
      <c r="A1312" s="8" t="s">
        <v>11818</v>
      </c>
      <c r="B1312" s="8" t="s">
        <v>48</v>
      </c>
      <c r="C1312" s="9" t="s">
        <v>15991</v>
      </c>
      <c r="D1312" s="9" t="s">
        <v>15220</v>
      </c>
      <c r="E1312" s="10" t="s">
        <v>15221</v>
      </c>
      <c r="F1312" s="10"/>
      <c r="G1312" s="8"/>
      <c r="H1312" s="8" t="s">
        <v>15992</v>
      </c>
      <c r="I1312" s="11">
        <v>43437</v>
      </c>
      <c r="J1312" s="11">
        <v>43437</v>
      </c>
      <c r="K1312" s="11">
        <v>45991</v>
      </c>
    </row>
    <row r="1313" spans="1:11" x14ac:dyDescent="0.4">
      <c r="A1313" s="8" t="s">
        <v>11818</v>
      </c>
      <c r="B1313" s="8" t="s">
        <v>698</v>
      </c>
      <c r="C1313" s="9" t="s">
        <v>15993</v>
      </c>
      <c r="D1313" s="9" t="s">
        <v>15994</v>
      </c>
      <c r="E1313" s="10"/>
      <c r="F1313" s="10"/>
      <c r="G1313" s="8"/>
      <c r="H1313" s="8" t="s">
        <v>15995</v>
      </c>
      <c r="I1313" s="11">
        <v>43439</v>
      </c>
      <c r="J1313" s="11">
        <v>43439</v>
      </c>
      <c r="K1313" s="11">
        <v>45777</v>
      </c>
    </row>
    <row r="1314" spans="1:11" x14ac:dyDescent="0.4">
      <c r="A1314" s="8" t="s">
        <v>11818</v>
      </c>
      <c r="B1314" s="8" t="s">
        <v>2044</v>
      </c>
      <c r="C1314" s="9" t="s">
        <v>15996</v>
      </c>
      <c r="D1314" s="9" t="s">
        <v>15997</v>
      </c>
      <c r="E1314" s="10"/>
      <c r="F1314" s="10"/>
      <c r="G1314" s="8"/>
      <c r="H1314" s="8" t="s">
        <v>15998</v>
      </c>
      <c r="I1314" s="11">
        <v>43439</v>
      </c>
      <c r="J1314" s="11">
        <v>43439</v>
      </c>
      <c r="K1314" s="11">
        <v>45961</v>
      </c>
    </row>
    <row r="1315" spans="1:11" x14ac:dyDescent="0.4">
      <c r="A1315" s="8" t="s">
        <v>11818</v>
      </c>
      <c r="B1315" s="8" t="s">
        <v>48</v>
      </c>
      <c r="C1315" s="9" t="s">
        <v>15999</v>
      </c>
      <c r="D1315" s="9" t="s">
        <v>16000</v>
      </c>
      <c r="E1315" s="10" t="s">
        <v>16001</v>
      </c>
      <c r="F1315" s="10"/>
      <c r="G1315" s="8"/>
      <c r="H1315" s="8" t="s">
        <v>16002</v>
      </c>
      <c r="I1315" s="11">
        <v>43443</v>
      </c>
      <c r="J1315" s="11">
        <v>43443</v>
      </c>
      <c r="K1315" s="11">
        <v>45747</v>
      </c>
    </row>
    <row r="1316" spans="1:11" x14ac:dyDescent="0.4">
      <c r="A1316" s="8" t="s">
        <v>11818</v>
      </c>
      <c r="B1316" s="8" t="s">
        <v>5454</v>
      </c>
      <c r="C1316" s="9" t="s">
        <v>16003</v>
      </c>
      <c r="D1316" s="9" t="s">
        <v>15118</v>
      </c>
      <c r="E1316" s="10" t="s">
        <v>16004</v>
      </c>
      <c r="F1316" s="10"/>
      <c r="G1316" s="8"/>
      <c r="H1316" s="8" t="s">
        <v>16005</v>
      </c>
      <c r="I1316" s="11">
        <v>43445</v>
      </c>
      <c r="J1316" s="11">
        <v>43445</v>
      </c>
      <c r="K1316" s="11">
        <v>45626</v>
      </c>
    </row>
    <row r="1317" spans="1:11" x14ac:dyDescent="0.4">
      <c r="A1317" s="8" t="s">
        <v>11818</v>
      </c>
      <c r="B1317" s="8" t="s">
        <v>48</v>
      </c>
      <c r="C1317" s="9" t="s">
        <v>16006</v>
      </c>
      <c r="D1317" s="9" t="s">
        <v>16007</v>
      </c>
      <c r="E1317" s="10" t="s">
        <v>16008</v>
      </c>
      <c r="F1317" s="10"/>
      <c r="G1317" s="8"/>
      <c r="H1317" s="8" t="s">
        <v>16009</v>
      </c>
      <c r="I1317" s="11">
        <v>43447</v>
      </c>
      <c r="J1317" s="11">
        <v>43447</v>
      </c>
      <c r="K1317" s="11">
        <v>45565</v>
      </c>
    </row>
    <row r="1318" spans="1:11" x14ac:dyDescent="0.4">
      <c r="A1318" s="8" t="s">
        <v>11818</v>
      </c>
      <c r="B1318" s="8" t="s">
        <v>3441</v>
      </c>
      <c r="C1318" s="9" t="s">
        <v>16010</v>
      </c>
      <c r="D1318" s="9" t="s">
        <v>16011</v>
      </c>
      <c r="E1318" s="10"/>
      <c r="F1318" s="10"/>
      <c r="G1318" s="8"/>
      <c r="H1318" s="8" t="s">
        <v>16012</v>
      </c>
      <c r="I1318" s="11">
        <v>43452</v>
      </c>
      <c r="J1318" s="11">
        <v>43452</v>
      </c>
      <c r="K1318" s="11">
        <v>45596</v>
      </c>
    </row>
    <row r="1319" spans="1:11" x14ac:dyDescent="0.4">
      <c r="A1319" s="8" t="s">
        <v>11818</v>
      </c>
      <c r="B1319" s="8" t="s">
        <v>2044</v>
      </c>
      <c r="C1319" s="9" t="s">
        <v>16013</v>
      </c>
      <c r="D1319" s="9" t="s">
        <v>16014</v>
      </c>
      <c r="E1319" s="10"/>
      <c r="F1319" s="10" t="s">
        <v>16015</v>
      </c>
      <c r="G1319" s="8" t="s">
        <v>16016</v>
      </c>
      <c r="H1319" s="8" t="s">
        <v>16017</v>
      </c>
      <c r="I1319" s="11">
        <v>43461</v>
      </c>
      <c r="J1319" s="11">
        <v>43461</v>
      </c>
      <c r="K1319" s="11">
        <v>45961</v>
      </c>
    </row>
    <row r="1320" spans="1:11" x14ac:dyDescent="0.4">
      <c r="A1320" s="8" t="s">
        <v>11818</v>
      </c>
      <c r="B1320" s="8" t="s">
        <v>48</v>
      </c>
      <c r="C1320" s="9" t="s">
        <v>16018</v>
      </c>
      <c r="D1320" s="9" t="s">
        <v>16019</v>
      </c>
      <c r="E1320" s="10"/>
      <c r="F1320" s="10"/>
      <c r="G1320" s="8"/>
      <c r="H1320" s="8" t="s">
        <v>16020</v>
      </c>
      <c r="I1320" s="11">
        <v>43462</v>
      </c>
      <c r="J1320" s="11">
        <v>43462</v>
      </c>
      <c r="K1320" s="11">
        <v>45626</v>
      </c>
    </row>
    <row r="1321" spans="1:11" x14ac:dyDescent="0.4">
      <c r="A1321" s="8" t="s">
        <v>11818</v>
      </c>
      <c r="B1321" s="8" t="s">
        <v>2044</v>
      </c>
      <c r="C1321" s="9" t="s">
        <v>16021</v>
      </c>
      <c r="D1321" s="9" t="s">
        <v>16022</v>
      </c>
      <c r="E1321" s="10" t="s">
        <v>16023</v>
      </c>
      <c r="F1321" s="10"/>
      <c r="G1321" s="8"/>
      <c r="H1321" s="8" t="s">
        <v>16024</v>
      </c>
      <c r="I1321" s="11">
        <v>43462</v>
      </c>
      <c r="J1321" s="11">
        <v>43462</v>
      </c>
      <c r="K1321" s="11">
        <v>45747</v>
      </c>
    </row>
    <row r="1322" spans="1:11" x14ac:dyDescent="0.4">
      <c r="A1322" s="8" t="s">
        <v>11818</v>
      </c>
      <c r="B1322" s="8" t="s">
        <v>5383</v>
      </c>
      <c r="C1322" s="9" t="s">
        <v>16025</v>
      </c>
      <c r="D1322" s="9" t="s">
        <v>16026</v>
      </c>
      <c r="E1322" s="10"/>
      <c r="F1322" s="10" t="s">
        <v>6205</v>
      </c>
      <c r="G1322" s="8" t="s">
        <v>16027</v>
      </c>
      <c r="H1322" s="8" t="s">
        <v>16028</v>
      </c>
      <c r="I1322" s="11">
        <v>43463</v>
      </c>
      <c r="J1322" s="11">
        <v>43463</v>
      </c>
      <c r="K1322" s="11">
        <v>45930</v>
      </c>
    </row>
    <row r="1323" spans="1:11" x14ac:dyDescent="0.4">
      <c r="A1323" s="8" t="s">
        <v>11818</v>
      </c>
      <c r="B1323" s="8" t="s">
        <v>2044</v>
      </c>
      <c r="C1323" s="9" t="s">
        <v>16029</v>
      </c>
      <c r="D1323" s="9" t="s">
        <v>16030</v>
      </c>
      <c r="E1323" s="10" t="s">
        <v>16031</v>
      </c>
      <c r="F1323" s="10"/>
      <c r="G1323" s="8"/>
      <c r="H1323" s="8" t="s">
        <v>16032</v>
      </c>
      <c r="I1323" s="11">
        <v>43471</v>
      </c>
      <c r="J1323" s="11">
        <v>43471</v>
      </c>
      <c r="K1323" s="11">
        <v>45991</v>
      </c>
    </row>
    <row r="1324" spans="1:11" x14ac:dyDescent="0.4">
      <c r="A1324" s="8" t="s">
        <v>11818</v>
      </c>
      <c r="B1324" s="8" t="s">
        <v>48</v>
      </c>
      <c r="C1324" s="9" t="s">
        <v>16033</v>
      </c>
      <c r="D1324" s="9" t="s">
        <v>16034</v>
      </c>
      <c r="E1324" s="10" t="s">
        <v>16035</v>
      </c>
      <c r="F1324" s="10"/>
      <c r="G1324" s="8"/>
      <c r="H1324" s="8" t="s">
        <v>16036</v>
      </c>
      <c r="I1324" s="11">
        <v>43473</v>
      </c>
      <c r="J1324" s="11">
        <v>43473</v>
      </c>
      <c r="K1324" s="11">
        <v>45808</v>
      </c>
    </row>
    <row r="1325" spans="1:11" x14ac:dyDescent="0.4">
      <c r="A1325" s="8" t="s">
        <v>11818</v>
      </c>
      <c r="B1325" s="8" t="s">
        <v>48</v>
      </c>
      <c r="C1325" s="9" t="s">
        <v>16037</v>
      </c>
      <c r="D1325" s="9" t="s">
        <v>16038</v>
      </c>
      <c r="E1325" s="10" t="s">
        <v>16039</v>
      </c>
      <c r="F1325" s="10"/>
      <c r="G1325" s="8"/>
      <c r="H1325" s="8" t="s">
        <v>16040</v>
      </c>
      <c r="I1325" s="11">
        <v>43474</v>
      </c>
      <c r="J1325" s="11">
        <v>43474</v>
      </c>
      <c r="K1325" s="11">
        <v>45991</v>
      </c>
    </row>
    <row r="1326" spans="1:11" x14ac:dyDescent="0.4">
      <c r="A1326" s="8" t="s">
        <v>11818</v>
      </c>
      <c r="B1326" s="8" t="s">
        <v>48</v>
      </c>
      <c r="C1326" s="9" t="s">
        <v>16041</v>
      </c>
      <c r="D1326" s="9" t="s">
        <v>16042</v>
      </c>
      <c r="E1326" s="10"/>
      <c r="F1326" s="10" t="s">
        <v>2120</v>
      </c>
      <c r="G1326" s="8" t="s">
        <v>16043</v>
      </c>
      <c r="H1326" s="8" t="s">
        <v>16044</v>
      </c>
      <c r="I1326" s="11">
        <v>43477</v>
      </c>
      <c r="J1326" s="11">
        <v>43477</v>
      </c>
      <c r="K1326" s="11">
        <v>45930</v>
      </c>
    </row>
    <row r="1327" spans="1:11" x14ac:dyDescent="0.4">
      <c r="A1327" s="8" t="s">
        <v>11818</v>
      </c>
      <c r="B1327" s="8" t="s">
        <v>6444</v>
      </c>
      <c r="C1327" s="9" t="s">
        <v>16045</v>
      </c>
      <c r="D1327" s="9" t="s">
        <v>16046</v>
      </c>
      <c r="E1327" s="10"/>
      <c r="F1327" s="10" t="s">
        <v>13387</v>
      </c>
      <c r="G1327" s="8" t="s">
        <v>13388</v>
      </c>
      <c r="H1327" s="8" t="s">
        <v>16047</v>
      </c>
      <c r="I1327" s="11">
        <v>43481</v>
      </c>
      <c r="J1327" s="11">
        <v>43481</v>
      </c>
      <c r="K1327" s="11">
        <v>45777</v>
      </c>
    </row>
    <row r="1328" spans="1:11" x14ac:dyDescent="0.4">
      <c r="A1328" s="8" t="s">
        <v>11818</v>
      </c>
      <c r="B1328" s="8" t="s">
        <v>48</v>
      </c>
      <c r="C1328" s="9" t="s">
        <v>16048</v>
      </c>
      <c r="D1328" s="9" t="s">
        <v>16049</v>
      </c>
      <c r="E1328" s="10"/>
      <c r="F1328" s="10"/>
      <c r="G1328" s="8"/>
      <c r="H1328" s="8" t="s">
        <v>16050</v>
      </c>
      <c r="I1328" s="11">
        <v>43483</v>
      </c>
      <c r="J1328" s="11">
        <v>43483</v>
      </c>
      <c r="K1328" s="11">
        <v>45838</v>
      </c>
    </row>
    <row r="1329" spans="1:11" x14ac:dyDescent="0.4">
      <c r="A1329" s="8" t="s">
        <v>11818</v>
      </c>
      <c r="B1329" s="8" t="s">
        <v>698</v>
      </c>
      <c r="C1329" s="9" t="s">
        <v>16051</v>
      </c>
      <c r="D1329" s="9" t="s">
        <v>16052</v>
      </c>
      <c r="E1329" s="10"/>
      <c r="F1329" s="10"/>
      <c r="G1329" s="8"/>
      <c r="H1329" s="8" t="s">
        <v>16053</v>
      </c>
      <c r="I1329" s="11">
        <v>43483</v>
      </c>
      <c r="J1329" s="11">
        <v>43483</v>
      </c>
      <c r="K1329" s="11">
        <v>45747</v>
      </c>
    </row>
    <row r="1330" spans="1:11" x14ac:dyDescent="0.4">
      <c r="A1330" s="8" t="s">
        <v>11818</v>
      </c>
      <c r="B1330" s="8" t="s">
        <v>2044</v>
      </c>
      <c r="C1330" s="9" t="s">
        <v>16054</v>
      </c>
      <c r="D1330" s="9" t="s">
        <v>16055</v>
      </c>
      <c r="E1330" s="10"/>
      <c r="F1330" s="10"/>
      <c r="G1330" s="8"/>
      <c r="H1330" s="8" t="s">
        <v>16056</v>
      </c>
      <c r="I1330" s="11">
        <v>43484</v>
      </c>
      <c r="J1330" s="11">
        <v>43484</v>
      </c>
      <c r="K1330" s="11">
        <v>45565</v>
      </c>
    </row>
    <row r="1331" spans="1:11" x14ac:dyDescent="0.4">
      <c r="A1331" s="8" t="s">
        <v>11818</v>
      </c>
      <c r="B1331" s="8" t="s">
        <v>2044</v>
      </c>
      <c r="C1331" s="9" t="s">
        <v>16057</v>
      </c>
      <c r="D1331" s="9" t="s">
        <v>16058</v>
      </c>
      <c r="E1331" s="10"/>
      <c r="F1331" s="10"/>
      <c r="G1331" s="8"/>
      <c r="H1331" s="8" t="s">
        <v>16059</v>
      </c>
      <c r="I1331" s="11">
        <v>43490</v>
      </c>
      <c r="J1331" s="11">
        <v>44287</v>
      </c>
      <c r="K1331" s="11">
        <v>46112</v>
      </c>
    </row>
    <row r="1332" spans="1:11" x14ac:dyDescent="0.4">
      <c r="A1332" s="8" t="s">
        <v>11818</v>
      </c>
      <c r="B1332" s="8" t="s">
        <v>9278</v>
      </c>
      <c r="C1332" s="9" t="s">
        <v>16060</v>
      </c>
      <c r="D1332" s="9" t="s">
        <v>16061</v>
      </c>
      <c r="E1332" s="10" t="s">
        <v>16062</v>
      </c>
      <c r="F1332" s="10" t="s">
        <v>16063</v>
      </c>
      <c r="G1332" s="8" t="s">
        <v>16064</v>
      </c>
      <c r="H1332" s="8" t="s">
        <v>16065</v>
      </c>
      <c r="I1332" s="11">
        <v>43494</v>
      </c>
      <c r="J1332" s="11">
        <v>43494</v>
      </c>
      <c r="K1332" s="11">
        <v>45991</v>
      </c>
    </row>
    <row r="1333" spans="1:11" x14ac:dyDescent="0.4">
      <c r="A1333" s="8" t="s">
        <v>11818</v>
      </c>
      <c r="B1333" s="8" t="s">
        <v>48</v>
      </c>
      <c r="C1333" s="9" t="s">
        <v>16066</v>
      </c>
      <c r="D1333" s="9" t="s">
        <v>16067</v>
      </c>
      <c r="E1333" s="10"/>
      <c r="F1333" s="10"/>
      <c r="G1333" s="8"/>
      <c r="H1333" s="8" t="s">
        <v>16068</v>
      </c>
      <c r="I1333" s="11">
        <v>43494</v>
      </c>
      <c r="J1333" s="11">
        <v>43494</v>
      </c>
      <c r="K1333" s="11">
        <v>45808</v>
      </c>
    </row>
    <row r="1334" spans="1:11" x14ac:dyDescent="0.4">
      <c r="A1334" s="8" t="s">
        <v>11818</v>
      </c>
      <c r="B1334" s="8" t="s">
        <v>633</v>
      </c>
      <c r="C1334" s="9" t="s">
        <v>16069</v>
      </c>
      <c r="D1334" s="9" t="s">
        <v>16070</v>
      </c>
      <c r="E1334" s="10"/>
      <c r="F1334" s="10" t="s">
        <v>13479</v>
      </c>
      <c r="G1334" s="8" t="s">
        <v>14405</v>
      </c>
      <c r="H1334" s="8" t="s">
        <v>16071</v>
      </c>
      <c r="I1334" s="11">
        <v>43494</v>
      </c>
      <c r="J1334" s="11">
        <v>43494</v>
      </c>
      <c r="K1334" s="11">
        <v>46142</v>
      </c>
    </row>
    <row r="1335" spans="1:11" x14ac:dyDescent="0.4">
      <c r="A1335" s="8" t="s">
        <v>11818</v>
      </c>
      <c r="B1335" s="8" t="s">
        <v>3441</v>
      </c>
      <c r="C1335" s="9" t="s">
        <v>16072</v>
      </c>
      <c r="D1335" s="9" t="s">
        <v>13951</v>
      </c>
      <c r="E1335" s="10"/>
      <c r="F1335" s="10" t="s">
        <v>16073</v>
      </c>
      <c r="G1335" s="8" t="s">
        <v>16074</v>
      </c>
      <c r="H1335" s="8" t="s">
        <v>16075</v>
      </c>
      <c r="I1335" s="11">
        <v>43497</v>
      </c>
      <c r="J1335" s="11">
        <v>43497</v>
      </c>
      <c r="K1335" s="11">
        <v>45747</v>
      </c>
    </row>
    <row r="1336" spans="1:11" x14ac:dyDescent="0.4">
      <c r="A1336" s="8" t="s">
        <v>11818</v>
      </c>
      <c r="B1336" s="8" t="s">
        <v>698</v>
      </c>
      <c r="C1336" s="9" t="s">
        <v>16076</v>
      </c>
      <c r="D1336" s="9" t="s">
        <v>16077</v>
      </c>
      <c r="E1336" s="10"/>
      <c r="F1336" s="10" t="s">
        <v>16078</v>
      </c>
      <c r="G1336" s="8" t="s">
        <v>16079</v>
      </c>
      <c r="H1336" s="8" t="s">
        <v>16080</v>
      </c>
      <c r="I1336" s="11">
        <v>43496</v>
      </c>
      <c r="J1336" s="11">
        <v>43496</v>
      </c>
      <c r="K1336" s="11">
        <v>45961</v>
      </c>
    </row>
    <row r="1337" spans="1:11" x14ac:dyDescent="0.4">
      <c r="A1337" s="8" t="s">
        <v>11818</v>
      </c>
      <c r="B1337" s="8" t="s">
        <v>1926</v>
      </c>
      <c r="C1337" s="9" t="s">
        <v>16081</v>
      </c>
      <c r="D1337" s="9" t="s">
        <v>16082</v>
      </c>
      <c r="E1337" s="10"/>
      <c r="F1337" s="10" t="s">
        <v>16083</v>
      </c>
      <c r="G1337" s="8" t="s">
        <v>16084</v>
      </c>
      <c r="H1337" s="8" t="s">
        <v>16085</v>
      </c>
      <c r="I1337" s="11">
        <v>43497</v>
      </c>
      <c r="J1337" s="11">
        <v>43497</v>
      </c>
      <c r="K1337" s="11">
        <v>45838</v>
      </c>
    </row>
    <row r="1338" spans="1:11" x14ac:dyDescent="0.4">
      <c r="A1338" s="8" t="s">
        <v>11818</v>
      </c>
      <c r="B1338" s="8" t="s">
        <v>633</v>
      </c>
      <c r="C1338" s="9" t="s">
        <v>16086</v>
      </c>
      <c r="D1338" s="9" t="s">
        <v>16087</v>
      </c>
      <c r="E1338" s="10"/>
      <c r="F1338" s="10" t="s">
        <v>16088</v>
      </c>
      <c r="G1338" s="8" t="s">
        <v>16089</v>
      </c>
      <c r="H1338" s="8" t="s">
        <v>16090</v>
      </c>
      <c r="I1338" s="11">
        <v>43497</v>
      </c>
      <c r="J1338" s="11">
        <v>43497</v>
      </c>
      <c r="K1338" s="11">
        <v>45930</v>
      </c>
    </row>
    <row r="1339" spans="1:11" x14ac:dyDescent="0.4">
      <c r="A1339" s="8" t="s">
        <v>11818</v>
      </c>
      <c r="B1339" s="8" t="s">
        <v>48</v>
      </c>
      <c r="C1339" s="9" t="s">
        <v>4928</v>
      </c>
      <c r="D1339" s="9" t="s">
        <v>14518</v>
      </c>
      <c r="E1339" s="10" t="s">
        <v>16091</v>
      </c>
      <c r="F1339" s="10"/>
      <c r="G1339" s="8"/>
      <c r="H1339" s="8" t="s">
        <v>16092</v>
      </c>
      <c r="I1339" s="11">
        <v>43497</v>
      </c>
      <c r="J1339" s="11">
        <v>43497</v>
      </c>
      <c r="K1339" s="11">
        <v>45991</v>
      </c>
    </row>
    <row r="1340" spans="1:11" x14ac:dyDescent="0.4">
      <c r="A1340" s="8" t="s">
        <v>11818</v>
      </c>
      <c r="B1340" s="8" t="s">
        <v>633</v>
      </c>
      <c r="C1340" s="9" t="s">
        <v>16093</v>
      </c>
      <c r="D1340" s="9" t="s">
        <v>16094</v>
      </c>
      <c r="E1340" s="10"/>
      <c r="F1340" s="10" t="s">
        <v>6582</v>
      </c>
      <c r="G1340" s="8" t="s">
        <v>16095</v>
      </c>
      <c r="H1340" s="8" t="s">
        <v>16096</v>
      </c>
      <c r="I1340" s="11">
        <v>43521</v>
      </c>
      <c r="J1340" s="11">
        <v>43521</v>
      </c>
      <c r="K1340" s="11">
        <v>45961</v>
      </c>
    </row>
    <row r="1341" spans="1:11" x14ac:dyDescent="0.4">
      <c r="A1341" s="8" t="s">
        <v>11818</v>
      </c>
      <c r="B1341" s="8" t="s">
        <v>633</v>
      </c>
      <c r="C1341" s="9" t="s">
        <v>16097</v>
      </c>
      <c r="D1341" s="9" t="s">
        <v>15472</v>
      </c>
      <c r="E1341" s="10"/>
      <c r="F1341" s="10" t="s">
        <v>16098</v>
      </c>
      <c r="G1341" s="8" t="s">
        <v>16099</v>
      </c>
      <c r="H1341" s="8" t="s">
        <v>16100</v>
      </c>
      <c r="I1341" s="11">
        <v>43497</v>
      </c>
      <c r="J1341" s="11">
        <v>43497</v>
      </c>
      <c r="K1341" s="11">
        <v>45930</v>
      </c>
    </row>
    <row r="1342" spans="1:11" x14ac:dyDescent="0.4">
      <c r="A1342" s="8" t="s">
        <v>11818</v>
      </c>
      <c r="B1342" s="8" t="s">
        <v>633</v>
      </c>
      <c r="C1342" s="9" t="s">
        <v>16101</v>
      </c>
      <c r="D1342" s="9" t="s">
        <v>16102</v>
      </c>
      <c r="E1342" s="10"/>
      <c r="F1342" s="10" t="s">
        <v>16098</v>
      </c>
      <c r="G1342" s="8" t="s">
        <v>16099</v>
      </c>
      <c r="H1342" s="8" t="s">
        <v>16103</v>
      </c>
      <c r="I1342" s="11">
        <v>43497</v>
      </c>
      <c r="J1342" s="11">
        <v>43497</v>
      </c>
      <c r="K1342" s="11">
        <v>45930</v>
      </c>
    </row>
    <row r="1343" spans="1:11" x14ac:dyDescent="0.4">
      <c r="A1343" s="8" t="s">
        <v>11818</v>
      </c>
      <c r="B1343" s="8" t="s">
        <v>48</v>
      </c>
      <c r="C1343" s="9" t="s">
        <v>16104</v>
      </c>
      <c r="D1343" s="9" t="s">
        <v>15909</v>
      </c>
      <c r="E1343" s="10" t="s">
        <v>16105</v>
      </c>
      <c r="F1343" s="10"/>
      <c r="G1343" s="8"/>
      <c r="H1343" s="8" t="s">
        <v>16106</v>
      </c>
      <c r="I1343" s="11">
        <v>43503</v>
      </c>
      <c r="J1343" s="11">
        <v>43503</v>
      </c>
      <c r="K1343" s="11">
        <v>45626</v>
      </c>
    </row>
    <row r="1344" spans="1:11" x14ac:dyDescent="0.4">
      <c r="A1344" s="8" t="s">
        <v>11818</v>
      </c>
      <c r="B1344" s="8" t="s">
        <v>3441</v>
      </c>
      <c r="C1344" s="9" t="s">
        <v>16107</v>
      </c>
      <c r="D1344" s="9" t="s">
        <v>16108</v>
      </c>
      <c r="E1344" s="10"/>
      <c r="F1344" s="10"/>
      <c r="G1344" s="8"/>
      <c r="H1344" s="8" t="s">
        <v>16109</v>
      </c>
      <c r="I1344" s="11">
        <v>43511</v>
      </c>
      <c r="J1344" s="11">
        <v>43511</v>
      </c>
      <c r="K1344" s="11">
        <v>45961</v>
      </c>
    </row>
    <row r="1345" spans="1:11" x14ac:dyDescent="0.4">
      <c r="A1345" s="8" t="s">
        <v>11818</v>
      </c>
      <c r="B1345" s="8" t="s">
        <v>1926</v>
      </c>
      <c r="C1345" s="9" t="s">
        <v>16110</v>
      </c>
      <c r="D1345" s="9" t="s">
        <v>16111</v>
      </c>
      <c r="E1345" s="10"/>
      <c r="F1345" s="10"/>
      <c r="G1345" s="8"/>
      <c r="H1345" s="8" t="s">
        <v>16112</v>
      </c>
      <c r="I1345" s="11">
        <v>43505</v>
      </c>
      <c r="J1345" s="11">
        <v>43505</v>
      </c>
      <c r="K1345" s="11">
        <v>45838</v>
      </c>
    </row>
    <row r="1346" spans="1:11" x14ac:dyDescent="0.4">
      <c r="A1346" s="8" t="s">
        <v>11818</v>
      </c>
      <c r="B1346" s="8" t="s">
        <v>2044</v>
      </c>
      <c r="C1346" s="9" t="s">
        <v>16113</v>
      </c>
      <c r="D1346" s="9" t="s">
        <v>16114</v>
      </c>
      <c r="E1346" s="10"/>
      <c r="F1346" s="10" t="s">
        <v>16115</v>
      </c>
      <c r="G1346" s="8" t="s">
        <v>16116</v>
      </c>
      <c r="H1346" s="8" t="s">
        <v>16117</v>
      </c>
      <c r="I1346" s="11">
        <v>43511</v>
      </c>
      <c r="J1346" s="11">
        <v>43511</v>
      </c>
      <c r="K1346" s="11">
        <v>45596</v>
      </c>
    </row>
    <row r="1347" spans="1:11" x14ac:dyDescent="0.4">
      <c r="A1347" s="8" t="s">
        <v>11818</v>
      </c>
      <c r="B1347" s="8" t="s">
        <v>2044</v>
      </c>
      <c r="C1347" s="9" t="s">
        <v>16118</v>
      </c>
      <c r="D1347" s="9" t="s">
        <v>16119</v>
      </c>
      <c r="E1347" s="10"/>
      <c r="F1347" s="10" t="s">
        <v>16120</v>
      </c>
      <c r="G1347" s="8" t="s">
        <v>16121</v>
      </c>
      <c r="H1347" s="8" t="s">
        <v>16122</v>
      </c>
      <c r="I1347" s="11">
        <v>43511</v>
      </c>
      <c r="J1347" s="11">
        <v>43511</v>
      </c>
      <c r="K1347" s="11">
        <v>45777</v>
      </c>
    </row>
    <row r="1348" spans="1:11" x14ac:dyDescent="0.4">
      <c r="A1348" s="8" t="s">
        <v>11818</v>
      </c>
      <c r="B1348" s="8" t="s">
        <v>48</v>
      </c>
      <c r="C1348" s="9" t="s">
        <v>16123</v>
      </c>
      <c r="D1348" s="9" t="s">
        <v>16124</v>
      </c>
      <c r="E1348" s="10" t="s">
        <v>16125</v>
      </c>
      <c r="F1348" s="10"/>
      <c r="G1348" s="8"/>
      <c r="H1348" s="8" t="s">
        <v>16126</v>
      </c>
      <c r="I1348" s="11">
        <v>43515</v>
      </c>
      <c r="J1348" s="11">
        <v>43515</v>
      </c>
      <c r="K1348" s="11">
        <v>45626</v>
      </c>
    </row>
    <row r="1349" spans="1:11" x14ac:dyDescent="0.4">
      <c r="A1349" s="8" t="s">
        <v>11818</v>
      </c>
      <c r="B1349" s="8" t="s">
        <v>633</v>
      </c>
      <c r="C1349" s="9" t="s">
        <v>16127</v>
      </c>
      <c r="D1349" s="9" t="s">
        <v>16128</v>
      </c>
      <c r="E1349" s="10"/>
      <c r="F1349" s="10" t="s">
        <v>16129</v>
      </c>
      <c r="G1349" s="8" t="s">
        <v>16130</v>
      </c>
      <c r="H1349" s="8" t="s">
        <v>16131</v>
      </c>
      <c r="I1349" s="11">
        <v>43532</v>
      </c>
      <c r="J1349" s="11">
        <v>43532</v>
      </c>
      <c r="K1349" s="11">
        <v>45777</v>
      </c>
    </row>
    <row r="1350" spans="1:11" x14ac:dyDescent="0.4">
      <c r="A1350" s="8" t="s">
        <v>11818</v>
      </c>
      <c r="B1350" s="8" t="s">
        <v>698</v>
      </c>
      <c r="C1350" s="9" t="s">
        <v>16132</v>
      </c>
      <c r="D1350" s="9" t="s">
        <v>16133</v>
      </c>
      <c r="E1350" s="10"/>
      <c r="F1350" s="10"/>
      <c r="G1350" s="8"/>
      <c r="H1350" s="8" t="s">
        <v>16134</v>
      </c>
      <c r="I1350" s="11">
        <v>43524</v>
      </c>
      <c r="J1350" s="11">
        <v>43524</v>
      </c>
      <c r="K1350" s="11">
        <v>45747</v>
      </c>
    </row>
    <row r="1351" spans="1:11" x14ac:dyDescent="0.4">
      <c r="A1351" s="8" t="s">
        <v>11818</v>
      </c>
      <c r="B1351" s="8" t="s">
        <v>633</v>
      </c>
      <c r="C1351" s="9" t="s">
        <v>16135</v>
      </c>
      <c r="D1351" s="9" t="s">
        <v>16136</v>
      </c>
      <c r="E1351" s="10"/>
      <c r="F1351" s="10"/>
      <c r="G1351" s="8"/>
      <c r="H1351" s="8" t="s">
        <v>16137</v>
      </c>
      <c r="I1351" s="11">
        <v>43517</v>
      </c>
      <c r="J1351" s="11">
        <v>43517</v>
      </c>
      <c r="K1351" s="11">
        <v>45777</v>
      </c>
    </row>
    <row r="1352" spans="1:11" x14ac:dyDescent="0.4">
      <c r="A1352" s="8" t="s">
        <v>11818</v>
      </c>
      <c r="B1352" s="8" t="s">
        <v>48</v>
      </c>
      <c r="C1352" s="9" t="s">
        <v>16138</v>
      </c>
      <c r="D1352" s="9" t="s">
        <v>14833</v>
      </c>
      <c r="E1352" s="10" t="s">
        <v>16139</v>
      </c>
      <c r="F1352" s="10"/>
      <c r="G1352" s="8"/>
      <c r="H1352" s="8" t="s">
        <v>16140</v>
      </c>
      <c r="I1352" s="11">
        <v>43517</v>
      </c>
      <c r="J1352" s="11">
        <v>43517</v>
      </c>
      <c r="K1352" s="11">
        <v>45626</v>
      </c>
    </row>
    <row r="1353" spans="1:11" x14ac:dyDescent="0.4">
      <c r="A1353" s="8" t="s">
        <v>11818</v>
      </c>
      <c r="B1353" s="8" t="s">
        <v>48</v>
      </c>
      <c r="C1353" s="9" t="s">
        <v>16141</v>
      </c>
      <c r="D1353" s="9" t="s">
        <v>16142</v>
      </c>
      <c r="E1353" s="10"/>
      <c r="F1353" s="10" t="s">
        <v>5123</v>
      </c>
      <c r="G1353" s="8" t="s">
        <v>16143</v>
      </c>
      <c r="H1353" s="8" t="s">
        <v>16144</v>
      </c>
      <c r="I1353" s="11">
        <v>43517</v>
      </c>
      <c r="J1353" s="11">
        <v>43517</v>
      </c>
      <c r="K1353" s="11">
        <v>45808</v>
      </c>
    </row>
    <row r="1354" spans="1:11" x14ac:dyDescent="0.4">
      <c r="A1354" s="8" t="s">
        <v>11818</v>
      </c>
      <c r="B1354" s="8" t="s">
        <v>48</v>
      </c>
      <c r="C1354" s="9" t="s">
        <v>16145</v>
      </c>
      <c r="D1354" s="9" t="s">
        <v>15521</v>
      </c>
      <c r="E1354" s="10" t="s">
        <v>16146</v>
      </c>
      <c r="F1354" s="10"/>
      <c r="G1354" s="8"/>
      <c r="H1354" s="8" t="s">
        <v>16147</v>
      </c>
      <c r="I1354" s="11">
        <v>43519</v>
      </c>
      <c r="J1354" s="11">
        <v>43519</v>
      </c>
      <c r="K1354" s="11">
        <v>45626</v>
      </c>
    </row>
    <row r="1355" spans="1:11" x14ac:dyDescent="0.4">
      <c r="A1355" s="8" t="s">
        <v>11818</v>
      </c>
      <c r="B1355" s="8" t="s">
        <v>3441</v>
      </c>
      <c r="C1355" s="9" t="s">
        <v>16148</v>
      </c>
      <c r="D1355" s="9" t="s">
        <v>16149</v>
      </c>
      <c r="E1355" s="10"/>
      <c r="F1355" s="10"/>
      <c r="G1355" s="8"/>
      <c r="H1355" s="8" t="s">
        <v>16150</v>
      </c>
      <c r="I1355" s="11">
        <v>43519</v>
      </c>
      <c r="J1355" s="11">
        <v>43519</v>
      </c>
      <c r="K1355" s="11">
        <v>45808</v>
      </c>
    </row>
    <row r="1356" spans="1:11" x14ac:dyDescent="0.4">
      <c r="A1356" s="8" t="s">
        <v>11818</v>
      </c>
      <c r="B1356" s="8" t="s">
        <v>48</v>
      </c>
      <c r="C1356" s="9" t="s">
        <v>16151</v>
      </c>
      <c r="D1356" s="9" t="s">
        <v>16152</v>
      </c>
      <c r="E1356" s="10" t="s">
        <v>16153</v>
      </c>
      <c r="F1356" s="10" t="s">
        <v>16154</v>
      </c>
      <c r="G1356" s="8" t="s">
        <v>16155</v>
      </c>
      <c r="H1356" s="8" t="s">
        <v>16156</v>
      </c>
      <c r="I1356" s="11">
        <v>43520</v>
      </c>
      <c r="J1356" s="11">
        <v>43520</v>
      </c>
      <c r="K1356" s="11">
        <v>45930</v>
      </c>
    </row>
    <row r="1357" spans="1:11" x14ac:dyDescent="0.4">
      <c r="A1357" s="8" t="s">
        <v>11818</v>
      </c>
      <c r="B1357" s="8" t="s">
        <v>48</v>
      </c>
      <c r="C1357" s="9" t="s">
        <v>16157</v>
      </c>
      <c r="D1357" s="9" t="s">
        <v>15833</v>
      </c>
      <c r="E1357" s="10" t="s">
        <v>10779</v>
      </c>
      <c r="F1357" s="10" t="s">
        <v>16158</v>
      </c>
      <c r="G1357" s="8" t="s">
        <v>16159</v>
      </c>
      <c r="H1357" s="8" t="s">
        <v>16160</v>
      </c>
      <c r="I1357" s="11">
        <v>43518</v>
      </c>
      <c r="J1357" s="11">
        <v>43518</v>
      </c>
      <c r="K1357" s="11">
        <v>45991</v>
      </c>
    </row>
    <row r="1358" spans="1:11" x14ac:dyDescent="0.4">
      <c r="A1358" s="8" t="s">
        <v>11818</v>
      </c>
      <c r="B1358" s="8" t="s">
        <v>9278</v>
      </c>
      <c r="C1358" s="9" t="s">
        <v>16161</v>
      </c>
      <c r="D1358" s="9" t="s">
        <v>16162</v>
      </c>
      <c r="E1358" s="10"/>
      <c r="F1358" s="10"/>
      <c r="G1358" s="8"/>
      <c r="H1358" s="8" t="s">
        <v>16163</v>
      </c>
      <c r="I1358" s="11">
        <v>43523</v>
      </c>
      <c r="J1358" s="11">
        <v>43523</v>
      </c>
      <c r="K1358" s="11">
        <v>45777</v>
      </c>
    </row>
    <row r="1359" spans="1:11" x14ac:dyDescent="0.4">
      <c r="A1359" s="8" t="s">
        <v>11818</v>
      </c>
      <c r="B1359" s="8" t="s">
        <v>633</v>
      </c>
      <c r="C1359" s="9" t="s">
        <v>16164</v>
      </c>
      <c r="D1359" s="9" t="s">
        <v>16165</v>
      </c>
      <c r="E1359" s="10" t="s">
        <v>16166</v>
      </c>
      <c r="F1359" s="10"/>
      <c r="G1359" s="8"/>
      <c r="H1359" s="8" t="s">
        <v>16167</v>
      </c>
      <c r="I1359" s="11">
        <v>43525</v>
      </c>
      <c r="J1359" s="11">
        <v>43525</v>
      </c>
      <c r="K1359" s="11">
        <v>45991</v>
      </c>
    </row>
    <row r="1360" spans="1:11" x14ac:dyDescent="0.4">
      <c r="A1360" s="8" t="s">
        <v>11818</v>
      </c>
      <c r="B1360" s="8" t="s">
        <v>2044</v>
      </c>
      <c r="C1360" s="9" t="s">
        <v>16168</v>
      </c>
      <c r="D1360" s="9" t="s">
        <v>13581</v>
      </c>
      <c r="E1360" s="10" t="s">
        <v>16169</v>
      </c>
      <c r="F1360" s="10" t="s">
        <v>16170</v>
      </c>
      <c r="G1360" s="8" t="s">
        <v>16171</v>
      </c>
      <c r="H1360" s="8" t="s">
        <v>16172</v>
      </c>
      <c r="I1360" s="11">
        <v>43524</v>
      </c>
      <c r="J1360" s="11">
        <v>43524</v>
      </c>
      <c r="K1360" s="11">
        <v>45991</v>
      </c>
    </row>
    <row r="1361" spans="1:11" x14ac:dyDescent="0.4">
      <c r="A1361" s="8" t="s">
        <v>11818</v>
      </c>
      <c r="B1361" s="8" t="s">
        <v>6444</v>
      </c>
      <c r="C1361" s="9" t="s">
        <v>16173</v>
      </c>
      <c r="D1361" s="9" t="s">
        <v>16174</v>
      </c>
      <c r="E1361" s="10"/>
      <c r="F1361" s="10" t="s">
        <v>16175</v>
      </c>
      <c r="G1361" s="8" t="s">
        <v>16176</v>
      </c>
      <c r="H1361" s="8" t="s">
        <v>16177</v>
      </c>
      <c r="I1361" s="11">
        <v>43524</v>
      </c>
      <c r="J1361" s="11">
        <v>43524</v>
      </c>
      <c r="K1361" s="11">
        <v>45777</v>
      </c>
    </row>
    <row r="1362" spans="1:11" x14ac:dyDescent="0.4">
      <c r="A1362" s="8" t="s">
        <v>11818</v>
      </c>
      <c r="B1362" s="8" t="s">
        <v>6444</v>
      </c>
      <c r="C1362" s="9" t="s">
        <v>16178</v>
      </c>
      <c r="D1362" s="9" t="s">
        <v>16179</v>
      </c>
      <c r="E1362" s="10"/>
      <c r="F1362" s="10"/>
      <c r="G1362" s="8"/>
      <c r="H1362" s="8" t="s">
        <v>16180</v>
      </c>
      <c r="I1362" s="11">
        <v>43524</v>
      </c>
      <c r="J1362" s="11">
        <v>43524</v>
      </c>
      <c r="K1362" s="11">
        <v>45777</v>
      </c>
    </row>
    <row r="1363" spans="1:11" x14ac:dyDescent="0.4">
      <c r="A1363" s="8" t="s">
        <v>11818</v>
      </c>
      <c r="B1363" s="8" t="s">
        <v>633</v>
      </c>
      <c r="C1363" s="9" t="s">
        <v>16181</v>
      </c>
      <c r="D1363" s="9" t="s">
        <v>16182</v>
      </c>
      <c r="E1363" s="10" t="s">
        <v>16183</v>
      </c>
      <c r="F1363" s="10" t="s">
        <v>15713</v>
      </c>
      <c r="G1363" s="8" t="s">
        <v>15714</v>
      </c>
      <c r="H1363" s="8" t="s">
        <v>16184</v>
      </c>
      <c r="I1363" s="11">
        <v>43526</v>
      </c>
      <c r="J1363" s="11">
        <v>43526</v>
      </c>
      <c r="K1363" s="11">
        <v>45747</v>
      </c>
    </row>
    <row r="1364" spans="1:11" x14ac:dyDescent="0.4">
      <c r="A1364" s="8" t="s">
        <v>11818</v>
      </c>
      <c r="B1364" s="8" t="s">
        <v>633</v>
      </c>
      <c r="C1364" s="9" t="s">
        <v>11134</v>
      </c>
      <c r="D1364" s="9" t="s">
        <v>16185</v>
      </c>
      <c r="E1364" s="10"/>
      <c r="F1364" s="10"/>
      <c r="G1364" s="8"/>
      <c r="H1364" s="8" t="s">
        <v>16186</v>
      </c>
      <c r="I1364" s="11">
        <v>43530</v>
      </c>
      <c r="J1364" s="11">
        <v>43530</v>
      </c>
      <c r="K1364" s="11">
        <v>45473</v>
      </c>
    </row>
    <row r="1365" spans="1:11" x14ac:dyDescent="0.4">
      <c r="A1365" s="8" t="s">
        <v>11818</v>
      </c>
      <c r="B1365" s="8" t="s">
        <v>633</v>
      </c>
      <c r="C1365" s="9" t="s">
        <v>16187</v>
      </c>
      <c r="D1365" s="9" t="s">
        <v>16188</v>
      </c>
      <c r="E1365" s="10"/>
      <c r="F1365" s="10" t="s">
        <v>3822</v>
      </c>
      <c r="G1365" s="8" t="s">
        <v>11600</v>
      </c>
      <c r="H1365" s="8" t="s">
        <v>16189</v>
      </c>
      <c r="I1365" s="11">
        <v>43544</v>
      </c>
      <c r="J1365" s="11">
        <v>43544</v>
      </c>
      <c r="K1365" s="11">
        <v>45930</v>
      </c>
    </row>
    <row r="1366" spans="1:11" x14ac:dyDescent="0.4">
      <c r="A1366" s="8" t="s">
        <v>11818</v>
      </c>
      <c r="B1366" s="8" t="s">
        <v>698</v>
      </c>
      <c r="C1366" s="9" t="s">
        <v>16190</v>
      </c>
      <c r="D1366" s="9" t="s">
        <v>16191</v>
      </c>
      <c r="E1366" s="10"/>
      <c r="F1366" s="10" t="s">
        <v>14343</v>
      </c>
      <c r="G1366" s="8" t="s">
        <v>14344</v>
      </c>
      <c r="H1366" s="8" t="s">
        <v>16192</v>
      </c>
      <c r="I1366" s="11">
        <v>43536</v>
      </c>
      <c r="J1366" s="11">
        <v>43536</v>
      </c>
      <c r="K1366" s="11">
        <v>45596</v>
      </c>
    </row>
    <row r="1367" spans="1:11" x14ac:dyDescent="0.4">
      <c r="A1367" s="8" t="s">
        <v>11818</v>
      </c>
      <c r="B1367" s="8" t="s">
        <v>5454</v>
      </c>
      <c r="C1367" s="9" t="s">
        <v>16193</v>
      </c>
      <c r="D1367" s="9" t="s">
        <v>16194</v>
      </c>
      <c r="E1367" s="10" t="s">
        <v>16195</v>
      </c>
      <c r="F1367" s="10"/>
      <c r="G1367" s="8"/>
      <c r="H1367" s="8" t="s">
        <v>16196</v>
      </c>
      <c r="I1367" s="11">
        <v>43536</v>
      </c>
      <c r="J1367" s="11">
        <v>43536</v>
      </c>
      <c r="K1367" s="11">
        <v>45808</v>
      </c>
    </row>
    <row r="1368" spans="1:11" x14ac:dyDescent="0.4">
      <c r="A1368" s="8" t="s">
        <v>11818</v>
      </c>
      <c r="B1368" s="8" t="s">
        <v>633</v>
      </c>
      <c r="C1368" s="9" t="s">
        <v>16197</v>
      </c>
      <c r="D1368" s="9" t="s">
        <v>16198</v>
      </c>
      <c r="E1368" s="10"/>
      <c r="F1368" s="10" t="s">
        <v>9672</v>
      </c>
      <c r="G1368" s="8" t="s">
        <v>16199</v>
      </c>
      <c r="H1368" s="8" t="s">
        <v>16200</v>
      </c>
      <c r="I1368" s="11">
        <v>43556</v>
      </c>
      <c r="J1368" s="11">
        <v>43556</v>
      </c>
      <c r="K1368" s="11">
        <v>45961</v>
      </c>
    </row>
    <row r="1369" spans="1:11" x14ac:dyDescent="0.4">
      <c r="A1369" s="8" t="s">
        <v>11818</v>
      </c>
      <c r="B1369" s="8" t="s">
        <v>633</v>
      </c>
      <c r="C1369" s="9" t="s">
        <v>16201</v>
      </c>
      <c r="D1369" s="9" t="s">
        <v>16202</v>
      </c>
      <c r="E1369" s="10" t="s">
        <v>16203</v>
      </c>
      <c r="F1369" s="10"/>
      <c r="G1369" s="8"/>
      <c r="H1369" s="8" t="s">
        <v>16204</v>
      </c>
      <c r="I1369" s="11">
        <v>43538</v>
      </c>
      <c r="J1369" s="11">
        <v>43538</v>
      </c>
      <c r="K1369" s="11">
        <v>45991</v>
      </c>
    </row>
    <row r="1370" spans="1:11" x14ac:dyDescent="0.4">
      <c r="A1370" s="8" t="s">
        <v>11818</v>
      </c>
      <c r="B1370" s="8" t="s">
        <v>48</v>
      </c>
      <c r="C1370" s="9" t="s">
        <v>16205</v>
      </c>
      <c r="D1370" s="9" t="s">
        <v>16206</v>
      </c>
      <c r="E1370" s="10" t="s">
        <v>16207</v>
      </c>
      <c r="F1370" s="10" t="s">
        <v>12768</v>
      </c>
      <c r="G1370" s="8" t="s">
        <v>12767</v>
      </c>
      <c r="H1370" s="8" t="s">
        <v>16208</v>
      </c>
      <c r="I1370" s="11">
        <v>43538</v>
      </c>
      <c r="J1370" s="11">
        <v>43538</v>
      </c>
      <c r="K1370" s="11">
        <v>45808</v>
      </c>
    </row>
    <row r="1371" spans="1:11" x14ac:dyDescent="0.4">
      <c r="A1371" s="8" t="s">
        <v>11818</v>
      </c>
      <c r="B1371" s="8" t="s">
        <v>3441</v>
      </c>
      <c r="C1371" s="9" t="s">
        <v>16209</v>
      </c>
      <c r="D1371" s="9" t="s">
        <v>16210</v>
      </c>
      <c r="E1371" s="10"/>
      <c r="F1371" s="10"/>
      <c r="G1371" s="8"/>
      <c r="H1371" s="8" t="s">
        <v>16211</v>
      </c>
      <c r="I1371" s="11">
        <v>43538</v>
      </c>
      <c r="J1371" s="11">
        <v>43538</v>
      </c>
      <c r="K1371" s="11">
        <v>45565</v>
      </c>
    </row>
    <row r="1372" spans="1:11" x14ac:dyDescent="0.4">
      <c r="A1372" s="8" t="s">
        <v>11818</v>
      </c>
      <c r="B1372" s="8" t="s">
        <v>5454</v>
      </c>
      <c r="C1372" s="9" t="s">
        <v>16212</v>
      </c>
      <c r="D1372" s="9" t="s">
        <v>16213</v>
      </c>
      <c r="E1372" s="10" t="s">
        <v>16214</v>
      </c>
      <c r="F1372" s="10"/>
      <c r="G1372" s="8"/>
      <c r="H1372" s="8" t="s">
        <v>16215</v>
      </c>
      <c r="I1372" s="11">
        <v>43543</v>
      </c>
      <c r="J1372" s="11">
        <v>43543</v>
      </c>
      <c r="K1372" s="11">
        <v>45626</v>
      </c>
    </row>
    <row r="1373" spans="1:11" x14ac:dyDescent="0.4">
      <c r="A1373" s="8" t="s">
        <v>11818</v>
      </c>
      <c r="B1373" s="8" t="s">
        <v>633</v>
      </c>
      <c r="C1373" s="9" t="s">
        <v>16216</v>
      </c>
      <c r="D1373" s="9" t="s">
        <v>16217</v>
      </c>
      <c r="E1373" s="10" t="s">
        <v>16218</v>
      </c>
      <c r="F1373" s="10" t="s">
        <v>16219</v>
      </c>
      <c r="G1373" s="8" t="s">
        <v>14917</v>
      </c>
      <c r="H1373" s="8" t="s">
        <v>16220</v>
      </c>
      <c r="I1373" s="11">
        <v>43544</v>
      </c>
      <c r="J1373" s="11">
        <v>43544</v>
      </c>
      <c r="K1373" s="11">
        <v>45747</v>
      </c>
    </row>
    <row r="1374" spans="1:11" x14ac:dyDescent="0.4">
      <c r="A1374" s="8" t="s">
        <v>11818</v>
      </c>
      <c r="B1374" s="8" t="s">
        <v>48</v>
      </c>
      <c r="C1374" s="9" t="s">
        <v>16221</v>
      </c>
      <c r="D1374" s="9" t="s">
        <v>16222</v>
      </c>
      <c r="E1374" s="10" t="s">
        <v>16223</v>
      </c>
      <c r="F1374" s="10"/>
      <c r="G1374" s="8"/>
      <c r="H1374" s="8" t="s">
        <v>16224</v>
      </c>
      <c r="I1374" s="11">
        <v>43544</v>
      </c>
      <c r="J1374" s="11">
        <v>43544</v>
      </c>
      <c r="K1374" s="11">
        <v>45991</v>
      </c>
    </row>
    <row r="1375" spans="1:11" x14ac:dyDescent="0.4">
      <c r="A1375" s="8" t="s">
        <v>11818</v>
      </c>
      <c r="B1375" s="8" t="s">
        <v>698</v>
      </c>
      <c r="C1375" s="9" t="s">
        <v>16225</v>
      </c>
      <c r="D1375" s="9" t="s">
        <v>16226</v>
      </c>
      <c r="E1375" s="10"/>
      <c r="F1375" s="10" t="s">
        <v>6538</v>
      </c>
      <c r="G1375" s="8" t="s">
        <v>15587</v>
      </c>
      <c r="H1375" s="8" t="s">
        <v>16227</v>
      </c>
      <c r="I1375" s="11">
        <v>43545</v>
      </c>
      <c r="J1375" s="11">
        <v>43545</v>
      </c>
      <c r="K1375" s="11">
        <v>45747</v>
      </c>
    </row>
    <row r="1376" spans="1:11" x14ac:dyDescent="0.4">
      <c r="A1376" s="8" t="s">
        <v>11818</v>
      </c>
      <c r="B1376" s="8" t="s">
        <v>3083</v>
      </c>
      <c r="C1376" s="9" t="s">
        <v>16228</v>
      </c>
      <c r="D1376" s="9" t="s">
        <v>16229</v>
      </c>
      <c r="E1376" s="10" t="s">
        <v>16230</v>
      </c>
      <c r="F1376" s="10" t="s">
        <v>4091</v>
      </c>
      <c r="G1376" s="8" t="s">
        <v>16231</v>
      </c>
      <c r="H1376" s="8" t="s">
        <v>16232</v>
      </c>
      <c r="I1376" s="11">
        <v>43556</v>
      </c>
      <c r="J1376" s="11">
        <v>43556</v>
      </c>
      <c r="K1376" s="11">
        <v>45808</v>
      </c>
    </row>
    <row r="1377" spans="1:11" x14ac:dyDescent="0.4">
      <c r="A1377" s="8" t="s">
        <v>11818</v>
      </c>
      <c r="B1377" s="8" t="s">
        <v>2044</v>
      </c>
      <c r="C1377" s="9" t="s">
        <v>16233</v>
      </c>
      <c r="D1377" s="9" t="s">
        <v>12818</v>
      </c>
      <c r="E1377" s="10" t="s">
        <v>16234</v>
      </c>
      <c r="F1377" s="10"/>
      <c r="G1377" s="8"/>
      <c r="H1377" s="8" t="s">
        <v>16235</v>
      </c>
      <c r="I1377" s="11">
        <v>43556</v>
      </c>
      <c r="J1377" s="11">
        <v>43556</v>
      </c>
      <c r="K1377" s="11">
        <v>45930</v>
      </c>
    </row>
    <row r="1378" spans="1:11" x14ac:dyDescent="0.4">
      <c r="A1378" s="8" t="s">
        <v>11818</v>
      </c>
      <c r="B1378" s="8" t="s">
        <v>48</v>
      </c>
      <c r="C1378" s="9" t="s">
        <v>16236</v>
      </c>
      <c r="D1378" s="9" t="s">
        <v>16237</v>
      </c>
      <c r="E1378" s="10"/>
      <c r="F1378" s="10" t="s">
        <v>4891</v>
      </c>
      <c r="G1378" s="8" t="s">
        <v>16238</v>
      </c>
      <c r="H1378" s="8" t="s">
        <v>16239</v>
      </c>
      <c r="I1378" s="11">
        <v>43549</v>
      </c>
      <c r="J1378" s="11">
        <v>43549</v>
      </c>
      <c r="K1378" s="11">
        <v>45808</v>
      </c>
    </row>
    <row r="1379" spans="1:11" x14ac:dyDescent="0.4">
      <c r="A1379" s="8" t="s">
        <v>11818</v>
      </c>
      <c r="B1379" s="8" t="s">
        <v>633</v>
      </c>
      <c r="C1379" s="9" t="s">
        <v>16240</v>
      </c>
      <c r="D1379" s="9" t="s">
        <v>16241</v>
      </c>
      <c r="E1379" s="10"/>
      <c r="F1379" s="10" t="s">
        <v>2913</v>
      </c>
      <c r="G1379" s="8" t="s">
        <v>14583</v>
      </c>
      <c r="H1379" s="8" t="s">
        <v>16242</v>
      </c>
      <c r="I1379" s="11">
        <v>43556</v>
      </c>
      <c r="J1379" s="11">
        <v>43556</v>
      </c>
      <c r="K1379" s="11">
        <v>46326</v>
      </c>
    </row>
    <row r="1380" spans="1:11" x14ac:dyDescent="0.4">
      <c r="A1380" s="8" t="s">
        <v>11818</v>
      </c>
      <c r="B1380" s="8" t="s">
        <v>633</v>
      </c>
      <c r="C1380" s="9" t="s">
        <v>16243</v>
      </c>
      <c r="D1380" s="9" t="s">
        <v>16244</v>
      </c>
      <c r="E1380" s="10" t="s">
        <v>16245</v>
      </c>
      <c r="F1380" s="10" t="s">
        <v>2634</v>
      </c>
      <c r="G1380" s="8" t="s">
        <v>12325</v>
      </c>
      <c r="H1380" s="8" t="s">
        <v>16246</v>
      </c>
      <c r="I1380" s="11">
        <v>43556</v>
      </c>
      <c r="J1380" s="11">
        <v>43556</v>
      </c>
      <c r="K1380" s="11">
        <v>45930</v>
      </c>
    </row>
    <row r="1381" spans="1:11" x14ac:dyDescent="0.4">
      <c r="A1381" s="8" t="s">
        <v>11818</v>
      </c>
      <c r="B1381" s="8" t="s">
        <v>633</v>
      </c>
      <c r="C1381" s="9" t="s">
        <v>16247</v>
      </c>
      <c r="D1381" s="9" t="s">
        <v>16248</v>
      </c>
      <c r="E1381" s="10"/>
      <c r="F1381" s="10" t="s">
        <v>16249</v>
      </c>
      <c r="G1381" s="8" t="s">
        <v>16250</v>
      </c>
      <c r="H1381" s="8" t="s">
        <v>16251</v>
      </c>
      <c r="I1381" s="11">
        <v>43553</v>
      </c>
      <c r="J1381" s="11">
        <v>43553</v>
      </c>
      <c r="K1381" s="11">
        <v>45961</v>
      </c>
    </row>
    <row r="1382" spans="1:11" x14ac:dyDescent="0.4">
      <c r="A1382" s="8" t="s">
        <v>11818</v>
      </c>
      <c r="B1382" s="8" t="s">
        <v>2044</v>
      </c>
      <c r="C1382" s="9" t="s">
        <v>12478</v>
      </c>
      <c r="D1382" s="9" t="s">
        <v>12479</v>
      </c>
      <c r="E1382" s="10"/>
      <c r="F1382" s="10" t="s">
        <v>1886</v>
      </c>
      <c r="G1382" s="8" t="s">
        <v>12480</v>
      </c>
      <c r="H1382" s="8" t="s">
        <v>16252</v>
      </c>
      <c r="I1382" s="11">
        <v>43556</v>
      </c>
      <c r="J1382" s="11">
        <v>43922</v>
      </c>
      <c r="K1382" s="11">
        <v>46112</v>
      </c>
    </row>
    <row r="1383" spans="1:11" x14ac:dyDescent="0.4">
      <c r="A1383" s="8" t="s">
        <v>11818</v>
      </c>
      <c r="B1383" s="8" t="s">
        <v>633</v>
      </c>
      <c r="C1383" s="9" t="s">
        <v>16253</v>
      </c>
      <c r="D1383" s="9" t="s">
        <v>16254</v>
      </c>
      <c r="E1383" s="10"/>
      <c r="F1383" s="10" t="s">
        <v>2634</v>
      </c>
      <c r="G1383" s="8" t="s">
        <v>12325</v>
      </c>
      <c r="H1383" s="8" t="s">
        <v>16255</v>
      </c>
      <c r="I1383" s="11">
        <v>43556</v>
      </c>
      <c r="J1383" s="11">
        <v>43556</v>
      </c>
      <c r="K1383" s="11">
        <v>45961</v>
      </c>
    </row>
    <row r="1384" spans="1:11" x14ac:dyDescent="0.4">
      <c r="A1384" s="8" t="s">
        <v>11818</v>
      </c>
      <c r="B1384" s="8" t="s">
        <v>48</v>
      </c>
      <c r="C1384" s="9" t="s">
        <v>16256</v>
      </c>
      <c r="D1384" s="9" t="s">
        <v>15776</v>
      </c>
      <c r="E1384" s="10" t="s">
        <v>16257</v>
      </c>
      <c r="F1384" s="10"/>
      <c r="G1384" s="8"/>
      <c r="H1384" s="8" t="s">
        <v>16258</v>
      </c>
      <c r="I1384" s="11">
        <v>43553</v>
      </c>
      <c r="J1384" s="11">
        <v>43553</v>
      </c>
      <c r="K1384" s="11">
        <v>45930</v>
      </c>
    </row>
    <row r="1385" spans="1:11" x14ac:dyDescent="0.4">
      <c r="A1385" s="8" t="s">
        <v>11818</v>
      </c>
      <c r="B1385" s="8" t="s">
        <v>48</v>
      </c>
      <c r="C1385" s="9" t="s">
        <v>16259</v>
      </c>
      <c r="D1385" s="9" t="s">
        <v>16260</v>
      </c>
      <c r="E1385" s="10" t="s">
        <v>16261</v>
      </c>
      <c r="F1385" s="10"/>
      <c r="G1385" s="8"/>
      <c r="H1385" s="8" t="s">
        <v>16262</v>
      </c>
      <c r="I1385" s="11">
        <v>43553</v>
      </c>
      <c r="J1385" s="11">
        <v>43553</v>
      </c>
      <c r="K1385" s="11">
        <v>45626</v>
      </c>
    </row>
    <row r="1386" spans="1:11" x14ac:dyDescent="0.4">
      <c r="A1386" s="8" t="s">
        <v>11818</v>
      </c>
      <c r="B1386" s="8" t="s">
        <v>633</v>
      </c>
      <c r="C1386" s="9" t="s">
        <v>16263</v>
      </c>
      <c r="D1386" s="9" t="s">
        <v>16264</v>
      </c>
      <c r="E1386" s="10"/>
      <c r="F1386" s="10" t="s">
        <v>16265</v>
      </c>
      <c r="G1386" s="8" t="s">
        <v>16266</v>
      </c>
      <c r="H1386" s="8" t="s">
        <v>16267</v>
      </c>
      <c r="I1386" s="11">
        <v>43556</v>
      </c>
      <c r="J1386" s="11">
        <v>43556</v>
      </c>
      <c r="K1386" s="11">
        <v>45961</v>
      </c>
    </row>
    <row r="1387" spans="1:11" x14ac:dyDescent="0.4">
      <c r="A1387" s="8" t="s">
        <v>11818</v>
      </c>
      <c r="B1387" s="8" t="s">
        <v>48</v>
      </c>
      <c r="C1387" s="9" t="s">
        <v>16268</v>
      </c>
      <c r="D1387" s="9" t="s">
        <v>14504</v>
      </c>
      <c r="E1387" s="10" t="s">
        <v>14505</v>
      </c>
      <c r="F1387" s="10"/>
      <c r="G1387" s="8"/>
      <c r="H1387" s="8" t="s">
        <v>16269</v>
      </c>
      <c r="I1387" s="11">
        <v>43556</v>
      </c>
      <c r="J1387" s="11">
        <v>43556</v>
      </c>
      <c r="K1387" s="11">
        <v>45626</v>
      </c>
    </row>
    <row r="1388" spans="1:11" x14ac:dyDescent="0.4">
      <c r="A1388" s="8" t="s">
        <v>11818</v>
      </c>
      <c r="B1388" s="8" t="s">
        <v>633</v>
      </c>
      <c r="C1388" s="9" t="s">
        <v>16270</v>
      </c>
      <c r="D1388" s="9" t="s">
        <v>16271</v>
      </c>
      <c r="E1388" s="10"/>
      <c r="F1388" s="10"/>
      <c r="G1388" s="8"/>
      <c r="H1388" s="8" t="s">
        <v>16272</v>
      </c>
      <c r="I1388" s="11">
        <v>43557</v>
      </c>
      <c r="J1388" s="11">
        <v>43557</v>
      </c>
      <c r="K1388" s="11">
        <v>45747</v>
      </c>
    </row>
    <row r="1389" spans="1:11" x14ac:dyDescent="0.4">
      <c r="A1389" s="8" t="s">
        <v>11818</v>
      </c>
      <c r="B1389" s="8" t="s">
        <v>633</v>
      </c>
      <c r="C1389" s="9" t="s">
        <v>16273</v>
      </c>
      <c r="D1389" s="9" t="s">
        <v>16274</v>
      </c>
      <c r="E1389" s="10"/>
      <c r="F1389" s="10" t="s">
        <v>2389</v>
      </c>
      <c r="G1389" s="8" t="s">
        <v>13475</v>
      </c>
      <c r="H1389" s="8" t="s">
        <v>16275</v>
      </c>
      <c r="I1389" s="11">
        <v>43558</v>
      </c>
      <c r="J1389" s="11">
        <v>43558</v>
      </c>
      <c r="K1389" s="11">
        <v>46477</v>
      </c>
    </row>
    <row r="1390" spans="1:11" x14ac:dyDescent="0.4">
      <c r="A1390" s="8" t="s">
        <v>11818</v>
      </c>
      <c r="B1390" s="8" t="s">
        <v>633</v>
      </c>
      <c r="C1390" s="9" t="s">
        <v>16276</v>
      </c>
      <c r="D1390" s="9" t="s">
        <v>16277</v>
      </c>
      <c r="E1390" s="10"/>
      <c r="F1390" s="10"/>
      <c r="G1390" s="8"/>
      <c r="H1390" s="8" t="s">
        <v>16278</v>
      </c>
      <c r="I1390" s="11">
        <v>43575</v>
      </c>
      <c r="J1390" s="11">
        <v>43575</v>
      </c>
      <c r="K1390" s="11">
        <v>45565</v>
      </c>
    </row>
    <row r="1391" spans="1:11" x14ac:dyDescent="0.4">
      <c r="A1391" s="8" t="s">
        <v>11818</v>
      </c>
      <c r="B1391" s="8" t="s">
        <v>48</v>
      </c>
      <c r="C1391" s="9" t="s">
        <v>16279</v>
      </c>
      <c r="D1391" s="9" t="s">
        <v>14132</v>
      </c>
      <c r="E1391" s="10"/>
      <c r="F1391" s="10"/>
      <c r="G1391" s="8"/>
      <c r="H1391" s="8" t="s">
        <v>16280</v>
      </c>
      <c r="I1391" s="11">
        <v>43558</v>
      </c>
      <c r="J1391" s="11">
        <v>43558</v>
      </c>
      <c r="K1391" s="11">
        <v>45565</v>
      </c>
    </row>
    <row r="1392" spans="1:11" x14ac:dyDescent="0.4">
      <c r="A1392" s="8" t="s">
        <v>11818</v>
      </c>
      <c r="B1392" s="8" t="s">
        <v>633</v>
      </c>
      <c r="C1392" s="9" t="s">
        <v>16281</v>
      </c>
      <c r="D1392" s="9" t="s">
        <v>13774</v>
      </c>
      <c r="E1392" s="10"/>
      <c r="F1392" s="10" t="s">
        <v>16282</v>
      </c>
      <c r="G1392" s="8" t="s">
        <v>16283</v>
      </c>
      <c r="H1392" s="8" t="s">
        <v>16284</v>
      </c>
      <c r="I1392" s="11">
        <v>43558</v>
      </c>
      <c r="J1392" s="11">
        <v>43558</v>
      </c>
      <c r="K1392" s="11">
        <v>46142</v>
      </c>
    </row>
    <row r="1393" spans="1:11" x14ac:dyDescent="0.4">
      <c r="A1393" s="8" t="s">
        <v>11818</v>
      </c>
      <c r="B1393" s="8" t="s">
        <v>698</v>
      </c>
      <c r="C1393" s="9" t="s">
        <v>16285</v>
      </c>
      <c r="D1393" s="9" t="s">
        <v>16286</v>
      </c>
      <c r="E1393" s="10"/>
      <c r="F1393" s="10" t="s">
        <v>16287</v>
      </c>
      <c r="G1393" s="8" t="s">
        <v>16288</v>
      </c>
      <c r="H1393" s="8" t="s">
        <v>16289</v>
      </c>
      <c r="I1393" s="11">
        <v>43576</v>
      </c>
      <c r="J1393" s="11">
        <v>43576</v>
      </c>
      <c r="K1393" s="11">
        <v>45777</v>
      </c>
    </row>
    <row r="1394" spans="1:11" x14ac:dyDescent="0.4">
      <c r="A1394" s="8" t="s">
        <v>11818</v>
      </c>
      <c r="B1394" s="8" t="s">
        <v>2044</v>
      </c>
      <c r="C1394" s="9" t="s">
        <v>16290</v>
      </c>
      <c r="D1394" s="9" t="s">
        <v>16291</v>
      </c>
      <c r="E1394" s="10"/>
      <c r="F1394" s="10"/>
      <c r="G1394" s="8"/>
      <c r="H1394" s="8" t="s">
        <v>16292</v>
      </c>
      <c r="I1394" s="11">
        <v>43560</v>
      </c>
      <c r="J1394" s="11">
        <v>43560</v>
      </c>
      <c r="K1394" s="11">
        <v>45747</v>
      </c>
    </row>
    <row r="1395" spans="1:11" x14ac:dyDescent="0.4">
      <c r="A1395" s="8" t="s">
        <v>11818</v>
      </c>
      <c r="B1395" s="8" t="s">
        <v>3083</v>
      </c>
      <c r="C1395" s="9" t="s">
        <v>16293</v>
      </c>
      <c r="D1395" s="9" t="s">
        <v>16294</v>
      </c>
      <c r="E1395" s="10"/>
      <c r="F1395" s="10" t="s">
        <v>14044</v>
      </c>
      <c r="G1395" s="8" t="s">
        <v>14045</v>
      </c>
      <c r="H1395" s="8" t="s">
        <v>16295</v>
      </c>
      <c r="I1395" s="11">
        <v>43560</v>
      </c>
      <c r="J1395" s="11">
        <v>43560</v>
      </c>
      <c r="K1395" s="11">
        <v>46477</v>
      </c>
    </row>
    <row r="1396" spans="1:11" x14ac:dyDescent="0.4">
      <c r="A1396" s="8" t="s">
        <v>11818</v>
      </c>
      <c r="B1396" s="8" t="s">
        <v>48</v>
      </c>
      <c r="C1396" s="9" t="s">
        <v>16296</v>
      </c>
      <c r="D1396" s="9" t="s">
        <v>12479</v>
      </c>
      <c r="E1396" s="10" t="s">
        <v>16297</v>
      </c>
      <c r="F1396" s="10"/>
      <c r="G1396" s="8"/>
      <c r="H1396" s="8" t="s">
        <v>16298</v>
      </c>
      <c r="I1396" s="11">
        <v>43560</v>
      </c>
      <c r="J1396" s="11">
        <v>43560</v>
      </c>
      <c r="K1396" s="11">
        <v>45930</v>
      </c>
    </row>
    <row r="1397" spans="1:11" x14ac:dyDescent="0.4">
      <c r="A1397" s="8" t="s">
        <v>11818</v>
      </c>
      <c r="B1397" s="8" t="s">
        <v>2044</v>
      </c>
      <c r="C1397" s="9" t="s">
        <v>16299</v>
      </c>
      <c r="D1397" s="9" t="s">
        <v>16300</v>
      </c>
      <c r="E1397" s="10"/>
      <c r="F1397" s="10" t="s">
        <v>12787</v>
      </c>
      <c r="G1397" s="8" t="s">
        <v>12788</v>
      </c>
      <c r="H1397" s="8" t="s">
        <v>16301</v>
      </c>
      <c r="I1397" s="11">
        <v>43575</v>
      </c>
      <c r="J1397" s="11">
        <v>43575</v>
      </c>
      <c r="K1397" s="11">
        <v>46112</v>
      </c>
    </row>
    <row r="1398" spans="1:11" x14ac:dyDescent="0.4">
      <c r="A1398" s="8" t="s">
        <v>11818</v>
      </c>
      <c r="B1398" s="8" t="s">
        <v>5454</v>
      </c>
      <c r="C1398" s="9" t="s">
        <v>16302</v>
      </c>
      <c r="D1398" s="9" t="s">
        <v>15163</v>
      </c>
      <c r="E1398" s="10" t="s">
        <v>16303</v>
      </c>
      <c r="F1398" s="10" t="s">
        <v>16304</v>
      </c>
      <c r="G1398" s="8" t="s">
        <v>16305</v>
      </c>
      <c r="H1398" s="8" t="s">
        <v>16306</v>
      </c>
      <c r="I1398" s="11">
        <v>43565</v>
      </c>
      <c r="J1398" s="11">
        <v>43565</v>
      </c>
      <c r="K1398" s="11">
        <v>45991</v>
      </c>
    </row>
    <row r="1399" spans="1:11" x14ac:dyDescent="0.4">
      <c r="A1399" s="8" t="s">
        <v>11818</v>
      </c>
      <c r="B1399" s="8" t="s">
        <v>633</v>
      </c>
      <c r="C1399" s="9" t="s">
        <v>16307</v>
      </c>
      <c r="D1399" s="9" t="s">
        <v>16308</v>
      </c>
      <c r="E1399" s="10"/>
      <c r="F1399" s="10" t="s">
        <v>16309</v>
      </c>
      <c r="G1399" s="8" t="s">
        <v>16310</v>
      </c>
      <c r="H1399" s="8" t="s">
        <v>16311</v>
      </c>
      <c r="I1399" s="11">
        <v>43566</v>
      </c>
      <c r="J1399" s="11">
        <v>43566</v>
      </c>
      <c r="K1399" s="11">
        <v>45777</v>
      </c>
    </row>
    <row r="1400" spans="1:11" x14ac:dyDescent="0.4">
      <c r="A1400" s="8" t="s">
        <v>11818</v>
      </c>
      <c r="B1400" s="8" t="s">
        <v>48</v>
      </c>
      <c r="C1400" s="9" t="s">
        <v>16312</v>
      </c>
      <c r="D1400" s="9" t="s">
        <v>16313</v>
      </c>
      <c r="E1400" s="10"/>
      <c r="F1400" s="10"/>
      <c r="G1400" s="8"/>
      <c r="H1400" s="8" t="s">
        <v>16314</v>
      </c>
      <c r="I1400" s="11">
        <v>43566</v>
      </c>
      <c r="J1400" s="11">
        <v>43566</v>
      </c>
      <c r="K1400" s="11">
        <v>45747</v>
      </c>
    </row>
    <row r="1401" spans="1:11" x14ac:dyDescent="0.4">
      <c r="A1401" s="8" t="s">
        <v>11818</v>
      </c>
      <c r="B1401" s="8" t="s">
        <v>633</v>
      </c>
      <c r="C1401" s="9" t="s">
        <v>16315</v>
      </c>
      <c r="D1401" s="9" t="s">
        <v>16316</v>
      </c>
      <c r="E1401" s="10"/>
      <c r="F1401" s="10"/>
      <c r="G1401" s="8"/>
      <c r="H1401" s="8" t="s">
        <v>16317</v>
      </c>
      <c r="I1401" s="11">
        <v>43566</v>
      </c>
      <c r="J1401" s="11">
        <v>43566</v>
      </c>
      <c r="K1401" s="11">
        <v>45473</v>
      </c>
    </row>
    <row r="1402" spans="1:11" x14ac:dyDescent="0.4">
      <c r="A1402" s="8" t="s">
        <v>11818</v>
      </c>
      <c r="B1402" s="8" t="s">
        <v>3441</v>
      </c>
      <c r="C1402" s="9" t="s">
        <v>11680</v>
      </c>
      <c r="D1402" s="9" t="s">
        <v>11580</v>
      </c>
      <c r="E1402" s="10"/>
      <c r="F1402" s="10" t="s">
        <v>11581</v>
      </c>
      <c r="G1402" s="8" t="s">
        <v>11582</v>
      </c>
      <c r="H1402" s="8" t="s">
        <v>16318</v>
      </c>
      <c r="I1402" s="11">
        <v>43570</v>
      </c>
      <c r="J1402" s="11">
        <v>43570</v>
      </c>
      <c r="K1402" s="11">
        <v>46295</v>
      </c>
    </row>
    <row r="1403" spans="1:11" x14ac:dyDescent="0.4">
      <c r="A1403" s="8" t="s">
        <v>11818</v>
      </c>
      <c r="B1403" s="8" t="s">
        <v>633</v>
      </c>
      <c r="C1403" s="9" t="s">
        <v>16319</v>
      </c>
      <c r="D1403" s="9" t="s">
        <v>16320</v>
      </c>
      <c r="E1403" s="10"/>
      <c r="F1403" s="10" t="s">
        <v>3944</v>
      </c>
      <c r="G1403" s="8" t="s">
        <v>13953</v>
      </c>
      <c r="H1403" s="8" t="s">
        <v>16321</v>
      </c>
      <c r="I1403" s="11">
        <v>43586</v>
      </c>
      <c r="J1403" s="11">
        <v>43586</v>
      </c>
      <c r="K1403" s="11">
        <v>45777</v>
      </c>
    </row>
    <row r="1404" spans="1:11" x14ac:dyDescent="0.4">
      <c r="A1404" s="8" t="s">
        <v>11818</v>
      </c>
      <c r="B1404" s="8" t="s">
        <v>2044</v>
      </c>
      <c r="C1404" s="9" t="s">
        <v>16322</v>
      </c>
      <c r="D1404" s="9" t="s">
        <v>16323</v>
      </c>
      <c r="E1404" s="10"/>
      <c r="F1404" s="10" t="s">
        <v>16324</v>
      </c>
      <c r="G1404" s="8" t="s">
        <v>16325</v>
      </c>
      <c r="H1404" s="8" t="s">
        <v>16326</v>
      </c>
      <c r="I1404" s="11">
        <v>43576</v>
      </c>
      <c r="J1404" s="11">
        <v>43576</v>
      </c>
      <c r="K1404" s="11">
        <v>45747</v>
      </c>
    </row>
    <row r="1405" spans="1:11" x14ac:dyDescent="0.4">
      <c r="A1405" s="8" t="s">
        <v>11818</v>
      </c>
      <c r="B1405" s="8" t="s">
        <v>48</v>
      </c>
      <c r="C1405" s="9" t="s">
        <v>2380</v>
      </c>
      <c r="D1405" s="9" t="s">
        <v>16327</v>
      </c>
      <c r="E1405" s="10"/>
      <c r="F1405" s="10"/>
      <c r="G1405" s="8"/>
      <c r="H1405" s="8" t="s">
        <v>16328</v>
      </c>
      <c r="I1405" s="11">
        <v>43571</v>
      </c>
      <c r="J1405" s="11">
        <v>43571</v>
      </c>
      <c r="K1405" s="11">
        <v>45777</v>
      </c>
    </row>
    <row r="1406" spans="1:11" x14ac:dyDescent="0.4">
      <c r="A1406" s="8" t="s">
        <v>11818</v>
      </c>
      <c r="B1406" s="8" t="s">
        <v>3441</v>
      </c>
      <c r="C1406" s="9" t="s">
        <v>16329</v>
      </c>
      <c r="D1406" s="9" t="s">
        <v>16330</v>
      </c>
      <c r="E1406" s="10"/>
      <c r="F1406" s="10" t="s">
        <v>16331</v>
      </c>
      <c r="G1406" s="8" t="s">
        <v>16332</v>
      </c>
      <c r="H1406" s="8" t="s">
        <v>16333</v>
      </c>
      <c r="I1406" s="11">
        <v>43574</v>
      </c>
      <c r="J1406" s="11">
        <v>43574</v>
      </c>
      <c r="K1406" s="11">
        <v>45961</v>
      </c>
    </row>
    <row r="1407" spans="1:11" x14ac:dyDescent="0.4">
      <c r="A1407" s="8" t="s">
        <v>11818</v>
      </c>
      <c r="B1407" s="8" t="s">
        <v>793</v>
      </c>
      <c r="C1407" s="9" t="s">
        <v>16334</v>
      </c>
      <c r="D1407" s="9" t="s">
        <v>16335</v>
      </c>
      <c r="E1407" s="10"/>
      <c r="F1407" s="10" t="s">
        <v>16336</v>
      </c>
      <c r="G1407" s="8" t="s">
        <v>16337</v>
      </c>
      <c r="H1407" s="8" t="s">
        <v>16338</v>
      </c>
      <c r="I1407" s="11">
        <v>43580</v>
      </c>
      <c r="J1407" s="11">
        <v>43580</v>
      </c>
      <c r="K1407" s="11">
        <v>46112</v>
      </c>
    </row>
    <row r="1408" spans="1:11" x14ac:dyDescent="0.4">
      <c r="A1408" s="8" t="s">
        <v>11818</v>
      </c>
      <c r="B1408" s="8" t="s">
        <v>9278</v>
      </c>
      <c r="C1408" s="9" t="s">
        <v>11687</v>
      </c>
      <c r="D1408" s="9" t="s">
        <v>11688</v>
      </c>
      <c r="E1408" s="10"/>
      <c r="F1408" s="10" t="s">
        <v>11689</v>
      </c>
      <c r="G1408" s="8" t="s">
        <v>11690</v>
      </c>
      <c r="H1408" s="8" t="s">
        <v>16339</v>
      </c>
      <c r="I1408" s="11">
        <v>43578</v>
      </c>
      <c r="J1408" s="11">
        <v>43578</v>
      </c>
      <c r="K1408" s="11">
        <v>45991</v>
      </c>
    </row>
    <row r="1409" spans="1:11" x14ac:dyDescent="0.4">
      <c r="A1409" s="8" t="s">
        <v>11818</v>
      </c>
      <c r="B1409" s="8" t="s">
        <v>48</v>
      </c>
      <c r="C1409" s="9" t="s">
        <v>3606</v>
      </c>
      <c r="D1409" s="9" t="s">
        <v>16340</v>
      </c>
      <c r="E1409" s="10"/>
      <c r="F1409" s="10"/>
      <c r="G1409" s="8"/>
      <c r="H1409" s="8" t="s">
        <v>16341</v>
      </c>
      <c r="I1409" s="11">
        <v>43579</v>
      </c>
      <c r="J1409" s="11">
        <v>43579</v>
      </c>
      <c r="K1409" s="11">
        <v>45961</v>
      </c>
    </row>
    <row r="1410" spans="1:11" x14ac:dyDescent="0.4">
      <c r="A1410" s="8" t="s">
        <v>11818</v>
      </c>
      <c r="B1410" s="8" t="s">
        <v>48</v>
      </c>
      <c r="C1410" s="9" t="s">
        <v>16342</v>
      </c>
      <c r="D1410" s="9" t="s">
        <v>15750</v>
      </c>
      <c r="E1410" s="10" t="s">
        <v>15759</v>
      </c>
      <c r="F1410" s="10"/>
      <c r="G1410" s="8"/>
      <c r="H1410" s="8" t="s">
        <v>16343</v>
      </c>
      <c r="I1410" s="11">
        <v>43580</v>
      </c>
      <c r="J1410" s="11">
        <v>43580</v>
      </c>
      <c r="K1410" s="11">
        <v>45808</v>
      </c>
    </row>
    <row r="1411" spans="1:11" x14ac:dyDescent="0.4">
      <c r="A1411" s="8" t="s">
        <v>11818</v>
      </c>
      <c r="B1411" s="8" t="s">
        <v>48</v>
      </c>
      <c r="C1411" s="9" t="s">
        <v>16344</v>
      </c>
      <c r="D1411" s="9" t="s">
        <v>12121</v>
      </c>
      <c r="E1411" s="10"/>
      <c r="F1411" s="10"/>
      <c r="G1411" s="8"/>
      <c r="H1411" s="8" t="s">
        <v>16345</v>
      </c>
      <c r="I1411" s="11">
        <v>43580</v>
      </c>
      <c r="J1411" s="11">
        <v>43580</v>
      </c>
      <c r="K1411" s="11">
        <v>45565</v>
      </c>
    </row>
    <row r="1412" spans="1:11" x14ac:dyDescent="0.4">
      <c r="A1412" s="8" t="s">
        <v>11818</v>
      </c>
      <c r="B1412" s="8" t="s">
        <v>633</v>
      </c>
      <c r="C1412" s="9" t="s">
        <v>16346</v>
      </c>
      <c r="D1412" s="9" t="s">
        <v>16347</v>
      </c>
      <c r="E1412" s="10"/>
      <c r="F1412" s="10" t="s">
        <v>16348</v>
      </c>
      <c r="G1412" s="8" t="s">
        <v>16349</v>
      </c>
      <c r="H1412" s="8" t="s">
        <v>16350</v>
      </c>
      <c r="I1412" s="11">
        <v>43580</v>
      </c>
      <c r="J1412" s="11">
        <v>43580</v>
      </c>
      <c r="K1412" s="11">
        <v>45777</v>
      </c>
    </row>
    <row r="1413" spans="1:11" x14ac:dyDescent="0.4">
      <c r="A1413" s="8" t="s">
        <v>11818</v>
      </c>
      <c r="B1413" s="8" t="s">
        <v>633</v>
      </c>
      <c r="C1413" s="9" t="s">
        <v>16351</v>
      </c>
      <c r="D1413" s="9" t="s">
        <v>16352</v>
      </c>
      <c r="E1413" s="10"/>
      <c r="F1413" s="10" t="s">
        <v>16348</v>
      </c>
      <c r="G1413" s="8" t="s">
        <v>16349</v>
      </c>
      <c r="H1413" s="8" t="s">
        <v>16353</v>
      </c>
      <c r="I1413" s="11">
        <v>43580</v>
      </c>
      <c r="J1413" s="11">
        <v>43580</v>
      </c>
      <c r="K1413" s="11">
        <v>46112</v>
      </c>
    </row>
    <row r="1414" spans="1:11" x14ac:dyDescent="0.4">
      <c r="A1414" s="8" t="s">
        <v>11818</v>
      </c>
      <c r="B1414" s="8" t="s">
        <v>48</v>
      </c>
      <c r="C1414" s="9" t="s">
        <v>16354</v>
      </c>
      <c r="D1414" s="9" t="s">
        <v>15521</v>
      </c>
      <c r="E1414" s="10" t="s">
        <v>16355</v>
      </c>
      <c r="F1414" s="10" t="s">
        <v>5228</v>
      </c>
      <c r="G1414" s="8" t="s">
        <v>16356</v>
      </c>
      <c r="H1414" s="8" t="s">
        <v>16357</v>
      </c>
      <c r="I1414" s="11">
        <v>43581</v>
      </c>
      <c r="J1414" s="11">
        <v>43581</v>
      </c>
      <c r="K1414" s="11">
        <v>45991</v>
      </c>
    </row>
    <row r="1415" spans="1:11" x14ac:dyDescent="0.4">
      <c r="A1415" s="8" t="s">
        <v>11818</v>
      </c>
      <c r="B1415" s="8" t="s">
        <v>698</v>
      </c>
      <c r="C1415" s="9" t="s">
        <v>16358</v>
      </c>
      <c r="D1415" s="9" t="s">
        <v>16359</v>
      </c>
      <c r="E1415" s="10"/>
      <c r="F1415" s="10"/>
      <c r="G1415" s="8"/>
      <c r="H1415" s="8" t="s">
        <v>16360</v>
      </c>
      <c r="I1415" s="11">
        <v>43586</v>
      </c>
      <c r="J1415" s="11">
        <v>43586</v>
      </c>
      <c r="K1415" s="11">
        <v>46112</v>
      </c>
    </row>
    <row r="1416" spans="1:11" x14ac:dyDescent="0.4">
      <c r="A1416" s="8" t="s">
        <v>11818</v>
      </c>
      <c r="B1416" s="8" t="s">
        <v>48</v>
      </c>
      <c r="C1416" s="9" t="s">
        <v>16361</v>
      </c>
      <c r="D1416" s="9" t="s">
        <v>16362</v>
      </c>
      <c r="E1416" s="10" t="s">
        <v>16363</v>
      </c>
      <c r="F1416" s="10" t="s">
        <v>16364</v>
      </c>
      <c r="G1416" s="8" t="s">
        <v>16365</v>
      </c>
      <c r="H1416" s="8" t="s">
        <v>16366</v>
      </c>
      <c r="I1416" s="11">
        <v>43586</v>
      </c>
      <c r="J1416" s="11">
        <v>43586</v>
      </c>
      <c r="K1416" s="11">
        <v>45991</v>
      </c>
    </row>
    <row r="1417" spans="1:11" x14ac:dyDescent="0.4">
      <c r="A1417" s="8" t="s">
        <v>11818</v>
      </c>
      <c r="B1417" s="8" t="s">
        <v>48</v>
      </c>
      <c r="C1417" s="9" t="s">
        <v>16367</v>
      </c>
      <c r="D1417" s="9" t="s">
        <v>16368</v>
      </c>
      <c r="E1417" s="10" t="s">
        <v>16369</v>
      </c>
      <c r="F1417" s="10"/>
      <c r="G1417" s="8"/>
      <c r="H1417" s="8" t="s">
        <v>16370</v>
      </c>
      <c r="I1417" s="11">
        <v>43586</v>
      </c>
      <c r="J1417" s="11">
        <v>43586</v>
      </c>
      <c r="K1417" s="11">
        <v>45565</v>
      </c>
    </row>
    <row r="1418" spans="1:11" x14ac:dyDescent="0.4">
      <c r="A1418" s="8" t="s">
        <v>11818</v>
      </c>
      <c r="B1418" s="8" t="s">
        <v>633</v>
      </c>
      <c r="C1418" s="9" t="s">
        <v>16371</v>
      </c>
      <c r="D1418" s="9" t="s">
        <v>16368</v>
      </c>
      <c r="E1418" s="10" t="s">
        <v>16369</v>
      </c>
      <c r="F1418" s="10"/>
      <c r="G1418" s="8"/>
      <c r="H1418" s="8" t="s">
        <v>16372</v>
      </c>
      <c r="I1418" s="11">
        <v>43586</v>
      </c>
      <c r="J1418" s="11">
        <v>43586</v>
      </c>
      <c r="K1418" s="11">
        <v>45565</v>
      </c>
    </row>
    <row r="1419" spans="1:11" x14ac:dyDescent="0.4">
      <c r="A1419" s="8" t="s">
        <v>11818</v>
      </c>
      <c r="B1419" s="8" t="s">
        <v>48</v>
      </c>
      <c r="C1419" s="9" t="s">
        <v>16373</v>
      </c>
      <c r="D1419" s="9" t="s">
        <v>16374</v>
      </c>
      <c r="E1419" s="10"/>
      <c r="F1419" s="10"/>
      <c r="G1419" s="8"/>
      <c r="H1419" s="8" t="s">
        <v>16375</v>
      </c>
      <c r="I1419" s="11">
        <v>43593</v>
      </c>
      <c r="J1419" s="11">
        <v>43593</v>
      </c>
      <c r="K1419" s="11">
        <v>45930</v>
      </c>
    </row>
    <row r="1420" spans="1:11" x14ac:dyDescent="0.4">
      <c r="A1420" s="8" t="s">
        <v>11818</v>
      </c>
      <c r="B1420" s="8" t="s">
        <v>48</v>
      </c>
      <c r="C1420" s="9" t="s">
        <v>16376</v>
      </c>
      <c r="D1420" s="9" t="s">
        <v>16377</v>
      </c>
      <c r="E1420" s="10" t="s">
        <v>16378</v>
      </c>
      <c r="F1420" s="10"/>
      <c r="G1420" s="8"/>
      <c r="H1420" s="8" t="s">
        <v>16379</v>
      </c>
      <c r="I1420" s="11">
        <v>43595</v>
      </c>
      <c r="J1420" s="11">
        <v>43595</v>
      </c>
      <c r="K1420" s="11">
        <v>45626</v>
      </c>
    </row>
    <row r="1421" spans="1:11" x14ac:dyDescent="0.4">
      <c r="A1421" s="8" t="s">
        <v>11818</v>
      </c>
      <c r="B1421" s="8" t="s">
        <v>48</v>
      </c>
      <c r="C1421" s="9" t="s">
        <v>16380</v>
      </c>
      <c r="D1421" s="9" t="s">
        <v>16381</v>
      </c>
      <c r="E1421" s="10"/>
      <c r="F1421" s="10"/>
      <c r="G1421" s="8"/>
      <c r="H1421" s="8" t="s">
        <v>16382</v>
      </c>
      <c r="I1421" s="11">
        <v>43617</v>
      </c>
      <c r="J1421" s="11">
        <v>43617</v>
      </c>
      <c r="K1421" s="11">
        <v>45808</v>
      </c>
    </row>
    <row r="1422" spans="1:11" x14ac:dyDescent="0.4">
      <c r="A1422" s="8" t="s">
        <v>11818</v>
      </c>
      <c r="B1422" s="8" t="s">
        <v>48</v>
      </c>
      <c r="C1422" s="9" t="s">
        <v>16383</v>
      </c>
      <c r="D1422" s="9" t="s">
        <v>16384</v>
      </c>
      <c r="E1422" s="10" t="s">
        <v>16385</v>
      </c>
      <c r="F1422" s="10"/>
      <c r="G1422" s="8"/>
      <c r="H1422" s="8" t="s">
        <v>16386</v>
      </c>
      <c r="I1422" s="11">
        <v>43601</v>
      </c>
      <c r="J1422" s="11">
        <v>43601</v>
      </c>
      <c r="K1422" s="11">
        <v>46142</v>
      </c>
    </row>
    <row r="1423" spans="1:11" x14ac:dyDescent="0.4">
      <c r="A1423" s="8" t="s">
        <v>11818</v>
      </c>
      <c r="B1423" s="8" t="s">
        <v>633</v>
      </c>
      <c r="C1423" s="9" t="s">
        <v>16387</v>
      </c>
      <c r="D1423" s="9" t="s">
        <v>12470</v>
      </c>
      <c r="E1423" s="10"/>
      <c r="F1423" s="10" t="s">
        <v>12471</v>
      </c>
      <c r="G1423" s="8" t="s">
        <v>12472</v>
      </c>
      <c r="H1423" s="8" t="s">
        <v>16388</v>
      </c>
      <c r="I1423" s="11">
        <v>43611</v>
      </c>
      <c r="J1423" s="11">
        <v>43611</v>
      </c>
      <c r="K1423" s="11">
        <v>46112</v>
      </c>
    </row>
    <row r="1424" spans="1:11" x14ac:dyDescent="0.4">
      <c r="A1424" s="8" t="s">
        <v>11818</v>
      </c>
      <c r="B1424" s="8" t="s">
        <v>633</v>
      </c>
      <c r="C1424" s="9" t="s">
        <v>16389</v>
      </c>
      <c r="D1424" s="9" t="s">
        <v>16390</v>
      </c>
      <c r="E1424" s="10"/>
      <c r="F1424" s="10" t="s">
        <v>13445</v>
      </c>
      <c r="G1424" s="8" t="s">
        <v>13446</v>
      </c>
      <c r="H1424" s="8" t="s">
        <v>16391</v>
      </c>
      <c r="I1424" s="11">
        <v>43609</v>
      </c>
      <c r="J1424" s="11">
        <v>43609</v>
      </c>
      <c r="K1424" s="11">
        <v>46142</v>
      </c>
    </row>
    <row r="1425" spans="1:11" x14ac:dyDescent="0.4">
      <c r="A1425" s="8" t="s">
        <v>11818</v>
      </c>
      <c r="B1425" s="8" t="s">
        <v>2044</v>
      </c>
      <c r="C1425" s="9" t="s">
        <v>16392</v>
      </c>
      <c r="D1425" s="9" t="s">
        <v>14569</v>
      </c>
      <c r="E1425" s="10"/>
      <c r="F1425" s="10"/>
      <c r="G1425" s="8"/>
      <c r="H1425" s="8" t="s">
        <v>16393</v>
      </c>
      <c r="I1425" s="11">
        <v>43609</v>
      </c>
      <c r="J1425" s="11">
        <v>43609</v>
      </c>
      <c r="K1425" s="11">
        <v>46112</v>
      </c>
    </row>
    <row r="1426" spans="1:11" x14ac:dyDescent="0.4">
      <c r="A1426" s="8" t="s">
        <v>11818</v>
      </c>
      <c r="B1426" s="8" t="s">
        <v>48</v>
      </c>
      <c r="C1426" s="9" t="s">
        <v>16394</v>
      </c>
      <c r="D1426" s="9" t="s">
        <v>16395</v>
      </c>
      <c r="E1426" s="10" t="s">
        <v>16396</v>
      </c>
      <c r="F1426" s="10" t="s">
        <v>16397</v>
      </c>
      <c r="G1426" s="8" t="s">
        <v>16398</v>
      </c>
      <c r="H1426" s="8" t="s">
        <v>16399</v>
      </c>
      <c r="I1426" s="11">
        <v>43613</v>
      </c>
      <c r="J1426" s="11">
        <v>43612</v>
      </c>
      <c r="K1426" s="11">
        <v>45808</v>
      </c>
    </row>
    <row r="1427" spans="1:11" x14ac:dyDescent="0.4">
      <c r="A1427" s="8" t="s">
        <v>11818</v>
      </c>
      <c r="B1427" s="8" t="s">
        <v>633</v>
      </c>
      <c r="C1427" s="9" t="s">
        <v>16400</v>
      </c>
      <c r="D1427" s="9" t="s">
        <v>16401</v>
      </c>
      <c r="E1427" s="10"/>
      <c r="F1427" s="10" t="s">
        <v>11952</v>
      </c>
      <c r="G1427" s="8" t="s">
        <v>11953</v>
      </c>
      <c r="H1427" s="8" t="s">
        <v>16402</v>
      </c>
      <c r="I1427" s="11">
        <v>43617</v>
      </c>
      <c r="J1427" s="11">
        <v>43617</v>
      </c>
      <c r="K1427" s="11">
        <v>46112</v>
      </c>
    </row>
    <row r="1428" spans="1:11" x14ac:dyDescent="0.4">
      <c r="A1428" s="8" t="s">
        <v>11818</v>
      </c>
      <c r="B1428" s="8" t="s">
        <v>48</v>
      </c>
      <c r="C1428" s="9" t="s">
        <v>16403</v>
      </c>
      <c r="D1428" s="9" t="s">
        <v>16404</v>
      </c>
      <c r="E1428" s="10" t="s">
        <v>16405</v>
      </c>
      <c r="F1428" s="10" t="s">
        <v>16406</v>
      </c>
      <c r="G1428" s="8" t="s">
        <v>16407</v>
      </c>
      <c r="H1428" s="8" t="s">
        <v>16408</v>
      </c>
      <c r="I1428" s="11">
        <v>43615</v>
      </c>
      <c r="J1428" s="11">
        <v>43615</v>
      </c>
      <c r="K1428" s="11">
        <v>45808</v>
      </c>
    </row>
    <row r="1429" spans="1:11" x14ac:dyDescent="0.4">
      <c r="A1429" s="8" t="s">
        <v>11818</v>
      </c>
      <c r="B1429" s="8" t="s">
        <v>698</v>
      </c>
      <c r="C1429" s="9" t="s">
        <v>16409</v>
      </c>
      <c r="D1429" s="9" t="s">
        <v>16410</v>
      </c>
      <c r="E1429" s="10"/>
      <c r="F1429" s="10" t="s">
        <v>16411</v>
      </c>
      <c r="G1429" s="8" t="s">
        <v>16412</v>
      </c>
      <c r="H1429" s="8" t="s">
        <v>16413</v>
      </c>
      <c r="I1429" s="11">
        <v>43616</v>
      </c>
      <c r="J1429" s="11">
        <v>43616</v>
      </c>
      <c r="K1429" s="11">
        <v>45961</v>
      </c>
    </row>
    <row r="1430" spans="1:11" x14ac:dyDescent="0.4">
      <c r="A1430" s="8" t="s">
        <v>11818</v>
      </c>
      <c r="B1430" s="8" t="s">
        <v>633</v>
      </c>
      <c r="C1430" s="9" t="s">
        <v>16414</v>
      </c>
      <c r="D1430" s="9" t="s">
        <v>16415</v>
      </c>
      <c r="E1430" s="10"/>
      <c r="F1430" s="10" t="s">
        <v>16416</v>
      </c>
      <c r="G1430" s="8" t="s">
        <v>16417</v>
      </c>
      <c r="H1430" s="8" t="s">
        <v>16418</v>
      </c>
      <c r="I1430" s="11">
        <v>43620</v>
      </c>
      <c r="J1430" s="11">
        <v>43620</v>
      </c>
      <c r="K1430" s="11">
        <v>46142</v>
      </c>
    </row>
    <row r="1431" spans="1:11" x14ac:dyDescent="0.4">
      <c r="A1431" s="8" t="s">
        <v>11818</v>
      </c>
      <c r="B1431" s="8" t="s">
        <v>48</v>
      </c>
      <c r="C1431" s="9" t="s">
        <v>16419</v>
      </c>
      <c r="D1431" s="9" t="s">
        <v>14366</v>
      </c>
      <c r="E1431" s="10" t="s">
        <v>16420</v>
      </c>
      <c r="F1431" s="10"/>
      <c r="G1431" s="8"/>
      <c r="H1431" s="8" t="s">
        <v>16421</v>
      </c>
      <c r="I1431" s="11">
        <v>43620</v>
      </c>
      <c r="J1431" s="11">
        <v>43620</v>
      </c>
      <c r="K1431" s="11">
        <v>45626</v>
      </c>
    </row>
    <row r="1432" spans="1:11" x14ac:dyDescent="0.4">
      <c r="A1432" s="8" t="s">
        <v>11818</v>
      </c>
      <c r="B1432" s="8" t="s">
        <v>633</v>
      </c>
      <c r="C1432" s="9" t="s">
        <v>16422</v>
      </c>
      <c r="D1432" s="9" t="s">
        <v>16423</v>
      </c>
      <c r="E1432" s="10"/>
      <c r="F1432" s="10"/>
      <c r="G1432" s="8"/>
      <c r="H1432" s="8" t="s">
        <v>16424</v>
      </c>
      <c r="I1432" s="11">
        <v>43622</v>
      </c>
      <c r="J1432" s="11">
        <v>43622</v>
      </c>
      <c r="K1432" s="11">
        <v>46142</v>
      </c>
    </row>
    <row r="1433" spans="1:11" x14ac:dyDescent="0.4">
      <c r="A1433" s="8" t="s">
        <v>11818</v>
      </c>
      <c r="B1433" s="8" t="s">
        <v>633</v>
      </c>
      <c r="C1433" s="9" t="s">
        <v>16425</v>
      </c>
      <c r="D1433" s="9" t="s">
        <v>16426</v>
      </c>
      <c r="E1433" s="10"/>
      <c r="F1433" s="10"/>
      <c r="G1433" s="8"/>
      <c r="H1433" s="8" t="s">
        <v>16427</v>
      </c>
      <c r="I1433" s="11">
        <v>43622</v>
      </c>
      <c r="J1433" s="11">
        <v>43622</v>
      </c>
      <c r="K1433" s="11">
        <v>45961</v>
      </c>
    </row>
    <row r="1434" spans="1:11" x14ac:dyDescent="0.4">
      <c r="A1434" s="8" t="s">
        <v>11818</v>
      </c>
      <c r="B1434" s="8" t="s">
        <v>48</v>
      </c>
      <c r="C1434" s="9" t="s">
        <v>16428</v>
      </c>
      <c r="D1434" s="9" t="s">
        <v>16429</v>
      </c>
      <c r="E1434" s="10" t="s">
        <v>16430</v>
      </c>
      <c r="F1434" s="10"/>
      <c r="G1434" s="8"/>
      <c r="H1434" s="8" t="s">
        <v>16431</v>
      </c>
      <c r="I1434" s="11">
        <v>43623</v>
      </c>
      <c r="J1434" s="11">
        <v>43623</v>
      </c>
      <c r="K1434" s="11">
        <v>45991</v>
      </c>
    </row>
    <row r="1435" spans="1:11" x14ac:dyDescent="0.4">
      <c r="A1435" s="8" t="s">
        <v>11818</v>
      </c>
      <c r="B1435" s="8" t="s">
        <v>5454</v>
      </c>
      <c r="C1435" s="9" t="s">
        <v>16432</v>
      </c>
      <c r="D1435" s="9" t="s">
        <v>12599</v>
      </c>
      <c r="E1435" s="10" t="s">
        <v>16433</v>
      </c>
      <c r="F1435" s="10"/>
      <c r="G1435" s="8"/>
      <c r="H1435" s="8" t="s">
        <v>16434</v>
      </c>
      <c r="I1435" s="11">
        <v>43626</v>
      </c>
      <c r="J1435" s="11">
        <v>43626</v>
      </c>
      <c r="K1435" s="11">
        <v>45991</v>
      </c>
    </row>
    <row r="1436" spans="1:11" x14ac:dyDescent="0.4">
      <c r="A1436" s="8" t="s">
        <v>11818</v>
      </c>
      <c r="B1436" s="8" t="s">
        <v>48</v>
      </c>
      <c r="C1436" s="9" t="s">
        <v>16435</v>
      </c>
      <c r="D1436" s="9" t="s">
        <v>16436</v>
      </c>
      <c r="E1436" s="10"/>
      <c r="F1436" s="10"/>
      <c r="G1436" s="8"/>
      <c r="H1436" s="8" t="s">
        <v>16437</v>
      </c>
      <c r="I1436" s="11">
        <v>43627</v>
      </c>
      <c r="J1436" s="11">
        <v>43627</v>
      </c>
      <c r="K1436" s="11">
        <v>45747</v>
      </c>
    </row>
    <row r="1437" spans="1:11" x14ac:dyDescent="0.4">
      <c r="A1437" s="8" t="s">
        <v>11818</v>
      </c>
      <c r="B1437" s="8" t="s">
        <v>48</v>
      </c>
      <c r="C1437" s="9" t="s">
        <v>16438</v>
      </c>
      <c r="D1437" s="9" t="s">
        <v>16439</v>
      </c>
      <c r="E1437" s="10"/>
      <c r="F1437" s="10"/>
      <c r="G1437" s="8"/>
      <c r="H1437" s="8" t="s">
        <v>16440</v>
      </c>
      <c r="I1437" s="11">
        <v>43628</v>
      </c>
      <c r="J1437" s="11">
        <v>43994</v>
      </c>
      <c r="K1437" s="11">
        <v>45838</v>
      </c>
    </row>
    <row r="1438" spans="1:11" x14ac:dyDescent="0.4">
      <c r="A1438" s="8" t="s">
        <v>11818</v>
      </c>
      <c r="B1438" s="8" t="s">
        <v>48</v>
      </c>
      <c r="C1438" s="9" t="s">
        <v>16441</v>
      </c>
      <c r="D1438" s="9" t="s">
        <v>16442</v>
      </c>
      <c r="E1438" s="10"/>
      <c r="F1438" s="10"/>
      <c r="G1438" s="8"/>
      <c r="H1438" s="8" t="s">
        <v>16443</v>
      </c>
      <c r="I1438" s="11">
        <v>43628</v>
      </c>
      <c r="J1438" s="11">
        <v>43628</v>
      </c>
      <c r="K1438" s="11">
        <v>45565</v>
      </c>
    </row>
    <row r="1439" spans="1:11" x14ac:dyDescent="0.4">
      <c r="A1439" s="8" t="s">
        <v>11818</v>
      </c>
      <c r="B1439" s="8" t="s">
        <v>48</v>
      </c>
      <c r="C1439" s="9" t="s">
        <v>16444</v>
      </c>
      <c r="D1439" s="9" t="s">
        <v>16445</v>
      </c>
      <c r="E1439" s="10"/>
      <c r="F1439" s="10"/>
      <c r="G1439" s="8"/>
      <c r="H1439" s="8" t="s">
        <v>16446</v>
      </c>
      <c r="I1439" s="11">
        <v>43634</v>
      </c>
      <c r="J1439" s="11">
        <v>43634</v>
      </c>
      <c r="K1439" s="11">
        <v>45565</v>
      </c>
    </row>
    <row r="1440" spans="1:11" x14ac:dyDescent="0.4">
      <c r="A1440" s="8" t="s">
        <v>11818</v>
      </c>
      <c r="B1440" s="8" t="s">
        <v>633</v>
      </c>
      <c r="C1440" s="9" t="s">
        <v>16447</v>
      </c>
      <c r="D1440" s="9" t="s">
        <v>16448</v>
      </c>
      <c r="E1440" s="10"/>
      <c r="F1440" s="10" t="s">
        <v>16449</v>
      </c>
      <c r="G1440" s="8" t="s">
        <v>16450</v>
      </c>
      <c r="H1440" s="8" t="s">
        <v>16451</v>
      </c>
      <c r="I1440" s="11">
        <v>43635</v>
      </c>
      <c r="J1440" s="11">
        <v>43635</v>
      </c>
      <c r="K1440" s="11">
        <v>46112</v>
      </c>
    </row>
    <row r="1441" spans="1:11" x14ac:dyDescent="0.4">
      <c r="A1441" s="8" t="s">
        <v>11818</v>
      </c>
      <c r="B1441" s="8" t="s">
        <v>633</v>
      </c>
      <c r="C1441" s="9" t="s">
        <v>16452</v>
      </c>
      <c r="D1441" s="9" t="s">
        <v>16453</v>
      </c>
      <c r="E1441" s="10"/>
      <c r="F1441" s="10" t="s">
        <v>16454</v>
      </c>
      <c r="G1441" s="8" t="s">
        <v>16455</v>
      </c>
      <c r="H1441" s="8" t="s">
        <v>16456</v>
      </c>
      <c r="I1441" s="11">
        <v>43647</v>
      </c>
      <c r="J1441" s="11">
        <v>43647</v>
      </c>
      <c r="K1441" s="11">
        <v>46326</v>
      </c>
    </row>
    <row r="1442" spans="1:11" x14ac:dyDescent="0.4">
      <c r="A1442" s="8" t="s">
        <v>11818</v>
      </c>
      <c r="B1442" s="8" t="s">
        <v>1871</v>
      </c>
      <c r="C1442" s="9" t="s">
        <v>16457</v>
      </c>
      <c r="D1442" s="9" t="s">
        <v>1332</v>
      </c>
      <c r="E1442" s="10"/>
      <c r="F1442" s="10"/>
      <c r="G1442" s="8"/>
      <c r="H1442" s="8" t="s">
        <v>16458</v>
      </c>
      <c r="I1442" s="11">
        <v>43638</v>
      </c>
      <c r="J1442" s="11">
        <v>43638</v>
      </c>
      <c r="K1442" s="11">
        <v>45808</v>
      </c>
    </row>
    <row r="1443" spans="1:11" x14ac:dyDescent="0.4">
      <c r="A1443" s="8" t="s">
        <v>11818</v>
      </c>
      <c r="B1443" s="8" t="s">
        <v>48</v>
      </c>
      <c r="C1443" s="9" t="s">
        <v>16459</v>
      </c>
      <c r="D1443" s="9" t="s">
        <v>14260</v>
      </c>
      <c r="E1443" s="10" t="s">
        <v>16460</v>
      </c>
      <c r="F1443" s="10"/>
      <c r="G1443" s="8"/>
      <c r="H1443" s="8" t="s">
        <v>16461</v>
      </c>
      <c r="I1443" s="11">
        <v>43640</v>
      </c>
      <c r="J1443" s="11">
        <v>43640</v>
      </c>
      <c r="K1443" s="11">
        <v>46112</v>
      </c>
    </row>
    <row r="1444" spans="1:11" x14ac:dyDescent="0.4">
      <c r="A1444" s="8" t="s">
        <v>11818</v>
      </c>
      <c r="B1444" s="8" t="s">
        <v>6444</v>
      </c>
      <c r="C1444" s="9" t="s">
        <v>16462</v>
      </c>
      <c r="D1444" s="9" t="s">
        <v>16463</v>
      </c>
      <c r="E1444" s="10"/>
      <c r="F1444" s="10"/>
      <c r="G1444" s="8"/>
      <c r="H1444" s="8" t="s">
        <v>16464</v>
      </c>
      <c r="I1444" s="11">
        <v>43641</v>
      </c>
      <c r="J1444" s="11">
        <v>43641</v>
      </c>
      <c r="K1444" s="11">
        <v>45930</v>
      </c>
    </row>
    <row r="1445" spans="1:11" x14ac:dyDescent="0.4">
      <c r="A1445" s="8" t="s">
        <v>11818</v>
      </c>
      <c r="B1445" s="8" t="s">
        <v>48</v>
      </c>
      <c r="C1445" s="9" t="s">
        <v>16465</v>
      </c>
      <c r="D1445" s="9" t="s">
        <v>14504</v>
      </c>
      <c r="E1445" s="10"/>
      <c r="F1445" s="10"/>
      <c r="G1445" s="8"/>
      <c r="H1445" s="8" t="s">
        <v>16466</v>
      </c>
      <c r="I1445" s="11">
        <v>43642</v>
      </c>
      <c r="J1445" s="11">
        <v>43642</v>
      </c>
      <c r="K1445" s="11">
        <v>45626</v>
      </c>
    </row>
    <row r="1446" spans="1:11" x14ac:dyDescent="0.4">
      <c r="A1446" s="8" t="s">
        <v>11818</v>
      </c>
      <c r="B1446" s="8" t="s">
        <v>48</v>
      </c>
      <c r="C1446" s="9" t="s">
        <v>16467</v>
      </c>
      <c r="D1446" s="9" t="s">
        <v>15220</v>
      </c>
      <c r="E1446" s="10" t="s">
        <v>16468</v>
      </c>
      <c r="F1446" s="10"/>
      <c r="G1446" s="8"/>
      <c r="H1446" s="8" t="s">
        <v>16469</v>
      </c>
      <c r="I1446" s="11">
        <v>43642</v>
      </c>
      <c r="J1446" s="11">
        <v>43642</v>
      </c>
      <c r="K1446" s="11">
        <v>45626</v>
      </c>
    </row>
    <row r="1447" spans="1:11" x14ac:dyDescent="0.4">
      <c r="A1447" s="8" t="s">
        <v>11818</v>
      </c>
      <c r="B1447" s="8" t="s">
        <v>48</v>
      </c>
      <c r="C1447" s="9" t="s">
        <v>16470</v>
      </c>
      <c r="D1447" s="9" t="s">
        <v>16471</v>
      </c>
      <c r="E1447" s="10"/>
      <c r="F1447" s="10"/>
      <c r="G1447" s="8"/>
      <c r="H1447" s="8" t="s">
        <v>16472</v>
      </c>
      <c r="I1447" s="11">
        <v>43643</v>
      </c>
      <c r="J1447" s="11">
        <v>43643</v>
      </c>
      <c r="K1447" s="11">
        <v>46112</v>
      </c>
    </row>
    <row r="1448" spans="1:11" x14ac:dyDescent="0.4">
      <c r="A1448" s="8" t="s">
        <v>11818</v>
      </c>
      <c r="B1448" s="8" t="s">
        <v>9278</v>
      </c>
      <c r="C1448" s="9" t="s">
        <v>16473</v>
      </c>
      <c r="D1448" s="9" t="s">
        <v>16474</v>
      </c>
      <c r="E1448" s="10"/>
      <c r="F1448" s="10"/>
      <c r="G1448" s="8"/>
      <c r="H1448" s="8" t="s">
        <v>16475</v>
      </c>
      <c r="I1448" s="11">
        <v>43648</v>
      </c>
      <c r="J1448" s="11">
        <v>43648</v>
      </c>
      <c r="K1448" s="11">
        <v>45930</v>
      </c>
    </row>
    <row r="1449" spans="1:11" x14ac:dyDescent="0.4">
      <c r="A1449" s="8" t="s">
        <v>11818</v>
      </c>
      <c r="B1449" s="8" t="s">
        <v>698</v>
      </c>
      <c r="C1449" s="9" t="s">
        <v>16476</v>
      </c>
      <c r="D1449" s="9" t="s">
        <v>16477</v>
      </c>
      <c r="E1449" s="10" t="s">
        <v>9657</v>
      </c>
      <c r="F1449" s="10"/>
      <c r="G1449" s="8"/>
      <c r="H1449" s="8" t="s">
        <v>16478</v>
      </c>
      <c r="I1449" s="11">
        <v>43650</v>
      </c>
      <c r="J1449" s="11">
        <v>43650</v>
      </c>
      <c r="K1449" s="11">
        <v>45991</v>
      </c>
    </row>
    <row r="1450" spans="1:11" x14ac:dyDescent="0.4">
      <c r="A1450" s="8" t="s">
        <v>11818</v>
      </c>
      <c r="B1450" s="8" t="s">
        <v>48</v>
      </c>
      <c r="C1450" s="9" t="s">
        <v>16479</v>
      </c>
      <c r="D1450" s="9" t="s">
        <v>16480</v>
      </c>
      <c r="E1450" s="10" t="s">
        <v>16481</v>
      </c>
      <c r="F1450" s="10"/>
      <c r="G1450" s="8"/>
      <c r="H1450" s="8" t="s">
        <v>16482</v>
      </c>
      <c r="I1450" s="11">
        <v>43650</v>
      </c>
      <c r="J1450" s="11">
        <v>43650</v>
      </c>
      <c r="K1450" s="11">
        <v>45991</v>
      </c>
    </row>
    <row r="1451" spans="1:11" x14ac:dyDescent="0.4">
      <c r="A1451" s="8" t="s">
        <v>11818</v>
      </c>
      <c r="B1451" s="8" t="s">
        <v>48</v>
      </c>
      <c r="C1451" s="9" t="s">
        <v>16483</v>
      </c>
      <c r="D1451" s="9" t="s">
        <v>15955</v>
      </c>
      <c r="E1451" s="10" t="s">
        <v>7089</v>
      </c>
      <c r="F1451" s="10"/>
      <c r="G1451" s="8"/>
      <c r="H1451" s="8" t="s">
        <v>16484</v>
      </c>
      <c r="I1451" s="11">
        <v>43655</v>
      </c>
      <c r="J1451" s="11">
        <v>43655</v>
      </c>
      <c r="K1451" s="11">
        <v>45626</v>
      </c>
    </row>
    <row r="1452" spans="1:11" x14ac:dyDescent="0.4">
      <c r="A1452" s="8" t="s">
        <v>11818</v>
      </c>
      <c r="B1452" s="8" t="s">
        <v>633</v>
      </c>
      <c r="C1452" s="9" t="s">
        <v>16485</v>
      </c>
      <c r="D1452" s="9" t="s">
        <v>16486</v>
      </c>
      <c r="E1452" s="10"/>
      <c r="F1452" s="10" t="s">
        <v>5036</v>
      </c>
      <c r="G1452" s="8" t="s">
        <v>16487</v>
      </c>
      <c r="H1452" s="8" t="s">
        <v>16488</v>
      </c>
      <c r="I1452" s="11">
        <v>43655</v>
      </c>
      <c r="J1452" s="11">
        <v>43655</v>
      </c>
      <c r="K1452" s="11">
        <v>46142</v>
      </c>
    </row>
    <row r="1453" spans="1:11" x14ac:dyDescent="0.4">
      <c r="A1453" s="8" t="s">
        <v>11818</v>
      </c>
      <c r="B1453" s="8" t="s">
        <v>633</v>
      </c>
      <c r="C1453" s="9" t="s">
        <v>16489</v>
      </c>
      <c r="D1453" s="9" t="s">
        <v>16490</v>
      </c>
      <c r="E1453" s="10"/>
      <c r="F1453" s="10"/>
      <c r="G1453" s="8"/>
      <c r="H1453" s="8" t="s">
        <v>16491</v>
      </c>
      <c r="I1453" s="11">
        <v>43656</v>
      </c>
      <c r="J1453" s="11">
        <v>43656</v>
      </c>
      <c r="K1453" s="11">
        <v>45838</v>
      </c>
    </row>
    <row r="1454" spans="1:11" x14ac:dyDescent="0.4">
      <c r="A1454" s="8" t="s">
        <v>11818</v>
      </c>
      <c r="B1454" s="8" t="s">
        <v>633</v>
      </c>
      <c r="C1454" s="9" t="s">
        <v>16492</v>
      </c>
      <c r="D1454" s="9" t="s">
        <v>16493</v>
      </c>
      <c r="E1454" s="10"/>
      <c r="F1454" s="10" t="s">
        <v>16494</v>
      </c>
      <c r="G1454" s="8" t="s">
        <v>16495</v>
      </c>
      <c r="H1454" s="8" t="s">
        <v>16496</v>
      </c>
      <c r="I1454" s="11">
        <v>43659</v>
      </c>
      <c r="J1454" s="11">
        <v>43659</v>
      </c>
      <c r="K1454" s="11">
        <v>45961</v>
      </c>
    </row>
    <row r="1455" spans="1:11" x14ac:dyDescent="0.4">
      <c r="A1455" s="8" t="s">
        <v>11818</v>
      </c>
      <c r="B1455" s="8" t="s">
        <v>633</v>
      </c>
      <c r="C1455" s="9" t="s">
        <v>16497</v>
      </c>
      <c r="D1455" s="9" t="s">
        <v>16498</v>
      </c>
      <c r="E1455" s="10"/>
      <c r="F1455" s="10" t="s">
        <v>2913</v>
      </c>
      <c r="G1455" s="8" t="s">
        <v>14583</v>
      </c>
      <c r="H1455" s="8" t="s">
        <v>16499</v>
      </c>
      <c r="I1455" s="11">
        <v>43657</v>
      </c>
      <c r="J1455" s="11">
        <v>43657</v>
      </c>
      <c r="K1455" s="11">
        <v>46203</v>
      </c>
    </row>
    <row r="1456" spans="1:11" x14ac:dyDescent="0.4">
      <c r="A1456" s="8" t="s">
        <v>11818</v>
      </c>
      <c r="B1456" s="8" t="s">
        <v>633</v>
      </c>
      <c r="C1456" s="9" t="s">
        <v>16500</v>
      </c>
      <c r="D1456" s="9" t="s">
        <v>16501</v>
      </c>
      <c r="E1456" s="10"/>
      <c r="F1456" s="10"/>
      <c r="G1456" s="8"/>
      <c r="H1456" s="8" t="s">
        <v>16502</v>
      </c>
      <c r="I1456" s="11">
        <v>43657</v>
      </c>
      <c r="J1456" s="11">
        <v>43657</v>
      </c>
      <c r="K1456" s="11">
        <v>45747</v>
      </c>
    </row>
    <row r="1457" spans="1:11" x14ac:dyDescent="0.4">
      <c r="A1457" s="8" t="s">
        <v>11818</v>
      </c>
      <c r="B1457" s="8" t="s">
        <v>48</v>
      </c>
      <c r="C1457" s="9" t="s">
        <v>16503</v>
      </c>
      <c r="D1457" s="9" t="s">
        <v>16504</v>
      </c>
      <c r="E1457" s="10" t="s">
        <v>16505</v>
      </c>
      <c r="F1457" s="10"/>
      <c r="G1457" s="8"/>
      <c r="H1457" s="8" t="s">
        <v>16506</v>
      </c>
      <c r="I1457" s="11">
        <v>43658</v>
      </c>
      <c r="J1457" s="11">
        <v>43658</v>
      </c>
      <c r="K1457" s="11">
        <v>45991</v>
      </c>
    </row>
    <row r="1458" spans="1:11" x14ac:dyDescent="0.4">
      <c r="A1458" s="8" t="s">
        <v>11818</v>
      </c>
      <c r="B1458" s="8" t="s">
        <v>1871</v>
      </c>
      <c r="C1458" s="9" t="s">
        <v>16507</v>
      </c>
      <c r="D1458" s="9" t="s">
        <v>1332</v>
      </c>
      <c r="E1458" s="10"/>
      <c r="F1458" s="10"/>
      <c r="G1458" s="8"/>
      <c r="H1458" s="8" t="s">
        <v>16508</v>
      </c>
      <c r="I1458" s="11">
        <v>43658</v>
      </c>
      <c r="J1458" s="11">
        <v>43658</v>
      </c>
      <c r="K1458" s="11">
        <v>45808</v>
      </c>
    </row>
    <row r="1459" spans="1:11" x14ac:dyDescent="0.4">
      <c r="A1459" s="8" t="s">
        <v>11818</v>
      </c>
      <c r="B1459" s="8" t="s">
        <v>2044</v>
      </c>
      <c r="C1459" s="9" t="s">
        <v>16509</v>
      </c>
      <c r="D1459" s="9" t="s">
        <v>16510</v>
      </c>
      <c r="E1459" s="10"/>
      <c r="F1459" s="10"/>
      <c r="G1459" s="8"/>
      <c r="H1459" s="8" t="s">
        <v>16511</v>
      </c>
      <c r="I1459" s="11">
        <v>43659</v>
      </c>
      <c r="J1459" s="11">
        <v>43659</v>
      </c>
      <c r="K1459" s="11">
        <v>45777</v>
      </c>
    </row>
    <row r="1460" spans="1:11" x14ac:dyDescent="0.4">
      <c r="A1460" s="8" t="s">
        <v>11818</v>
      </c>
      <c r="B1460" s="8" t="s">
        <v>2044</v>
      </c>
      <c r="C1460" s="9" t="s">
        <v>16512</v>
      </c>
      <c r="D1460" s="9" t="s">
        <v>16513</v>
      </c>
      <c r="E1460" s="10"/>
      <c r="F1460" s="10"/>
      <c r="G1460" s="8"/>
      <c r="H1460" s="8" t="s">
        <v>16514</v>
      </c>
      <c r="I1460" s="11">
        <v>43659</v>
      </c>
      <c r="J1460" s="11">
        <v>43659</v>
      </c>
      <c r="K1460" s="11">
        <v>45565</v>
      </c>
    </row>
    <row r="1461" spans="1:11" x14ac:dyDescent="0.4">
      <c r="A1461" s="8" t="s">
        <v>11818</v>
      </c>
      <c r="B1461" s="8" t="s">
        <v>633</v>
      </c>
      <c r="C1461" s="9" t="s">
        <v>11700</v>
      </c>
      <c r="D1461" s="9" t="s">
        <v>11701</v>
      </c>
      <c r="E1461" s="10"/>
      <c r="F1461" s="10"/>
      <c r="G1461" s="8"/>
      <c r="H1461" s="8" t="s">
        <v>16515</v>
      </c>
      <c r="I1461" s="11">
        <v>43665</v>
      </c>
      <c r="J1461" s="11">
        <v>43665</v>
      </c>
      <c r="K1461" s="11">
        <v>45961</v>
      </c>
    </row>
    <row r="1462" spans="1:11" x14ac:dyDescent="0.4">
      <c r="A1462" s="8" t="s">
        <v>11818</v>
      </c>
      <c r="B1462" s="8" t="s">
        <v>2044</v>
      </c>
      <c r="C1462" s="9" t="s">
        <v>16516</v>
      </c>
      <c r="D1462" s="9" t="s">
        <v>16517</v>
      </c>
      <c r="E1462" s="10"/>
      <c r="F1462" s="10"/>
      <c r="G1462" s="8"/>
      <c r="H1462" s="8" t="s">
        <v>16518</v>
      </c>
      <c r="I1462" s="11">
        <v>43671</v>
      </c>
      <c r="J1462" s="11">
        <v>43671</v>
      </c>
      <c r="K1462" s="11">
        <v>46112</v>
      </c>
    </row>
    <row r="1463" spans="1:11" x14ac:dyDescent="0.4">
      <c r="A1463" s="8" t="s">
        <v>11818</v>
      </c>
      <c r="B1463" s="8" t="s">
        <v>2044</v>
      </c>
      <c r="C1463" s="9" t="s">
        <v>16519</v>
      </c>
      <c r="D1463" s="9" t="s">
        <v>16520</v>
      </c>
      <c r="E1463" s="10" t="s">
        <v>16521</v>
      </c>
      <c r="F1463" s="10"/>
      <c r="G1463" s="8"/>
      <c r="H1463" s="8" t="s">
        <v>16522</v>
      </c>
      <c r="I1463" s="11">
        <v>43672</v>
      </c>
      <c r="J1463" s="11">
        <v>43672</v>
      </c>
      <c r="K1463" s="11">
        <v>45930</v>
      </c>
    </row>
    <row r="1464" spans="1:11" x14ac:dyDescent="0.4">
      <c r="A1464" s="8" t="s">
        <v>11818</v>
      </c>
      <c r="B1464" s="8" t="s">
        <v>633</v>
      </c>
      <c r="C1464" s="9" t="s">
        <v>16523</v>
      </c>
      <c r="D1464" s="9" t="s">
        <v>16524</v>
      </c>
      <c r="E1464" s="10" t="s">
        <v>16525</v>
      </c>
      <c r="F1464" s="10" t="s">
        <v>2634</v>
      </c>
      <c r="G1464" s="8" t="s">
        <v>12325</v>
      </c>
      <c r="H1464" s="8" t="s">
        <v>16526</v>
      </c>
      <c r="I1464" s="11">
        <v>43678</v>
      </c>
      <c r="J1464" s="11">
        <v>43678</v>
      </c>
      <c r="K1464" s="11">
        <v>46326</v>
      </c>
    </row>
    <row r="1465" spans="1:11" x14ac:dyDescent="0.4">
      <c r="A1465" s="8" t="s">
        <v>11818</v>
      </c>
      <c r="B1465" s="8" t="s">
        <v>5454</v>
      </c>
      <c r="C1465" s="9" t="s">
        <v>5452</v>
      </c>
      <c r="D1465" s="9" t="s">
        <v>16527</v>
      </c>
      <c r="E1465" s="10" t="s">
        <v>16528</v>
      </c>
      <c r="F1465" s="10" t="s">
        <v>16529</v>
      </c>
      <c r="G1465" s="8" t="s">
        <v>16530</v>
      </c>
      <c r="H1465" s="8" t="s">
        <v>16531</v>
      </c>
      <c r="I1465" s="11">
        <v>43675</v>
      </c>
      <c r="J1465" s="11">
        <v>43675</v>
      </c>
      <c r="K1465" s="11">
        <v>45991</v>
      </c>
    </row>
    <row r="1466" spans="1:11" x14ac:dyDescent="0.4">
      <c r="A1466" s="8" t="s">
        <v>11818</v>
      </c>
      <c r="B1466" s="8" t="s">
        <v>9278</v>
      </c>
      <c r="C1466" s="9" t="s">
        <v>11516</v>
      </c>
      <c r="D1466" s="9" t="s">
        <v>11517</v>
      </c>
      <c r="E1466" s="10"/>
      <c r="F1466" s="10"/>
      <c r="G1466" s="8"/>
      <c r="H1466" s="8" t="s">
        <v>16532</v>
      </c>
      <c r="I1466" s="11">
        <v>43683</v>
      </c>
      <c r="J1466" s="11">
        <v>43683</v>
      </c>
      <c r="K1466" s="11">
        <v>46203</v>
      </c>
    </row>
    <row r="1467" spans="1:11" x14ac:dyDescent="0.4">
      <c r="A1467" s="8" t="s">
        <v>11818</v>
      </c>
      <c r="B1467" s="8" t="s">
        <v>48</v>
      </c>
      <c r="C1467" s="9" t="s">
        <v>16533</v>
      </c>
      <c r="D1467" s="9" t="s">
        <v>12361</v>
      </c>
      <c r="E1467" s="10" t="s">
        <v>14423</v>
      </c>
      <c r="F1467" s="10"/>
      <c r="G1467" s="8"/>
      <c r="H1467" s="8" t="s">
        <v>16534</v>
      </c>
      <c r="I1467" s="11">
        <v>43679</v>
      </c>
      <c r="J1467" s="11">
        <v>43679</v>
      </c>
      <c r="K1467" s="11">
        <v>45991</v>
      </c>
    </row>
    <row r="1468" spans="1:11" x14ac:dyDescent="0.4">
      <c r="A1468" s="8" t="s">
        <v>11818</v>
      </c>
      <c r="B1468" s="8" t="s">
        <v>48</v>
      </c>
      <c r="C1468" s="9" t="s">
        <v>16535</v>
      </c>
      <c r="D1468" s="9" t="s">
        <v>14504</v>
      </c>
      <c r="E1468" s="10" t="s">
        <v>14505</v>
      </c>
      <c r="F1468" s="10"/>
      <c r="G1468" s="8"/>
      <c r="H1468" s="8" t="s">
        <v>16536</v>
      </c>
      <c r="I1468" s="11">
        <v>43679</v>
      </c>
      <c r="J1468" s="11">
        <v>43679</v>
      </c>
      <c r="K1468" s="11">
        <v>45626</v>
      </c>
    </row>
    <row r="1469" spans="1:11" x14ac:dyDescent="0.4">
      <c r="A1469" s="8" t="s">
        <v>11818</v>
      </c>
      <c r="B1469" s="8" t="s">
        <v>633</v>
      </c>
      <c r="C1469" s="9" t="s">
        <v>16537</v>
      </c>
      <c r="D1469" s="9" t="s">
        <v>16538</v>
      </c>
      <c r="E1469" s="10"/>
      <c r="F1469" s="10"/>
      <c r="G1469" s="8"/>
      <c r="H1469" s="8" t="s">
        <v>16539</v>
      </c>
      <c r="I1469" s="11">
        <v>43685</v>
      </c>
      <c r="J1469" s="11">
        <v>43685</v>
      </c>
      <c r="K1469" s="11">
        <v>45777</v>
      </c>
    </row>
    <row r="1470" spans="1:11" x14ac:dyDescent="0.4">
      <c r="A1470" s="8" t="s">
        <v>11818</v>
      </c>
      <c r="B1470" s="8" t="s">
        <v>48</v>
      </c>
      <c r="C1470" s="9" t="s">
        <v>16540</v>
      </c>
      <c r="D1470" s="9" t="s">
        <v>16541</v>
      </c>
      <c r="E1470" s="10" t="s">
        <v>16542</v>
      </c>
      <c r="F1470" s="10"/>
      <c r="G1470" s="8"/>
      <c r="H1470" s="8" t="s">
        <v>16543</v>
      </c>
      <c r="I1470" s="11">
        <v>43685</v>
      </c>
      <c r="J1470" s="11">
        <v>43685</v>
      </c>
      <c r="K1470" s="11">
        <v>45991</v>
      </c>
    </row>
    <row r="1471" spans="1:11" x14ac:dyDescent="0.4">
      <c r="A1471" s="8" t="s">
        <v>11818</v>
      </c>
      <c r="B1471" s="8" t="s">
        <v>48</v>
      </c>
      <c r="C1471" s="9" t="s">
        <v>16544</v>
      </c>
      <c r="D1471" s="9" t="s">
        <v>16377</v>
      </c>
      <c r="E1471" s="10" t="s">
        <v>16545</v>
      </c>
      <c r="F1471" s="10"/>
      <c r="G1471" s="8"/>
      <c r="H1471" s="8" t="s">
        <v>16546</v>
      </c>
      <c r="I1471" s="11">
        <v>43685</v>
      </c>
      <c r="J1471" s="11">
        <v>43685</v>
      </c>
      <c r="K1471" s="11">
        <v>45991</v>
      </c>
    </row>
    <row r="1472" spans="1:11" x14ac:dyDescent="0.4">
      <c r="A1472" s="8" t="s">
        <v>11818</v>
      </c>
      <c r="B1472" s="8" t="s">
        <v>48</v>
      </c>
      <c r="C1472" s="9" t="s">
        <v>16547</v>
      </c>
      <c r="D1472" s="9" t="s">
        <v>15909</v>
      </c>
      <c r="E1472" s="10" t="s">
        <v>16548</v>
      </c>
      <c r="F1472" s="10"/>
      <c r="G1472" s="8"/>
      <c r="H1472" s="8" t="s">
        <v>16549</v>
      </c>
      <c r="I1472" s="11">
        <v>43686</v>
      </c>
      <c r="J1472" s="11">
        <v>43686</v>
      </c>
      <c r="K1472" s="11">
        <v>45626</v>
      </c>
    </row>
    <row r="1473" spans="1:11" x14ac:dyDescent="0.4">
      <c r="A1473" s="8" t="s">
        <v>11818</v>
      </c>
      <c r="B1473" s="8" t="s">
        <v>48</v>
      </c>
      <c r="C1473" s="9" t="s">
        <v>16550</v>
      </c>
      <c r="D1473" s="9" t="s">
        <v>14031</v>
      </c>
      <c r="E1473" s="10" t="s">
        <v>16551</v>
      </c>
      <c r="F1473" s="10" t="s">
        <v>15073</v>
      </c>
      <c r="G1473" s="8" t="s">
        <v>15074</v>
      </c>
      <c r="H1473" s="8" t="s">
        <v>16552</v>
      </c>
      <c r="I1473" s="11">
        <v>43686</v>
      </c>
      <c r="J1473" s="11">
        <v>43686</v>
      </c>
      <c r="K1473" s="11">
        <v>45991</v>
      </c>
    </row>
    <row r="1474" spans="1:11" x14ac:dyDescent="0.4">
      <c r="A1474" s="8" t="s">
        <v>11818</v>
      </c>
      <c r="B1474" s="8" t="s">
        <v>48</v>
      </c>
      <c r="C1474" s="9" t="s">
        <v>16553</v>
      </c>
      <c r="D1474" s="9" t="s">
        <v>16554</v>
      </c>
      <c r="E1474" s="10"/>
      <c r="F1474" s="10"/>
      <c r="G1474" s="8"/>
      <c r="H1474" s="8" t="s">
        <v>16555</v>
      </c>
      <c r="I1474" s="11">
        <v>43687</v>
      </c>
      <c r="J1474" s="11">
        <v>43687</v>
      </c>
      <c r="K1474" s="11">
        <v>45930</v>
      </c>
    </row>
    <row r="1475" spans="1:11" x14ac:dyDescent="0.4">
      <c r="A1475" s="8" t="s">
        <v>11818</v>
      </c>
      <c r="B1475" s="8" t="s">
        <v>48</v>
      </c>
      <c r="C1475" s="9" t="s">
        <v>16556</v>
      </c>
      <c r="D1475" s="9" t="s">
        <v>15163</v>
      </c>
      <c r="E1475" s="10" t="s">
        <v>16557</v>
      </c>
      <c r="F1475" s="10"/>
      <c r="G1475" s="8"/>
      <c r="H1475" s="8" t="s">
        <v>16558</v>
      </c>
      <c r="I1475" s="11">
        <v>43691</v>
      </c>
      <c r="J1475" s="11">
        <v>43691</v>
      </c>
      <c r="K1475" s="11">
        <v>45991</v>
      </c>
    </row>
    <row r="1476" spans="1:11" x14ac:dyDescent="0.4">
      <c r="A1476" s="8" t="s">
        <v>11818</v>
      </c>
      <c r="B1476" s="8" t="s">
        <v>48</v>
      </c>
      <c r="C1476" s="9" t="s">
        <v>5705</v>
      </c>
      <c r="D1476" s="9" t="s">
        <v>16559</v>
      </c>
      <c r="E1476" s="10"/>
      <c r="F1476" s="10"/>
      <c r="G1476" s="8"/>
      <c r="H1476" s="8" t="s">
        <v>16560</v>
      </c>
      <c r="I1476" s="11">
        <v>43693</v>
      </c>
      <c r="J1476" s="11">
        <v>43693</v>
      </c>
      <c r="K1476" s="11">
        <v>45565</v>
      </c>
    </row>
    <row r="1477" spans="1:11" x14ac:dyDescent="0.4">
      <c r="A1477" s="8" t="s">
        <v>11818</v>
      </c>
      <c r="B1477" s="8" t="s">
        <v>2044</v>
      </c>
      <c r="C1477" s="9" t="s">
        <v>16561</v>
      </c>
      <c r="D1477" s="9" t="s">
        <v>16562</v>
      </c>
      <c r="E1477" s="10"/>
      <c r="F1477" s="10" t="s">
        <v>16563</v>
      </c>
      <c r="G1477" s="8" t="s">
        <v>16564</v>
      </c>
      <c r="H1477" s="8" t="s">
        <v>16565</v>
      </c>
      <c r="I1477" s="11">
        <v>43698</v>
      </c>
      <c r="J1477" s="11">
        <v>43698</v>
      </c>
      <c r="K1477" s="11">
        <v>45747</v>
      </c>
    </row>
    <row r="1478" spans="1:11" x14ac:dyDescent="0.4">
      <c r="A1478" s="8" t="s">
        <v>11818</v>
      </c>
      <c r="B1478" s="8" t="s">
        <v>633</v>
      </c>
      <c r="C1478" s="9" t="s">
        <v>16566</v>
      </c>
      <c r="D1478" s="9" t="s">
        <v>16567</v>
      </c>
      <c r="E1478" s="10" t="s">
        <v>16568</v>
      </c>
      <c r="F1478" s="10" t="s">
        <v>16569</v>
      </c>
      <c r="G1478" s="8" t="s">
        <v>16570</v>
      </c>
      <c r="H1478" s="8" t="s">
        <v>16571</v>
      </c>
      <c r="I1478" s="11">
        <v>43698</v>
      </c>
      <c r="J1478" s="11">
        <v>43698</v>
      </c>
      <c r="K1478" s="11">
        <v>46112</v>
      </c>
    </row>
    <row r="1479" spans="1:11" x14ac:dyDescent="0.4">
      <c r="A1479" s="8" t="s">
        <v>11818</v>
      </c>
      <c r="B1479" s="8" t="s">
        <v>48</v>
      </c>
      <c r="C1479" s="9" t="s">
        <v>16572</v>
      </c>
      <c r="D1479" s="9" t="s">
        <v>16573</v>
      </c>
      <c r="E1479" s="10"/>
      <c r="F1479" s="10"/>
      <c r="G1479" s="8"/>
      <c r="H1479" s="8" t="s">
        <v>16574</v>
      </c>
      <c r="I1479" s="11">
        <v>43698</v>
      </c>
      <c r="J1479" s="11">
        <v>43698</v>
      </c>
      <c r="K1479" s="11">
        <v>45808</v>
      </c>
    </row>
    <row r="1480" spans="1:11" x14ac:dyDescent="0.4">
      <c r="A1480" s="8" t="s">
        <v>11818</v>
      </c>
      <c r="B1480" s="8" t="s">
        <v>698</v>
      </c>
      <c r="C1480" s="9" t="s">
        <v>16575</v>
      </c>
      <c r="D1480" s="9" t="s">
        <v>16576</v>
      </c>
      <c r="E1480" s="10"/>
      <c r="F1480" s="10"/>
      <c r="G1480" s="8"/>
      <c r="H1480" s="8" t="s">
        <v>16577</v>
      </c>
      <c r="I1480" s="11">
        <v>43700</v>
      </c>
      <c r="J1480" s="11">
        <v>43700</v>
      </c>
      <c r="K1480" s="11">
        <v>46142</v>
      </c>
    </row>
    <row r="1481" spans="1:11" x14ac:dyDescent="0.4">
      <c r="A1481" s="8" t="s">
        <v>11818</v>
      </c>
      <c r="B1481" s="8" t="s">
        <v>633</v>
      </c>
      <c r="C1481" s="9" t="s">
        <v>16578</v>
      </c>
      <c r="D1481" s="9" t="s">
        <v>16579</v>
      </c>
      <c r="E1481" s="10"/>
      <c r="F1481" s="10" t="s">
        <v>3481</v>
      </c>
      <c r="G1481" s="8" t="s">
        <v>14917</v>
      </c>
      <c r="H1481" s="8" t="s">
        <v>16580</v>
      </c>
      <c r="I1481" s="11">
        <v>43696</v>
      </c>
      <c r="J1481" s="11">
        <v>43696</v>
      </c>
      <c r="K1481" s="11">
        <v>45930</v>
      </c>
    </row>
    <row r="1482" spans="1:11" x14ac:dyDescent="0.4">
      <c r="A1482" s="8" t="s">
        <v>11818</v>
      </c>
      <c r="B1482" s="8" t="s">
        <v>6444</v>
      </c>
      <c r="C1482" s="9" t="s">
        <v>16581</v>
      </c>
      <c r="D1482" s="9" t="s">
        <v>16582</v>
      </c>
      <c r="E1482" s="10"/>
      <c r="F1482" s="10"/>
      <c r="G1482" s="8"/>
      <c r="H1482" s="8" t="s">
        <v>16583</v>
      </c>
      <c r="I1482" s="11">
        <v>43709</v>
      </c>
      <c r="J1482" s="11">
        <v>43709</v>
      </c>
      <c r="K1482" s="11">
        <v>45565</v>
      </c>
    </row>
    <row r="1483" spans="1:11" x14ac:dyDescent="0.4">
      <c r="A1483" s="8" t="s">
        <v>11818</v>
      </c>
      <c r="B1483" s="8" t="s">
        <v>48</v>
      </c>
      <c r="C1483" s="9" t="s">
        <v>16584</v>
      </c>
      <c r="D1483" s="9" t="s">
        <v>14504</v>
      </c>
      <c r="E1483" s="10" t="s">
        <v>15262</v>
      </c>
      <c r="F1483" s="10"/>
      <c r="G1483" s="8"/>
      <c r="H1483" s="8" t="s">
        <v>16585</v>
      </c>
      <c r="I1483" s="11">
        <v>43704</v>
      </c>
      <c r="J1483" s="11">
        <v>43704</v>
      </c>
      <c r="K1483" s="11">
        <v>45991</v>
      </c>
    </row>
    <row r="1484" spans="1:11" x14ac:dyDescent="0.4">
      <c r="A1484" s="8" t="s">
        <v>11818</v>
      </c>
      <c r="B1484" s="8" t="s">
        <v>633</v>
      </c>
      <c r="C1484" s="9" t="s">
        <v>16586</v>
      </c>
      <c r="D1484" s="9" t="s">
        <v>16587</v>
      </c>
      <c r="E1484" s="10"/>
      <c r="F1484" s="10"/>
      <c r="G1484" s="8"/>
      <c r="H1484" s="8" t="s">
        <v>16588</v>
      </c>
      <c r="I1484" s="11">
        <v>43707</v>
      </c>
      <c r="J1484" s="11">
        <v>43707</v>
      </c>
      <c r="K1484" s="11">
        <v>45565</v>
      </c>
    </row>
    <row r="1485" spans="1:11" x14ac:dyDescent="0.4">
      <c r="A1485" s="8" t="s">
        <v>11818</v>
      </c>
      <c r="B1485" s="8" t="s">
        <v>48</v>
      </c>
      <c r="C1485" s="9" t="s">
        <v>16589</v>
      </c>
      <c r="D1485" s="9" t="s">
        <v>15392</v>
      </c>
      <c r="E1485" s="10" t="s">
        <v>16590</v>
      </c>
      <c r="F1485" s="10"/>
      <c r="G1485" s="8"/>
      <c r="H1485" s="8" t="s">
        <v>16591</v>
      </c>
      <c r="I1485" s="11">
        <v>43707</v>
      </c>
      <c r="J1485" s="11">
        <v>43707</v>
      </c>
      <c r="K1485" s="11">
        <v>45991</v>
      </c>
    </row>
    <row r="1486" spans="1:11" x14ac:dyDescent="0.4">
      <c r="A1486" s="8" t="s">
        <v>11818</v>
      </c>
      <c r="B1486" s="8" t="s">
        <v>48</v>
      </c>
      <c r="C1486" s="9" t="s">
        <v>16592</v>
      </c>
      <c r="D1486" s="9" t="s">
        <v>16593</v>
      </c>
      <c r="E1486" s="10"/>
      <c r="F1486" s="10" t="s">
        <v>3539</v>
      </c>
      <c r="G1486" s="8" t="s">
        <v>13771</v>
      </c>
      <c r="H1486" s="8" t="s">
        <v>16594</v>
      </c>
      <c r="I1486" s="11">
        <v>43709</v>
      </c>
      <c r="J1486" s="11">
        <v>43709</v>
      </c>
      <c r="K1486" s="11">
        <v>46173</v>
      </c>
    </row>
    <row r="1487" spans="1:11" x14ac:dyDescent="0.4">
      <c r="A1487" s="8" t="s">
        <v>11818</v>
      </c>
      <c r="B1487" s="8" t="s">
        <v>48</v>
      </c>
      <c r="C1487" s="9" t="s">
        <v>16595</v>
      </c>
      <c r="D1487" s="9" t="s">
        <v>16377</v>
      </c>
      <c r="E1487" s="10" t="s">
        <v>16596</v>
      </c>
      <c r="F1487" s="10"/>
      <c r="G1487" s="8"/>
      <c r="H1487" s="8" t="s">
        <v>16597</v>
      </c>
      <c r="I1487" s="11">
        <v>43711</v>
      </c>
      <c r="J1487" s="11">
        <v>43711</v>
      </c>
      <c r="K1487" s="11">
        <v>45991</v>
      </c>
    </row>
    <row r="1488" spans="1:11" x14ac:dyDescent="0.4">
      <c r="A1488" s="8" t="s">
        <v>11818</v>
      </c>
      <c r="B1488" s="8" t="s">
        <v>633</v>
      </c>
      <c r="C1488" s="9" t="s">
        <v>16598</v>
      </c>
      <c r="D1488" s="9" t="s">
        <v>16599</v>
      </c>
      <c r="E1488" s="10"/>
      <c r="F1488" s="10" t="s">
        <v>3822</v>
      </c>
      <c r="G1488" s="8" t="s">
        <v>11600</v>
      </c>
      <c r="H1488" s="8" t="s">
        <v>16600</v>
      </c>
      <c r="I1488" s="11">
        <v>43713</v>
      </c>
      <c r="J1488" s="11">
        <v>43713</v>
      </c>
      <c r="K1488" s="11">
        <v>45961</v>
      </c>
    </row>
    <row r="1489" spans="1:11" x14ac:dyDescent="0.4">
      <c r="A1489" s="8" t="s">
        <v>11818</v>
      </c>
      <c r="B1489" s="8" t="s">
        <v>48</v>
      </c>
      <c r="C1489" s="9" t="s">
        <v>16601</v>
      </c>
      <c r="D1489" s="9" t="s">
        <v>16602</v>
      </c>
      <c r="E1489" s="10"/>
      <c r="F1489" s="10" t="s">
        <v>16603</v>
      </c>
      <c r="G1489" s="8" t="s">
        <v>16604</v>
      </c>
      <c r="H1489" s="8" t="s">
        <v>16605</v>
      </c>
      <c r="I1489" s="11">
        <v>43714</v>
      </c>
      <c r="J1489" s="11">
        <v>43714</v>
      </c>
      <c r="K1489" s="11">
        <v>45961</v>
      </c>
    </row>
    <row r="1490" spans="1:11" x14ac:dyDescent="0.4">
      <c r="A1490" s="8" t="s">
        <v>11818</v>
      </c>
      <c r="B1490" s="8" t="s">
        <v>633</v>
      </c>
      <c r="C1490" s="9" t="s">
        <v>16606</v>
      </c>
      <c r="D1490" s="9" t="s">
        <v>12818</v>
      </c>
      <c r="E1490" s="10" t="s">
        <v>16607</v>
      </c>
      <c r="F1490" s="10" t="s">
        <v>16608</v>
      </c>
      <c r="G1490" s="8" t="s">
        <v>16609</v>
      </c>
      <c r="H1490" s="8" t="s">
        <v>16610</v>
      </c>
      <c r="I1490" s="11">
        <v>43714</v>
      </c>
      <c r="J1490" s="11">
        <v>43714</v>
      </c>
      <c r="K1490" s="11">
        <v>45930</v>
      </c>
    </row>
    <row r="1491" spans="1:11" x14ac:dyDescent="0.4">
      <c r="A1491" s="8" t="s">
        <v>11818</v>
      </c>
      <c r="B1491" s="8" t="s">
        <v>48</v>
      </c>
      <c r="C1491" s="9" t="s">
        <v>16611</v>
      </c>
      <c r="D1491" s="9" t="s">
        <v>16612</v>
      </c>
      <c r="E1491" s="10"/>
      <c r="F1491" s="10" t="s">
        <v>16613</v>
      </c>
      <c r="G1491" s="8" t="s">
        <v>16614</v>
      </c>
      <c r="H1491" s="8" t="s">
        <v>16615</v>
      </c>
      <c r="I1491" s="11">
        <v>43714</v>
      </c>
      <c r="J1491" s="11">
        <v>43714</v>
      </c>
      <c r="K1491" s="11">
        <v>46112</v>
      </c>
    </row>
    <row r="1492" spans="1:11" x14ac:dyDescent="0.4">
      <c r="A1492" s="8" t="s">
        <v>11818</v>
      </c>
      <c r="B1492" s="8" t="s">
        <v>633</v>
      </c>
      <c r="C1492" s="9" t="s">
        <v>16616</v>
      </c>
      <c r="D1492" s="9" t="s">
        <v>16617</v>
      </c>
      <c r="E1492" s="10"/>
      <c r="F1492" s="10" t="s">
        <v>16618</v>
      </c>
      <c r="G1492" s="8" t="s">
        <v>16619</v>
      </c>
      <c r="H1492" s="8" t="s">
        <v>16620</v>
      </c>
      <c r="I1492" s="11">
        <v>43718</v>
      </c>
      <c r="J1492" s="11">
        <v>43718</v>
      </c>
      <c r="K1492" s="11">
        <v>46112</v>
      </c>
    </row>
    <row r="1493" spans="1:11" x14ac:dyDescent="0.4">
      <c r="A1493" s="8" t="s">
        <v>11818</v>
      </c>
      <c r="B1493" s="8" t="s">
        <v>48</v>
      </c>
      <c r="C1493" s="9" t="s">
        <v>16621</v>
      </c>
      <c r="D1493" s="9" t="s">
        <v>15528</v>
      </c>
      <c r="E1493" s="10" t="s">
        <v>16622</v>
      </c>
      <c r="F1493" s="10"/>
      <c r="G1493" s="8"/>
      <c r="H1493" s="8" t="s">
        <v>16623</v>
      </c>
      <c r="I1493" s="11">
        <v>43718</v>
      </c>
      <c r="J1493" s="11">
        <v>43718</v>
      </c>
      <c r="K1493" s="11">
        <v>45626</v>
      </c>
    </row>
    <row r="1494" spans="1:11" x14ac:dyDescent="0.4">
      <c r="A1494" s="8" t="s">
        <v>11818</v>
      </c>
      <c r="B1494" s="8" t="s">
        <v>633</v>
      </c>
      <c r="C1494" s="9" t="s">
        <v>16624</v>
      </c>
      <c r="D1494" s="9" t="s">
        <v>16625</v>
      </c>
      <c r="E1494" s="10"/>
      <c r="F1494" s="10"/>
      <c r="G1494" s="8"/>
      <c r="H1494" s="8" t="s">
        <v>16626</v>
      </c>
      <c r="I1494" s="11">
        <v>43719</v>
      </c>
      <c r="J1494" s="11">
        <v>43719</v>
      </c>
      <c r="K1494" s="11">
        <v>45930</v>
      </c>
    </row>
    <row r="1495" spans="1:11" x14ac:dyDescent="0.4">
      <c r="A1495" s="8" t="s">
        <v>11818</v>
      </c>
      <c r="B1495" s="8" t="s">
        <v>48</v>
      </c>
      <c r="C1495" s="9" t="s">
        <v>16627</v>
      </c>
      <c r="D1495" s="9" t="s">
        <v>16628</v>
      </c>
      <c r="E1495" s="10"/>
      <c r="F1495" s="10"/>
      <c r="G1495" s="8"/>
      <c r="H1495" s="8" t="s">
        <v>16629</v>
      </c>
      <c r="I1495" s="11">
        <v>43720</v>
      </c>
      <c r="J1495" s="11">
        <v>43720</v>
      </c>
      <c r="K1495" s="11">
        <v>45808</v>
      </c>
    </row>
    <row r="1496" spans="1:11" x14ac:dyDescent="0.4">
      <c r="A1496" s="8" t="s">
        <v>11818</v>
      </c>
      <c r="B1496" s="8" t="s">
        <v>2044</v>
      </c>
      <c r="C1496" s="9" t="s">
        <v>16630</v>
      </c>
      <c r="D1496" s="9" t="s">
        <v>16631</v>
      </c>
      <c r="E1496" s="10" t="s">
        <v>16632</v>
      </c>
      <c r="F1496" s="10" t="s">
        <v>16633</v>
      </c>
      <c r="G1496" s="8" t="s">
        <v>12124</v>
      </c>
      <c r="H1496" s="8" t="s">
        <v>16634</v>
      </c>
      <c r="I1496" s="11">
        <v>43721</v>
      </c>
      <c r="J1496" s="11">
        <v>43721</v>
      </c>
      <c r="K1496" s="11">
        <v>46112</v>
      </c>
    </row>
    <row r="1497" spans="1:11" x14ac:dyDescent="0.4">
      <c r="A1497" s="8" t="s">
        <v>11818</v>
      </c>
      <c r="B1497" s="8" t="s">
        <v>2044</v>
      </c>
      <c r="C1497" s="9" t="s">
        <v>16635</v>
      </c>
      <c r="D1497" s="9" t="s">
        <v>16636</v>
      </c>
      <c r="E1497" s="10"/>
      <c r="F1497" s="10" t="s">
        <v>16637</v>
      </c>
      <c r="G1497" s="8" t="s">
        <v>16638</v>
      </c>
      <c r="H1497" s="8" t="s">
        <v>16639</v>
      </c>
      <c r="I1497" s="11">
        <v>43721</v>
      </c>
      <c r="J1497" s="11">
        <v>43721</v>
      </c>
      <c r="K1497" s="11">
        <v>46112</v>
      </c>
    </row>
    <row r="1498" spans="1:11" x14ac:dyDescent="0.4">
      <c r="A1498" s="8" t="s">
        <v>11818</v>
      </c>
      <c r="B1498" s="8" t="s">
        <v>48</v>
      </c>
      <c r="C1498" s="9" t="s">
        <v>16640</v>
      </c>
      <c r="D1498" s="9" t="s">
        <v>14504</v>
      </c>
      <c r="E1498" s="10" t="s">
        <v>16641</v>
      </c>
      <c r="F1498" s="10"/>
      <c r="G1498" s="8"/>
      <c r="H1498" s="8" t="s">
        <v>16642</v>
      </c>
      <c r="I1498" s="11">
        <v>43726</v>
      </c>
      <c r="J1498" s="11">
        <v>43726</v>
      </c>
      <c r="K1498" s="11">
        <v>45626</v>
      </c>
    </row>
    <row r="1499" spans="1:11" x14ac:dyDescent="0.4">
      <c r="A1499" s="8" t="s">
        <v>11818</v>
      </c>
      <c r="B1499" s="8" t="s">
        <v>3441</v>
      </c>
      <c r="C1499" s="9" t="s">
        <v>16643</v>
      </c>
      <c r="D1499" s="9" t="s">
        <v>16644</v>
      </c>
      <c r="E1499" s="10"/>
      <c r="F1499" s="10"/>
      <c r="G1499" s="8"/>
      <c r="H1499" s="8" t="s">
        <v>16645</v>
      </c>
      <c r="I1499" s="11">
        <v>43739</v>
      </c>
      <c r="J1499" s="11">
        <v>43739</v>
      </c>
      <c r="K1499" s="11">
        <v>46142</v>
      </c>
    </row>
    <row r="1500" spans="1:11" x14ac:dyDescent="0.4">
      <c r="A1500" s="8" t="s">
        <v>11818</v>
      </c>
      <c r="B1500" s="8" t="s">
        <v>2044</v>
      </c>
      <c r="C1500" s="9" t="s">
        <v>16646</v>
      </c>
      <c r="D1500" s="9" t="s">
        <v>16647</v>
      </c>
      <c r="E1500" s="10"/>
      <c r="F1500" s="10" t="s">
        <v>16648</v>
      </c>
      <c r="G1500" s="8" t="s">
        <v>16649</v>
      </c>
      <c r="H1500" s="8" t="s">
        <v>16650</v>
      </c>
      <c r="I1500" s="11">
        <v>43732</v>
      </c>
      <c r="J1500" s="11">
        <v>43732</v>
      </c>
      <c r="K1500" s="11">
        <v>45808</v>
      </c>
    </row>
    <row r="1501" spans="1:11" x14ac:dyDescent="0.4">
      <c r="A1501" s="8" t="s">
        <v>11818</v>
      </c>
      <c r="B1501" s="8" t="s">
        <v>2044</v>
      </c>
      <c r="C1501" s="9" t="s">
        <v>11463</v>
      </c>
      <c r="D1501" s="9" t="s">
        <v>11464</v>
      </c>
      <c r="E1501" s="10"/>
      <c r="F1501" s="10" t="s">
        <v>11433</v>
      </c>
      <c r="G1501" s="8" t="s">
        <v>11434</v>
      </c>
      <c r="H1501" s="8" t="s">
        <v>16651</v>
      </c>
      <c r="I1501" s="11">
        <v>43733</v>
      </c>
      <c r="J1501" s="11">
        <v>43733</v>
      </c>
      <c r="K1501" s="11">
        <v>45961</v>
      </c>
    </row>
    <row r="1502" spans="1:11" x14ac:dyDescent="0.4">
      <c r="A1502" s="8" t="s">
        <v>11818</v>
      </c>
      <c r="B1502" s="8" t="s">
        <v>48</v>
      </c>
      <c r="C1502" s="9" t="s">
        <v>16652</v>
      </c>
      <c r="D1502" s="9" t="s">
        <v>16653</v>
      </c>
      <c r="E1502" s="10"/>
      <c r="F1502" s="10"/>
      <c r="G1502" s="8"/>
      <c r="H1502" s="8" t="s">
        <v>16654</v>
      </c>
      <c r="I1502" s="11">
        <v>43734</v>
      </c>
      <c r="J1502" s="11">
        <v>43734</v>
      </c>
      <c r="K1502" s="11">
        <v>45961</v>
      </c>
    </row>
    <row r="1503" spans="1:11" x14ac:dyDescent="0.4">
      <c r="A1503" s="8" t="s">
        <v>11818</v>
      </c>
      <c r="B1503" s="8" t="s">
        <v>633</v>
      </c>
      <c r="C1503" s="9" t="s">
        <v>16655</v>
      </c>
      <c r="D1503" s="9" t="s">
        <v>16656</v>
      </c>
      <c r="E1503" s="10"/>
      <c r="F1503" s="10"/>
      <c r="G1503" s="8"/>
      <c r="H1503" s="8" t="s">
        <v>16657</v>
      </c>
      <c r="I1503" s="11">
        <v>43739</v>
      </c>
      <c r="J1503" s="11">
        <v>43739</v>
      </c>
      <c r="K1503" s="11">
        <v>45930</v>
      </c>
    </row>
    <row r="1504" spans="1:11" x14ac:dyDescent="0.4">
      <c r="A1504" s="8" t="s">
        <v>11818</v>
      </c>
      <c r="B1504" s="8" t="s">
        <v>48</v>
      </c>
      <c r="C1504" s="9" t="s">
        <v>16658</v>
      </c>
      <c r="D1504" s="9" t="s">
        <v>14353</v>
      </c>
      <c r="E1504" s="10" t="s">
        <v>16659</v>
      </c>
      <c r="F1504" s="10"/>
      <c r="G1504" s="8"/>
      <c r="H1504" s="8" t="s">
        <v>16660</v>
      </c>
      <c r="I1504" s="11">
        <v>43741</v>
      </c>
      <c r="J1504" s="11">
        <v>43741</v>
      </c>
      <c r="K1504" s="11">
        <v>45991</v>
      </c>
    </row>
    <row r="1505" spans="1:11" x14ac:dyDescent="0.4">
      <c r="A1505" s="8" t="s">
        <v>11818</v>
      </c>
      <c r="B1505" s="8" t="s">
        <v>633</v>
      </c>
      <c r="C1505" s="9" t="s">
        <v>3634</v>
      </c>
      <c r="D1505" s="9" t="s">
        <v>16661</v>
      </c>
      <c r="E1505" s="10" t="s">
        <v>11740</v>
      </c>
      <c r="F1505" s="10"/>
      <c r="G1505" s="8"/>
      <c r="H1505" s="8" t="s">
        <v>16662</v>
      </c>
      <c r="I1505" s="11">
        <v>43745</v>
      </c>
      <c r="J1505" s="11">
        <v>43745</v>
      </c>
      <c r="K1505" s="11">
        <v>45991</v>
      </c>
    </row>
    <row r="1506" spans="1:11" x14ac:dyDescent="0.4">
      <c r="A1506" s="8" t="s">
        <v>11818</v>
      </c>
      <c r="B1506" s="8" t="s">
        <v>9278</v>
      </c>
      <c r="C1506" s="9" t="s">
        <v>16663</v>
      </c>
      <c r="D1506" s="9" t="s">
        <v>14689</v>
      </c>
      <c r="E1506" s="10" t="s">
        <v>16664</v>
      </c>
      <c r="F1506" s="10"/>
      <c r="G1506" s="8"/>
      <c r="H1506" s="8" t="s">
        <v>16665</v>
      </c>
      <c r="I1506" s="11">
        <v>43742</v>
      </c>
      <c r="J1506" s="11">
        <v>43742</v>
      </c>
      <c r="K1506" s="11">
        <v>45991</v>
      </c>
    </row>
    <row r="1507" spans="1:11" x14ac:dyDescent="0.4">
      <c r="A1507" s="8" t="s">
        <v>11818</v>
      </c>
      <c r="B1507" s="8" t="s">
        <v>698</v>
      </c>
      <c r="C1507" s="9" t="s">
        <v>16666</v>
      </c>
      <c r="D1507" s="9" t="s">
        <v>16667</v>
      </c>
      <c r="E1507" s="10"/>
      <c r="F1507" s="10"/>
      <c r="G1507" s="8"/>
      <c r="H1507" s="8" t="s">
        <v>16668</v>
      </c>
      <c r="I1507" s="11">
        <v>43742</v>
      </c>
      <c r="J1507" s="11">
        <v>43742</v>
      </c>
      <c r="K1507" s="11">
        <v>46112</v>
      </c>
    </row>
    <row r="1508" spans="1:11" x14ac:dyDescent="0.4">
      <c r="A1508" s="8" t="s">
        <v>11818</v>
      </c>
      <c r="B1508" s="8" t="s">
        <v>698</v>
      </c>
      <c r="C1508" s="9" t="s">
        <v>16669</v>
      </c>
      <c r="D1508" s="9" t="s">
        <v>16670</v>
      </c>
      <c r="E1508" s="10"/>
      <c r="F1508" s="10"/>
      <c r="G1508" s="8"/>
      <c r="H1508" s="8" t="s">
        <v>16671</v>
      </c>
      <c r="I1508" s="11">
        <v>43742</v>
      </c>
      <c r="J1508" s="11">
        <v>43742</v>
      </c>
      <c r="K1508" s="11">
        <v>46203</v>
      </c>
    </row>
    <row r="1509" spans="1:11" x14ac:dyDescent="0.4">
      <c r="A1509" s="8" t="s">
        <v>11818</v>
      </c>
      <c r="B1509" s="8" t="s">
        <v>48</v>
      </c>
      <c r="C1509" s="9" t="s">
        <v>16672</v>
      </c>
      <c r="D1509" s="9" t="s">
        <v>14504</v>
      </c>
      <c r="E1509" s="10" t="s">
        <v>16673</v>
      </c>
      <c r="F1509" s="10"/>
      <c r="G1509" s="8"/>
      <c r="H1509" s="8" t="s">
        <v>16674</v>
      </c>
      <c r="I1509" s="11">
        <v>43748</v>
      </c>
      <c r="J1509" s="11">
        <v>43748</v>
      </c>
      <c r="K1509" s="11">
        <v>45626</v>
      </c>
    </row>
    <row r="1510" spans="1:11" x14ac:dyDescent="0.4">
      <c r="A1510" s="8" t="s">
        <v>11818</v>
      </c>
      <c r="B1510" s="8" t="s">
        <v>3441</v>
      </c>
      <c r="C1510" s="9" t="s">
        <v>16675</v>
      </c>
      <c r="D1510" s="9" t="s">
        <v>16676</v>
      </c>
      <c r="E1510" s="10"/>
      <c r="F1510" s="10" t="s">
        <v>16677</v>
      </c>
      <c r="G1510" s="8" t="s">
        <v>16678</v>
      </c>
      <c r="H1510" s="8" t="s">
        <v>16679</v>
      </c>
      <c r="I1510" s="11">
        <v>44253</v>
      </c>
      <c r="J1510" s="11">
        <v>44253</v>
      </c>
      <c r="K1510" s="11">
        <v>46295</v>
      </c>
    </row>
    <row r="1511" spans="1:11" x14ac:dyDescent="0.4">
      <c r="A1511" s="8" t="s">
        <v>11818</v>
      </c>
      <c r="B1511" s="8" t="s">
        <v>633</v>
      </c>
      <c r="C1511" s="9" t="s">
        <v>16680</v>
      </c>
      <c r="D1511" s="9" t="s">
        <v>16681</v>
      </c>
      <c r="E1511" s="10"/>
      <c r="F1511" s="10"/>
      <c r="G1511" s="8"/>
      <c r="H1511" s="8" t="s">
        <v>16682</v>
      </c>
      <c r="I1511" s="11">
        <v>44286</v>
      </c>
      <c r="J1511" s="11">
        <v>44286</v>
      </c>
      <c r="K1511" s="11">
        <v>46507</v>
      </c>
    </row>
    <row r="1512" spans="1:11" x14ac:dyDescent="0.4">
      <c r="A1512" s="8" t="s">
        <v>11818</v>
      </c>
      <c r="B1512" s="8" t="s">
        <v>793</v>
      </c>
      <c r="C1512" s="9" t="s">
        <v>9249</v>
      </c>
      <c r="D1512" s="9" t="s">
        <v>16683</v>
      </c>
      <c r="E1512" s="10"/>
      <c r="F1512" s="10"/>
      <c r="G1512" s="8"/>
      <c r="H1512" s="8" t="s">
        <v>16684</v>
      </c>
      <c r="I1512" s="11">
        <v>44256</v>
      </c>
      <c r="J1512" s="11">
        <v>44256</v>
      </c>
      <c r="K1512" s="11">
        <v>46477</v>
      </c>
    </row>
    <row r="1513" spans="1:11" x14ac:dyDescent="0.4">
      <c r="A1513" s="8" t="s">
        <v>11818</v>
      </c>
      <c r="B1513" s="8" t="s">
        <v>2044</v>
      </c>
      <c r="C1513" s="9" t="s">
        <v>16685</v>
      </c>
      <c r="D1513" s="9" t="s">
        <v>11437</v>
      </c>
      <c r="E1513" s="10" t="s">
        <v>13200</v>
      </c>
      <c r="F1513" s="10" t="s">
        <v>16686</v>
      </c>
      <c r="G1513" s="8" t="s">
        <v>16687</v>
      </c>
      <c r="H1513" s="8" t="s">
        <v>16688</v>
      </c>
      <c r="I1513" s="11">
        <v>43755</v>
      </c>
      <c r="J1513" s="11">
        <v>43755</v>
      </c>
      <c r="K1513" s="11">
        <v>46295</v>
      </c>
    </row>
    <row r="1514" spans="1:11" x14ac:dyDescent="0.4">
      <c r="A1514" s="8" t="s">
        <v>11818</v>
      </c>
      <c r="B1514" s="8" t="s">
        <v>633</v>
      </c>
      <c r="C1514" s="9" t="s">
        <v>16689</v>
      </c>
      <c r="D1514" s="9" t="s">
        <v>11437</v>
      </c>
      <c r="E1514" s="10" t="s">
        <v>13200</v>
      </c>
      <c r="F1514" s="10" t="s">
        <v>16690</v>
      </c>
      <c r="G1514" s="8" t="s">
        <v>16691</v>
      </c>
      <c r="H1514" s="8" t="s">
        <v>16692</v>
      </c>
      <c r="I1514" s="11">
        <v>43755</v>
      </c>
      <c r="J1514" s="11">
        <v>43755</v>
      </c>
      <c r="K1514" s="11">
        <v>46295</v>
      </c>
    </row>
    <row r="1515" spans="1:11" x14ac:dyDescent="0.4">
      <c r="A1515" s="8" t="s">
        <v>11818</v>
      </c>
      <c r="B1515" s="8" t="s">
        <v>48</v>
      </c>
      <c r="C1515" s="9" t="s">
        <v>16693</v>
      </c>
      <c r="D1515" s="9" t="s">
        <v>16694</v>
      </c>
      <c r="E1515" s="10" t="s">
        <v>16695</v>
      </c>
      <c r="F1515" s="10"/>
      <c r="G1515" s="8"/>
      <c r="H1515" s="8" t="s">
        <v>16696</v>
      </c>
      <c r="I1515" s="11">
        <v>43746</v>
      </c>
      <c r="J1515" s="11">
        <v>43746</v>
      </c>
      <c r="K1515" s="11">
        <v>46295</v>
      </c>
    </row>
    <row r="1516" spans="1:11" x14ac:dyDescent="0.4">
      <c r="A1516" s="8" t="s">
        <v>11818</v>
      </c>
      <c r="B1516" s="8" t="s">
        <v>633</v>
      </c>
      <c r="C1516" s="9" t="s">
        <v>16697</v>
      </c>
      <c r="D1516" s="9" t="s">
        <v>16698</v>
      </c>
      <c r="E1516" s="10"/>
      <c r="F1516" s="10" t="s">
        <v>9515</v>
      </c>
      <c r="G1516" s="8" t="s">
        <v>16699</v>
      </c>
      <c r="H1516" s="8" t="s">
        <v>16700</v>
      </c>
      <c r="I1516" s="11">
        <v>43746</v>
      </c>
      <c r="J1516" s="11">
        <v>43746</v>
      </c>
      <c r="K1516" s="11">
        <v>46203</v>
      </c>
    </row>
    <row r="1517" spans="1:11" x14ac:dyDescent="0.4">
      <c r="A1517" s="8" t="s">
        <v>11818</v>
      </c>
      <c r="B1517" s="8" t="s">
        <v>2044</v>
      </c>
      <c r="C1517" s="9" t="s">
        <v>16701</v>
      </c>
      <c r="D1517" s="9" t="s">
        <v>11437</v>
      </c>
      <c r="E1517" s="10" t="s">
        <v>11467</v>
      </c>
      <c r="F1517" s="10" t="s">
        <v>16563</v>
      </c>
      <c r="G1517" s="8" t="s">
        <v>16564</v>
      </c>
      <c r="H1517" s="8" t="s">
        <v>16702</v>
      </c>
      <c r="I1517" s="11">
        <v>43749</v>
      </c>
      <c r="J1517" s="11">
        <v>43749</v>
      </c>
      <c r="K1517" s="11">
        <v>46295</v>
      </c>
    </row>
    <row r="1518" spans="1:11" x14ac:dyDescent="0.4">
      <c r="A1518" s="8" t="s">
        <v>11818</v>
      </c>
      <c r="B1518" s="8" t="s">
        <v>633</v>
      </c>
      <c r="C1518" s="9" t="s">
        <v>16703</v>
      </c>
      <c r="D1518" s="9" t="s">
        <v>11437</v>
      </c>
      <c r="E1518" s="10" t="s">
        <v>16704</v>
      </c>
      <c r="F1518" s="10" t="s">
        <v>440</v>
      </c>
      <c r="G1518" s="8" t="s">
        <v>16705</v>
      </c>
      <c r="H1518" s="8" t="s">
        <v>16706</v>
      </c>
      <c r="I1518" s="11">
        <v>43749</v>
      </c>
      <c r="J1518" s="11">
        <v>43749</v>
      </c>
      <c r="K1518" s="11">
        <v>46295</v>
      </c>
    </row>
    <row r="1519" spans="1:11" x14ac:dyDescent="0.4">
      <c r="A1519" s="8" t="s">
        <v>11818</v>
      </c>
      <c r="B1519" s="8" t="s">
        <v>2044</v>
      </c>
      <c r="C1519" s="9" t="s">
        <v>16707</v>
      </c>
      <c r="D1519" s="9" t="s">
        <v>11437</v>
      </c>
      <c r="E1519" s="10" t="s">
        <v>11467</v>
      </c>
      <c r="F1519" s="10" t="s">
        <v>7974</v>
      </c>
      <c r="G1519" s="8" t="s">
        <v>16708</v>
      </c>
      <c r="H1519" s="8" t="s">
        <v>16709</v>
      </c>
      <c r="I1519" s="11">
        <v>43749</v>
      </c>
      <c r="J1519" s="11">
        <v>43749</v>
      </c>
      <c r="K1519" s="11">
        <v>46295</v>
      </c>
    </row>
    <row r="1520" spans="1:11" x14ac:dyDescent="0.4">
      <c r="A1520" s="8" t="s">
        <v>11818</v>
      </c>
      <c r="B1520" s="8" t="s">
        <v>2044</v>
      </c>
      <c r="C1520" s="9" t="s">
        <v>16710</v>
      </c>
      <c r="D1520" s="9" t="s">
        <v>11437</v>
      </c>
      <c r="E1520" s="10" t="s">
        <v>11467</v>
      </c>
      <c r="F1520" s="10" t="s">
        <v>16711</v>
      </c>
      <c r="G1520" s="8" t="s">
        <v>16712</v>
      </c>
      <c r="H1520" s="8" t="s">
        <v>16713</v>
      </c>
      <c r="I1520" s="11">
        <v>43749</v>
      </c>
      <c r="J1520" s="11">
        <v>43749</v>
      </c>
      <c r="K1520" s="11">
        <v>46295</v>
      </c>
    </row>
    <row r="1521" spans="1:11" x14ac:dyDescent="0.4">
      <c r="A1521" s="8" t="s">
        <v>11818</v>
      </c>
      <c r="B1521" s="8" t="s">
        <v>698</v>
      </c>
      <c r="C1521" s="9" t="s">
        <v>16714</v>
      </c>
      <c r="D1521" s="9" t="s">
        <v>11437</v>
      </c>
      <c r="E1521" s="10" t="s">
        <v>11467</v>
      </c>
      <c r="F1521" s="10" t="s">
        <v>16715</v>
      </c>
      <c r="G1521" s="8" t="s">
        <v>16716</v>
      </c>
      <c r="H1521" s="8" t="s">
        <v>16717</v>
      </c>
      <c r="I1521" s="11">
        <v>43749</v>
      </c>
      <c r="J1521" s="11">
        <v>43749</v>
      </c>
      <c r="K1521" s="11">
        <v>46295</v>
      </c>
    </row>
    <row r="1522" spans="1:11" x14ac:dyDescent="0.4">
      <c r="A1522" s="8" t="s">
        <v>11818</v>
      </c>
      <c r="B1522" s="8" t="s">
        <v>48</v>
      </c>
      <c r="C1522" s="9" t="s">
        <v>16718</v>
      </c>
      <c r="D1522" s="9" t="s">
        <v>15118</v>
      </c>
      <c r="E1522" s="10" t="s">
        <v>16719</v>
      </c>
      <c r="F1522" s="10"/>
      <c r="G1522" s="8"/>
      <c r="H1522" s="8" t="s">
        <v>16720</v>
      </c>
      <c r="I1522" s="11">
        <v>43749</v>
      </c>
      <c r="J1522" s="11">
        <v>43749</v>
      </c>
      <c r="K1522" s="11">
        <v>45626</v>
      </c>
    </row>
    <row r="1523" spans="1:11" x14ac:dyDescent="0.4">
      <c r="A1523" s="8" t="s">
        <v>11818</v>
      </c>
      <c r="B1523" s="8" t="s">
        <v>633</v>
      </c>
      <c r="C1523" s="9" t="s">
        <v>16721</v>
      </c>
      <c r="D1523" s="9" t="s">
        <v>11437</v>
      </c>
      <c r="E1523" s="10" t="s">
        <v>16704</v>
      </c>
      <c r="F1523" s="10" t="s">
        <v>16722</v>
      </c>
      <c r="G1523" s="8" t="s">
        <v>16723</v>
      </c>
      <c r="H1523" s="8" t="s">
        <v>16724</v>
      </c>
      <c r="I1523" s="11">
        <v>43753</v>
      </c>
      <c r="J1523" s="11">
        <v>43753</v>
      </c>
      <c r="K1523" s="11">
        <v>46295</v>
      </c>
    </row>
    <row r="1524" spans="1:11" x14ac:dyDescent="0.4">
      <c r="A1524" s="8" t="s">
        <v>11818</v>
      </c>
      <c r="B1524" s="8" t="s">
        <v>633</v>
      </c>
      <c r="C1524" s="9" t="s">
        <v>16725</v>
      </c>
      <c r="D1524" s="9" t="s">
        <v>11437</v>
      </c>
      <c r="E1524" s="10" t="s">
        <v>16704</v>
      </c>
      <c r="F1524" s="10" t="s">
        <v>16726</v>
      </c>
      <c r="G1524" s="8" t="s">
        <v>16727</v>
      </c>
      <c r="H1524" s="8" t="s">
        <v>16728</v>
      </c>
      <c r="I1524" s="11">
        <v>43753</v>
      </c>
      <c r="J1524" s="11">
        <v>43753</v>
      </c>
      <c r="K1524" s="11">
        <v>46295</v>
      </c>
    </row>
    <row r="1525" spans="1:11" x14ac:dyDescent="0.4">
      <c r="A1525" s="8" t="s">
        <v>11818</v>
      </c>
      <c r="B1525" s="8" t="s">
        <v>2044</v>
      </c>
      <c r="C1525" s="9" t="s">
        <v>16729</v>
      </c>
      <c r="D1525" s="9" t="s">
        <v>11437</v>
      </c>
      <c r="E1525" s="10" t="s">
        <v>16704</v>
      </c>
      <c r="F1525" s="10" t="s">
        <v>16722</v>
      </c>
      <c r="G1525" s="8" t="s">
        <v>16723</v>
      </c>
      <c r="H1525" s="8" t="s">
        <v>16730</v>
      </c>
      <c r="I1525" s="11">
        <v>43753</v>
      </c>
      <c r="J1525" s="11">
        <v>43753</v>
      </c>
      <c r="K1525" s="11">
        <v>46295</v>
      </c>
    </row>
    <row r="1526" spans="1:11" x14ac:dyDescent="0.4">
      <c r="A1526" s="8" t="s">
        <v>11818</v>
      </c>
      <c r="B1526" s="8" t="s">
        <v>2044</v>
      </c>
      <c r="C1526" s="9" t="s">
        <v>16731</v>
      </c>
      <c r="D1526" s="9" t="s">
        <v>11437</v>
      </c>
      <c r="E1526" s="10" t="s">
        <v>16704</v>
      </c>
      <c r="F1526" s="10" t="s">
        <v>2004</v>
      </c>
      <c r="G1526" s="8" t="s">
        <v>16732</v>
      </c>
      <c r="H1526" s="8" t="s">
        <v>16733</v>
      </c>
      <c r="I1526" s="11">
        <v>43753</v>
      </c>
      <c r="J1526" s="11">
        <v>43753</v>
      </c>
      <c r="K1526" s="11">
        <v>46295</v>
      </c>
    </row>
    <row r="1527" spans="1:11" x14ac:dyDescent="0.4">
      <c r="A1527" s="8" t="s">
        <v>11818</v>
      </c>
      <c r="B1527" s="8" t="s">
        <v>698</v>
      </c>
      <c r="C1527" s="9" t="s">
        <v>16734</v>
      </c>
      <c r="D1527" s="9" t="s">
        <v>11437</v>
      </c>
      <c r="E1527" s="10" t="s">
        <v>16704</v>
      </c>
      <c r="F1527" s="10" t="s">
        <v>16735</v>
      </c>
      <c r="G1527" s="8" t="s">
        <v>14432</v>
      </c>
      <c r="H1527" s="8" t="s">
        <v>16736</v>
      </c>
      <c r="I1527" s="11">
        <v>43753</v>
      </c>
      <c r="J1527" s="11">
        <v>43753</v>
      </c>
      <c r="K1527" s="11">
        <v>46295</v>
      </c>
    </row>
    <row r="1528" spans="1:11" x14ac:dyDescent="0.4">
      <c r="A1528" s="8" t="s">
        <v>11818</v>
      </c>
      <c r="B1528" s="8" t="s">
        <v>2044</v>
      </c>
      <c r="C1528" s="9" t="s">
        <v>16737</v>
      </c>
      <c r="D1528" s="9" t="s">
        <v>11437</v>
      </c>
      <c r="E1528" s="10" t="s">
        <v>11467</v>
      </c>
      <c r="F1528" s="10"/>
      <c r="G1528" s="8"/>
      <c r="H1528" s="8" t="s">
        <v>16738</v>
      </c>
      <c r="I1528" s="11">
        <v>43755</v>
      </c>
      <c r="J1528" s="11">
        <v>43755</v>
      </c>
      <c r="K1528" s="11">
        <v>46295</v>
      </c>
    </row>
    <row r="1529" spans="1:11" x14ac:dyDescent="0.4">
      <c r="A1529" s="8" t="s">
        <v>11818</v>
      </c>
      <c r="B1529" s="8" t="s">
        <v>2044</v>
      </c>
      <c r="C1529" s="9" t="s">
        <v>16739</v>
      </c>
      <c r="D1529" s="9" t="s">
        <v>11437</v>
      </c>
      <c r="E1529" s="10" t="s">
        <v>11467</v>
      </c>
      <c r="F1529" s="10" t="s">
        <v>2316</v>
      </c>
      <c r="G1529" s="8" t="s">
        <v>16740</v>
      </c>
      <c r="H1529" s="8" t="s">
        <v>16741</v>
      </c>
      <c r="I1529" s="11">
        <v>43755</v>
      </c>
      <c r="J1529" s="11">
        <v>43755</v>
      </c>
      <c r="K1529" s="11">
        <v>46295</v>
      </c>
    </row>
    <row r="1530" spans="1:11" x14ac:dyDescent="0.4">
      <c r="A1530" s="8" t="s">
        <v>11818</v>
      </c>
      <c r="B1530" s="8" t="s">
        <v>633</v>
      </c>
      <c r="C1530" s="9" t="s">
        <v>16742</v>
      </c>
      <c r="D1530" s="9" t="s">
        <v>11437</v>
      </c>
      <c r="E1530" s="10" t="s">
        <v>11467</v>
      </c>
      <c r="F1530" s="10" t="s">
        <v>13457</v>
      </c>
      <c r="G1530" s="8" t="s">
        <v>16743</v>
      </c>
      <c r="H1530" s="8" t="s">
        <v>16744</v>
      </c>
      <c r="I1530" s="11">
        <v>43755</v>
      </c>
      <c r="J1530" s="11">
        <v>43755</v>
      </c>
      <c r="K1530" s="11">
        <v>46295</v>
      </c>
    </row>
    <row r="1531" spans="1:11" x14ac:dyDescent="0.4">
      <c r="A1531" s="8" t="s">
        <v>11818</v>
      </c>
      <c r="B1531" s="8" t="s">
        <v>6444</v>
      </c>
      <c r="C1531" s="9" t="s">
        <v>16745</v>
      </c>
      <c r="D1531" s="9" t="s">
        <v>11437</v>
      </c>
      <c r="E1531" s="10" t="s">
        <v>16704</v>
      </c>
      <c r="F1531" s="10" t="s">
        <v>15013</v>
      </c>
      <c r="G1531" s="8" t="s">
        <v>16746</v>
      </c>
      <c r="H1531" s="8" t="s">
        <v>16747</v>
      </c>
      <c r="I1531" s="11">
        <v>43750</v>
      </c>
      <c r="J1531" s="11">
        <v>43750</v>
      </c>
      <c r="K1531" s="11">
        <v>46295</v>
      </c>
    </row>
    <row r="1532" spans="1:11" x14ac:dyDescent="0.4">
      <c r="A1532" s="8" t="s">
        <v>11818</v>
      </c>
      <c r="B1532" s="8" t="s">
        <v>698</v>
      </c>
      <c r="C1532" s="9" t="s">
        <v>16748</v>
      </c>
      <c r="D1532" s="9" t="s">
        <v>11437</v>
      </c>
      <c r="E1532" s="10" t="s">
        <v>16704</v>
      </c>
      <c r="F1532" s="10" t="s">
        <v>7707</v>
      </c>
      <c r="G1532" s="8" t="s">
        <v>16749</v>
      </c>
      <c r="H1532" s="8" t="s">
        <v>16750</v>
      </c>
      <c r="I1532" s="11">
        <v>43750</v>
      </c>
      <c r="J1532" s="11">
        <v>43750</v>
      </c>
      <c r="K1532" s="11">
        <v>46295</v>
      </c>
    </row>
    <row r="1533" spans="1:11" x14ac:dyDescent="0.4">
      <c r="A1533" s="8" t="s">
        <v>11818</v>
      </c>
      <c r="B1533" s="8" t="s">
        <v>48</v>
      </c>
      <c r="C1533" s="9" t="s">
        <v>16751</v>
      </c>
      <c r="D1533" s="9" t="s">
        <v>16752</v>
      </c>
      <c r="E1533" s="10"/>
      <c r="F1533" s="10" t="s">
        <v>16753</v>
      </c>
      <c r="G1533" s="8" t="s">
        <v>16754</v>
      </c>
      <c r="H1533" s="8" t="s">
        <v>16755</v>
      </c>
      <c r="I1533" s="11">
        <v>43754</v>
      </c>
      <c r="J1533" s="11">
        <v>43754</v>
      </c>
      <c r="K1533" s="11">
        <v>45838</v>
      </c>
    </row>
    <row r="1534" spans="1:11" x14ac:dyDescent="0.4">
      <c r="A1534" s="8" t="s">
        <v>11818</v>
      </c>
      <c r="B1534" s="8" t="s">
        <v>1926</v>
      </c>
      <c r="C1534" s="9" t="s">
        <v>16756</v>
      </c>
      <c r="D1534" s="9" t="s">
        <v>16757</v>
      </c>
      <c r="E1534" s="10"/>
      <c r="F1534" s="10" t="s">
        <v>16758</v>
      </c>
      <c r="G1534" s="8" t="s">
        <v>16759</v>
      </c>
      <c r="H1534" s="8" t="s">
        <v>16760</v>
      </c>
      <c r="I1534" s="11">
        <v>43754</v>
      </c>
      <c r="J1534" s="11">
        <v>43754</v>
      </c>
      <c r="K1534" s="11">
        <v>46568</v>
      </c>
    </row>
    <row r="1535" spans="1:11" x14ac:dyDescent="0.4">
      <c r="A1535" s="8" t="s">
        <v>11818</v>
      </c>
      <c r="B1535" s="8" t="s">
        <v>3441</v>
      </c>
      <c r="C1535" s="9" t="s">
        <v>16756</v>
      </c>
      <c r="D1535" s="9" t="s">
        <v>16757</v>
      </c>
      <c r="E1535" s="10"/>
      <c r="F1535" s="10" t="s">
        <v>16758</v>
      </c>
      <c r="G1535" s="8" t="s">
        <v>16759</v>
      </c>
      <c r="H1535" s="8" t="s">
        <v>16761</v>
      </c>
      <c r="I1535" s="11">
        <v>43754</v>
      </c>
      <c r="J1535" s="11">
        <v>43754</v>
      </c>
      <c r="K1535" s="11">
        <v>46568</v>
      </c>
    </row>
    <row r="1536" spans="1:11" x14ac:dyDescent="0.4">
      <c r="A1536" s="8" t="s">
        <v>11818</v>
      </c>
      <c r="B1536" s="8" t="s">
        <v>48</v>
      </c>
      <c r="C1536" s="9" t="s">
        <v>16762</v>
      </c>
      <c r="D1536" s="9" t="s">
        <v>16763</v>
      </c>
      <c r="E1536" s="10" t="s">
        <v>767</v>
      </c>
      <c r="F1536" s="10" t="s">
        <v>16764</v>
      </c>
      <c r="G1536" s="8" t="s">
        <v>16765</v>
      </c>
      <c r="H1536" s="8" t="s">
        <v>16766</v>
      </c>
      <c r="I1536" s="11">
        <v>43756</v>
      </c>
      <c r="J1536" s="11">
        <v>43756</v>
      </c>
      <c r="K1536" s="11">
        <v>45626</v>
      </c>
    </row>
    <row r="1537" spans="1:11" x14ac:dyDescent="0.4">
      <c r="A1537" s="8" t="s">
        <v>11818</v>
      </c>
      <c r="B1537" s="8" t="s">
        <v>48</v>
      </c>
      <c r="C1537" s="9" t="s">
        <v>16767</v>
      </c>
      <c r="D1537" s="9" t="s">
        <v>16768</v>
      </c>
      <c r="E1537" s="10" t="s">
        <v>16769</v>
      </c>
      <c r="F1537" s="10"/>
      <c r="G1537" s="8"/>
      <c r="H1537" s="8" t="s">
        <v>16770</v>
      </c>
      <c r="I1537" s="11">
        <v>43764</v>
      </c>
      <c r="J1537" s="11">
        <v>43761</v>
      </c>
      <c r="K1537" s="11">
        <v>45991</v>
      </c>
    </row>
    <row r="1538" spans="1:11" x14ac:dyDescent="0.4">
      <c r="A1538" s="8" t="s">
        <v>11818</v>
      </c>
      <c r="B1538" s="8" t="s">
        <v>48</v>
      </c>
      <c r="C1538" s="9" t="s">
        <v>16771</v>
      </c>
      <c r="D1538" s="9" t="s">
        <v>15163</v>
      </c>
      <c r="E1538" s="10" t="s">
        <v>16772</v>
      </c>
      <c r="F1538" s="10"/>
      <c r="G1538" s="8"/>
      <c r="H1538" s="8" t="s">
        <v>16773</v>
      </c>
      <c r="I1538" s="11">
        <v>43762</v>
      </c>
      <c r="J1538" s="11">
        <v>43762</v>
      </c>
      <c r="K1538" s="11">
        <v>45626</v>
      </c>
    </row>
    <row r="1539" spans="1:11" x14ac:dyDescent="0.4">
      <c r="A1539" s="8" t="s">
        <v>11818</v>
      </c>
      <c r="B1539" s="8" t="s">
        <v>48</v>
      </c>
      <c r="C1539" s="9" t="s">
        <v>16774</v>
      </c>
      <c r="D1539" s="9" t="s">
        <v>16194</v>
      </c>
      <c r="E1539" s="10" t="s">
        <v>16775</v>
      </c>
      <c r="F1539" s="10" t="s">
        <v>16776</v>
      </c>
      <c r="G1539" s="8" t="s">
        <v>16777</v>
      </c>
      <c r="H1539" s="8" t="s">
        <v>16778</v>
      </c>
      <c r="I1539" s="11">
        <v>43762</v>
      </c>
      <c r="J1539" s="11">
        <v>43762</v>
      </c>
      <c r="K1539" s="11">
        <v>46173</v>
      </c>
    </row>
    <row r="1540" spans="1:11" x14ac:dyDescent="0.4">
      <c r="A1540" s="8" t="s">
        <v>11818</v>
      </c>
      <c r="B1540" s="8" t="s">
        <v>633</v>
      </c>
      <c r="C1540" s="9" t="s">
        <v>16779</v>
      </c>
      <c r="D1540" s="9" t="s">
        <v>16780</v>
      </c>
      <c r="E1540" s="10"/>
      <c r="F1540" s="10"/>
      <c r="G1540" s="8"/>
      <c r="H1540" s="8" t="s">
        <v>16781</v>
      </c>
      <c r="I1540" s="11">
        <v>43763</v>
      </c>
      <c r="J1540" s="11">
        <v>43763</v>
      </c>
      <c r="K1540" s="11">
        <v>46203</v>
      </c>
    </row>
    <row r="1541" spans="1:11" x14ac:dyDescent="0.4">
      <c r="A1541" s="8" t="s">
        <v>11818</v>
      </c>
      <c r="B1541" s="8" t="s">
        <v>48</v>
      </c>
      <c r="C1541" s="9" t="s">
        <v>16782</v>
      </c>
      <c r="D1541" s="9" t="s">
        <v>16783</v>
      </c>
      <c r="E1541" s="10"/>
      <c r="F1541" s="10"/>
      <c r="G1541" s="8"/>
      <c r="H1541" s="8" t="s">
        <v>16784</v>
      </c>
      <c r="I1541" s="11">
        <v>43763</v>
      </c>
      <c r="J1541" s="11">
        <v>43763</v>
      </c>
      <c r="K1541" s="11">
        <v>45930</v>
      </c>
    </row>
    <row r="1542" spans="1:11" x14ac:dyDescent="0.4">
      <c r="A1542" s="8" t="s">
        <v>11818</v>
      </c>
      <c r="B1542" s="8" t="s">
        <v>48</v>
      </c>
      <c r="C1542" s="9" t="s">
        <v>16785</v>
      </c>
      <c r="D1542" s="9" t="s">
        <v>14366</v>
      </c>
      <c r="E1542" s="10" t="s">
        <v>16786</v>
      </c>
      <c r="F1542" s="10"/>
      <c r="G1542" s="8"/>
      <c r="H1542" s="8" t="s">
        <v>16787</v>
      </c>
      <c r="I1542" s="11">
        <v>43777</v>
      </c>
      <c r="J1542" s="11">
        <v>43777</v>
      </c>
      <c r="K1542" s="11">
        <v>45626</v>
      </c>
    </row>
    <row r="1543" spans="1:11" x14ac:dyDescent="0.4">
      <c r="A1543" s="8" t="s">
        <v>11818</v>
      </c>
      <c r="B1543" s="8" t="s">
        <v>48</v>
      </c>
      <c r="C1543" s="9" t="s">
        <v>16788</v>
      </c>
      <c r="D1543" s="9" t="s">
        <v>14031</v>
      </c>
      <c r="E1543" s="10" t="s">
        <v>16789</v>
      </c>
      <c r="F1543" s="10"/>
      <c r="G1543" s="8"/>
      <c r="H1543" s="8" t="s">
        <v>16790</v>
      </c>
      <c r="I1543" s="11">
        <v>43768</v>
      </c>
      <c r="J1543" s="11">
        <v>43768</v>
      </c>
      <c r="K1543" s="11">
        <v>45991</v>
      </c>
    </row>
    <row r="1544" spans="1:11" x14ac:dyDescent="0.4">
      <c r="A1544" s="8" t="s">
        <v>11818</v>
      </c>
      <c r="B1544" s="8" t="s">
        <v>3441</v>
      </c>
      <c r="C1544" s="9" t="s">
        <v>16791</v>
      </c>
      <c r="D1544" s="9" t="s">
        <v>16792</v>
      </c>
      <c r="E1544" s="10"/>
      <c r="F1544" s="10"/>
      <c r="G1544" s="8"/>
      <c r="H1544" s="8" t="s">
        <v>16793</v>
      </c>
      <c r="I1544" s="11">
        <v>43775</v>
      </c>
      <c r="J1544" s="11">
        <v>43775</v>
      </c>
      <c r="K1544" s="11">
        <v>45838</v>
      </c>
    </row>
    <row r="1545" spans="1:11" x14ac:dyDescent="0.4">
      <c r="A1545" s="8" t="s">
        <v>11818</v>
      </c>
      <c r="B1545" s="8" t="s">
        <v>6444</v>
      </c>
      <c r="C1545" s="9" t="s">
        <v>14280</v>
      </c>
      <c r="D1545" s="9" t="s">
        <v>14281</v>
      </c>
      <c r="E1545" s="10"/>
      <c r="F1545" s="10"/>
      <c r="G1545" s="8"/>
      <c r="H1545" s="8" t="s">
        <v>16794</v>
      </c>
      <c r="I1545" s="11">
        <v>43775</v>
      </c>
      <c r="J1545" s="11">
        <v>43775</v>
      </c>
      <c r="K1545" s="11">
        <v>46203</v>
      </c>
    </row>
    <row r="1546" spans="1:11" x14ac:dyDescent="0.4">
      <c r="A1546" s="8" t="s">
        <v>11818</v>
      </c>
      <c r="B1546" s="8" t="s">
        <v>3441</v>
      </c>
      <c r="C1546" s="9" t="s">
        <v>16795</v>
      </c>
      <c r="D1546" s="9" t="s">
        <v>16796</v>
      </c>
      <c r="E1546" s="10"/>
      <c r="F1546" s="10"/>
      <c r="G1546" s="8"/>
      <c r="H1546" s="8" t="s">
        <v>16797</v>
      </c>
      <c r="I1546" s="11">
        <v>43776</v>
      </c>
      <c r="J1546" s="11">
        <v>43776</v>
      </c>
      <c r="K1546" s="11">
        <v>46203</v>
      </c>
    </row>
    <row r="1547" spans="1:11" x14ac:dyDescent="0.4">
      <c r="A1547" s="8" t="s">
        <v>11818</v>
      </c>
      <c r="B1547" s="8" t="s">
        <v>48</v>
      </c>
      <c r="C1547" s="9" t="s">
        <v>16798</v>
      </c>
      <c r="D1547" s="9" t="s">
        <v>16799</v>
      </c>
      <c r="E1547" s="10" t="s">
        <v>16800</v>
      </c>
      <c r="F1547" s="10"/>
      <c r="G1547" s="8"/>
      <c r="H1547" s="8" t="s">
        <v>16801</v>
      </c>
      <c r="I1547" s="11">
        <v>43777</v>
      </c>
      <c r="J1547" s="11">
        <v>43777</v>
      </c>
      <c r="K1547" s="11">
        <v>45991</v>
      </c>
    </row>
    <row r="1548" spans="1:11" x14ac:dyDescent="0.4">
      <c r="A1548" s="8" t="s">
        <v>11818</v>
      </c>
      <c r="B1548" s="8" t="s">
        <v>3441</v>
      </c>
      <c r="C1548" s="9" t="s">
        <v>16802</v>
      </c>
      <c r="D1548" s="9" t="s">
        <v>16803</v>
      </c>
      <c r="E1548" s="10"/>
      <c r="F1548" s="10"/>
      <c r="G1548" s="8"/>
      <c r="H1548" s="8" t="s">
        <v>16804</v>
      </c>
      <c r="I1548" s="11">
        <v>43784</v>
      </c>
      <c r="J1548" s="11">
        <v>43784</v>
      </c>
      <c r="K1548" s="11">
        <v>46295</v>
      </c>
    </row>
    <row r="1549" spans="1:11" x14ac:dyDescent="0.4">
      <c r="A1549" s="8" t="s">
        <v>11818</v>
      </c>
      <c r="B1549" s="8" t="s">
        <v>48</v>
      </c>
      <c r="C1549" s="9" t="s">
        <v>16805</v>
      </c>
      <c r="D1549" s="9" t="s">
        <v>16806</v>
      </c>
      <c r="E1549" s="10" t="s">
        <v>16807</v>
      </c>
      <c r="F1549" s="10"/>
      <c r="G1549" s="8"/>
      <c r="H1549" s="8" t="s">
        <v>16808</v>
      </c>
      <c r="I1549" s="11">
        <v>43798</v>
      </c>
      <c r="J1549" s="11">
        <v>43798</v>
      </c>
      <c r="K1549" s="11">
        <v>46295</v>
      </c>
    </row>
    <row r="1550" spans="1:11" x14ac:dyDescent="0.4">
      <c r="A1550" s="8" t="s">
        <v>11818</v>
      </c>
      <c r="B1550" s="8" t="s">
        <v>48</v>
      </c>
      <c r="C1550" s="9" t="s">
        <v>16809</v>
      </c>
      <c r="D1550" s="9" t="s">
        <v>15955</v>
      </c>
      <c r="E1550" s="10" t="s">
        <v>16810</v>
      </c>
      <c r="F1550" s="10"/>
      <c r="G1550" s="8"/>
      <c r="H1550" s="8" t="s">
        <v>16811</v>
      </c>
      <c r="I1550" s="11">
        <v>43781</v>
      </c>
      <c r="J1550" s="11">
        <v>43781</v>
      </c>
      <c r="K1550" s="11">
        <v>45991</v>
      </c>
    </row>
    <row r="1551" spans="1:11" x14ac:dyDescent="0.4">
      <c r="A1551" s="8" t="s">
        <v>11818</v>
      </c>
      <c r="B1551" s="8" t="s">
        <v>48</v>
      </c>
      <c r="C1551" s="9" t="s">
        <v>16812</v>
      </c>
      <c r="D1551" s="9" t="s">
        <v>16813</v>
      </c>
      <c r="E1551" s="10" t="s">
        <v>16814</v>
      </c>
      <c r="F1551" s="10" t="s">
        <v>16815</v>
      </c>
      <c r="G1551" s="8" t="s">
        <v>16816</v>
      </c>
      <c r="H1551" s="8" t="s">
        <v>16817</v>
      </c>
      <c r="I1551" s="11">
        <v>43784</v>
      </c>
      <c r="J1551" s="11">
        <v>43784</v>
      </c>
      <c r="K1551" s="11">
        <v>46173</v>
      </c>
    </row>
    <row r="1552" spans="1:11" x14ac:dyDescent="0.4">
      <c r="A1552" s="8" t="s">
        <v>11818</v>
      </c>
      <c r="B1552" s="8" t="s">
        <v>5454</v>
      </c>
      <c r="C1552" s="9" t="s">
        <v>16818</v>
      </c>
      <c r="D1552" s="9" t="s">
        <v>15022</v>
      </c>
      <c r="E1552" s="10" t="s">
        <v>16819</v>
      </c>
      <c r="F1552" s="10" t="s">
        <v>16820</v>
      </c>
      <c r="G1552" s="8" t="s">
        <v>16821</v>
      </c>
      <c r="H1552" s="8" t="s">
        <v>16822</v>
      </c>
      <c r="I1552" s="11">
        <v>43784</v>
      </c>
      <c r="J1552" s="11">
        <v>43784</v>
      </c>
      <c r="K1552" s="11">
        <v>45991</v>
      </c>
    </row>
    <row r="1553" spans="1:11" x14ac:dyDescent="0.4">
      <c r="A1553" s="8" t="s">
        <v>11818</v>
      </c>
      <c r="B1553" s="8" t="s">
        <v>48</v>
      </c>
      <c r="C1553" s="9" t="s">
        <v>16823</v>
      </c>
      <c r="D1553" s="9" t="s">
        <v>14231</v>
      </c>
      <c r="E1553" s="10" t="s">
        <v>15026</v>
      </c>
      <c r="F1553" s="10"/>
      <c r="G1553" s="8"/>
      <c r="H1553" s="8" t="s">
        <v>16824</v>
      </c>
      <c r="I1553" s="11">
        <v>43783</v>
      </c>
      <c r="J1553" s="11">
        <v>43783</v>
      </c>
      <c r="K1553" s="11">
        <v>46173</v>
      </c>
    </row>
    <row r="1554" spans="1:11" x14ac:dyDescent="0.4">
      <c r="A1554" s="8" t="s">
        <v>11818</v>
      </c>
      <c r="B1554" s="8" t="s">
        <v>9278</v>
      </c>
      <c r="C1554" s="9" t="s">
        <v>16825</v>
      </c>
      <c r="D1554" s="9" t="s">
        <v>16826</v>
      </c>
      <c r="E1554" s="10" t="s">
        <v>16827</v>
      </c>
      <c r="F1554" s="10"/>
      <c r="G1554" s="8"/>
      <c r="H1554" s="8" t="s">
        <v>16828</v>
      </c>
      <c r="I1554" s="11">
        <v>43789</v>
      </c>
      <c r="J1554" s="11">
        <v>43789</v>
      </c>
      <c r="K1554" s="11">
        <v>45626</v>
      </c>
    </row>
    <row r="1555" spans="1:11" x14ac:dyDescent="0.4">
      <c r="A1555" s="8" t="s">
        <v>11818</v>
      </c>
      <c r="B1555" s="8" t="s">
        <v>633</v>
      </c>
      <c r="C1555" s="9" t="s">
        <v>16829</v>
      </c>
      <c r="D1555" s="9" t="s">
        <v>16182</v>
      </c>
      <c r="E1555" s="10" t="s">
        <v>8015</v>
      </c>
      <c r="F1555" s="10" t="s">
        <v>16830</v>
      </c>
      <c r="G1555" s="8" t="s">
        <v>16831</v>
      </c>
      <c r="H1555" s="8" t="s">
        <v>16832</v>
      </c>
      <c r="I1555" s="11">
        <v>43800</v>
      </c>
      <c r="J1555" s="11">
        <v>43800</v>
      </c>
      <c r="K1555" s="11">
        <v>46112</v>
      </c>
    </row>
    <row r="1556" spans="1:11" x14ac:dyDescent="0.4">
      <c r="A1556" s="8" t="s">
        <v>11818</v>
      </c>
      <c r="B1556" s="8" t="s">
        <v>633</v>
      </c>
      <c r="C1556" s="9" t="s">
        <v>16833</v>
      </c>
      <c r="D1556" s="9" t="s">
        <v>14459</v>
      </c>
      <c r="E1556" s="10" t="s">
        <v>16834</v>
      </c>
      <c r="F1556" s="10" t="s">
        <v>16835</v>
      </c>
      <c r="G1556" s="8" t="s">
        <v>16836</v>
      </c>
      <c r="H1556" s="8" t="s">
        <v>16837</v>
      </c>
      <c r="I1556" s="11">
        <v>43795</v>
      </c>
      <c r="J1556" s="11">
        <v>43795</v>
      </c>
      <c r="K1556" s="11">
        <v>46173</v>
      </c>
    </row>
    <row r="1557" spans="1:11" x14ac:dyDescent="0.4">
      <c r="A1557" s="8" t="s">
        <v>11818</v>
      </c>
      <c r="B1557" s="8" t="s">
        <v>48</v>
      </c>
      <c r="C1557" s="9" t="s">
        <v>16838</v>
      </c>
      <c r="D1557" s="9" t="s">
        <v>14231</v>
      </c>
      <c r="E1557" s="10" t="s">
        <v>16839</v>
      </c>
      <c r="F1557" s="10"/>
      <c r="G1557" s="8"/>
      <c r="H1557" s="8" t="s">
        <v>16840</v>
      </c>
      <c r="I1557" s="11">
        <v>43795</v>
      </c>
      <c r="J1557" s="11">
        <v>43795</v>
      </c>
      <c r="K1557" s="11">
        <v>45808</v>
      </c>
    </row>
    <row r="1558" spans="1:11" x14ac:dyDescent="0.4">
      <c r="A1558" s="8" t="s">
        <v>11818</v>
      </c>
      <c r="B1558" s="8" t="s">
        <v>48</v>
      </c>
      <c r="C1558" s="9" t="s">
        <v>16841</v>
      </c>
      <c r="D1558" s="9" t="s">
        <v>16842</v>
      </c>
      <c r="E1558" s="10" t="s">
        <v>16843</v>
      </c>
      <c r="F1558" s="10"/>
      <c r="G1558" s="8"/>
      <c r="H1558" s="8" t="s">
        <v>16844</v>
      </c>
      <c r="I1558" s="11">
        <v>43797</v>
      </c>
      <c r="J1558" s="11">
        <v>43797</v>
      </c>
      <c r="K1558" s="11">
        <v>45626</v>
      </c>
    </row>
    <row r="1559" spans="1:11" x14ac:dyDescent="0.4">
      <c r="A1559" s="8" t="s">
        <v>11818</v>
      </c>
      <c r="B1559" s="8" t="s">
        <v>633</v>
      </c>
      <c r="C1559" s="9" t="s">
        <v>16845</v>
      </c>
      <c r="D1559" s="9" t="s">
        <v>16846</v>
      </c>
      <c r="E1559" s="10"/>
      <c r="F1559" s="10" t="s">
        <v>8313</v>
      </c>
      <c r="G1559" s="8" t="s">
        <v>12415</v>
      </c>
      <c r="H1559" s="8" t="s">
        <v>16847</v>
      </c>
      <c r="I1559" s="11">
        <v>43798</v>
      </c>
      <c r="J1559" s="11">
        <v>43798</v>
      </c>
      <c r="K1559" s="11">
        <v>46112</v>
      </c>
    </row>
    <row r="1560" spans="1:11" x14ac:dyDescent="0.4">
      <c r="A1560" s="8" t="s">
        <v>11818</v>
      </c>
      <c r="B1560" s="8" t="s">
        <v>48</v>
      </c>
      <c r="C1560" s="9" t="s">
        <v>16848</v>
      </c>
      <c r="D1560" s="9" t="s">
        <v>16849</v>
      </c>
      <c r="E1560" s="10" t="s">
        <v>16850</v>
      </c>
      <c r="F1560" s="10"/>
      <c r="G1560" s="8"/>
      <c r="H1560" s="8" t="s">
        <v>16851</v>
      </c>
      <c r="I1560" s="11">
        <v>43796</v>
      </c>
      <c r="J1560" s="11">
        <v>43796</v>
      </c>
      <c r="K1560" s="11">
        <v>46295</v>
      </c>
    </row>
    <row r="1561" spans="1:11" x14ac:dyDescent="0.4">
      <c r="A1561" s="8" t="s">
        <v>11818</v>
      </c>
      <c r="B1561" s="8" t="s">
        <v>48</v>
      </c>
      <c r="C1561" s="9" t="s">
        <v>16852</v>
      </c>
      <c r="D1561" s="9" t="s">
        <v>16853</v>
      </c>
      <c r="E1561" s="10"/>
      <c r="F1561" s="10"/>
      <c r="G1561" s="8"/>
      <c r="H1561" s="8" t="s">
        <v>16854</v>
      </c>
      <c r="I1561" s="11">
        <v>43800</v>
      </c>
      <c r="J1561" s="11">
        <v>43800</v>
      </c>
      <c r="K1561" s="11">
        <v>46326</v>
      </c>
    </row>
    <row r="1562" spans="1:11" x14ac:dyDescent="0.4">
      <c r="A1562" s="8" t="s">
        <v>11818</v>
      </c>
      <c r="B1562" s="8" t="s">
        <v>48</v>
      </c>
      <c r="C1562" s="9" t="s">
        <v>1220</v>
      </c>
      <c r="D1562" s="9" t="s">
        <v>11705</v>
      </c>
      <c r="E1562" s="10"/>
      <c r="F1562" s="10"/>
      <c r="G1562" s="8"/>
      <c r="H1562" s="8" t="s">
        <v>16855</v>
      </c>
      <c r="I1562" s="11">
        <v>43800</v>
      </c>
      <c r="J1562" s="11">
        <v>43800</v>
      </c>
      <c r="K1562" s="11">
        <v>46203</v>
      </c>
    </row>
    <row r="1563" spans="1:11" x14ac:dyDescent="0.4">
      <c r="A1563" s="8" t="s">
        <v>11818</v>
      </c>
      <c r="B1563" s="8" t="s">
        <v>48</v>
      </c>
      <c r="C1563" s="9" t="s">
        <v>16856</v>
      </c>
      <c r="D1563" s="9" t="s">
        <v>16857</v>
      </c>
      <c r="E1563" s="10" t="s">
        <v>255</v>
      </c>
      <c r="F1563" s="10"/>
      <c r="G1563" s="8"/>
      <c r="H1563" s="8" t="s">
        <v>16858</v>
      </c>
      <c r="I1563" s="11">
        <v>43802</v>
      </c>
      <c r="J1563" s="11">
        <v>43802</v>
      </c>
      <c r="K1563" s="11">
        <v>46173</v>
      </c>
    </row>
    <row r="1564" spans="1:11" x14ac:dyDescent="0.4">
      <c r="A1564" s="8" t="s">
        <v>11818</v>
      </c>
      <c r="B1564" s="8" t="s">
        <v>48</v>
      </c>
      <c r="C1564" s="9" t="s">
        <v>16859</v>
      </c>
      <c r="D1564" s="9" t="s">
        <v>16857</v>
      </c>
      <c r="E1564" s="10" t="s">
        <v>14129</v>
      </c>
      <c r="F1564" s="10"/>
      <c r="G1564" s="8"/>
      <c r="H1564" s="8" t="s">
        <v>16860</v>
      </c>
      <c r="I1564" s="11">
        <v>43802</v>
      </c>
      <c r="J1564" s="11">
        <v>43802</v>
      </c>
      <c r="K1564" s="11">
        <v>45808</v>
      </c>
    </row>
    <row r="1565" spans="1:11" x14ac:dyDescent="0.4">
      <c r="A1565" s="8" t="s">
        <v>11818</v>
      </c>
      <c r="B1565" s="8" t="s">
        <v>698</v>
      </c>
      <c r="C1565" s="9" t="s">
        <v>11808</v>
      </c>
      <c r="D1565" s="9" t="s">
        <v>11809</v>
      </c>
      <c r="E1565" s="10"/>
      <c r="F1565" s="10" t="s">
        <v>11810</v>
      </c>
      <c r="G1565" s="8" t="s">
        <v>11811</v>
      </c>
      <c r="H1565" s="8" t="s">
        <v>16861</v>
      </c>
      <c r="I1565" s="11">
        <v>43803</v>
      </c>
      <c r="J1565" s="11">
        <v>43803</v>
      </c>
      <c r="K1565" s="11">
        <v>46142</v>
      </c>
    </row>
    <row r="1566" spans="1:11" x14ac:dyDescent="0.4">
      <c r="A1566" s="8" t="s">
        <v>11818</v>
      </c>
      <c r="B1566" s="8" t="s">
        <v>48</v>
      </c>
      <c r="C1566" s="9" t="s">
        <v>16862</v>
      </c>
      <c r="D1566" s="9" t="s">
        <v>16863</v>
      </c>
      <c r="E1566" s="10" t="s">
        <v>16864</v>
      </c>
      <c r="F1566" s="10"/>
      <c r="G1566" s="8"/>
      <c r="H1566" s="8" t="s">
        <v>16865</v>
      </c>
      <c r="I1566" s="11">
        <v>43817</v>
      </c>
      <c r="J1566" s="11">
        <v>43817</v>
      </c>
      <c r="K1566" s="11">
        <v>46356</v>
      </c>
    </row>
    <row r="1567" spans="1:11" x14ac:dyDescent="0.4">
      <c r="A1567" s="8" t="s">
        <v>11818</v>
      </c>
      <c r="B1567" s="8" t="s">
        <v>698</v>
      </c>
      <c r="C1567" s="9" t="s">
        <v>16866</v>
      </c>
      <c r="D1567" s="9" t="s">
        <v>16077</v>
      </c>
      <c r="E1567" s="10"/>
      <c r="F1567" s="10"/>
      <c r="G1567" s="8"/>
      <c r="H1567" s="8" t="s">
        <v>16867</v>
      </c>
      <c r="I1567" s="11">
        <v>43805</v>
      </c>
      <c r="J1567" s="11">
        <v>43805</v>
      </c>
      <c r="K1567" s="11">
        <v>46326</v>
      </c>
    </row>
    <row r="1568" spans="1:11" x14ac:dyDescent="0.4">
      <c r="A1568" s="8" t="s">
        <v>11818</v>
      </c>
      <c r="B1568" s="8" t="s">
        <v>633</v>
      </c>
      <c r="C1568" s="9" t="s">
        <v>16868</v>
      </c>
      <c r="D1568" s="9" t="s">
        <v>16869</v>
      </c>
      <c r="E1568" s="10"/>
      <c r="F1568" s="10" t="s">
        <v>899</v>
      </c>
      <c r="G1568" s="8" t="s">
        <v>16870</v>
      </c>
      <c r="H1568" s="8" t="s">
        <v>16871</v>
      </c>
      <c r="I1568" s="11">
        <v>43810</v>
      </c>
      <c r="J1568" s="11">
        <v>43810</v>
      </c>
      <c r="K1568" s="11">
        <v>46112</v>
      </c>
    </row>
    <row r="1569" spans="1:11" x14ac:dyDescent="0.4">
      <c r="A1569" s="8" t="s">
        <v>11818</v>
      </c>
      <c r="B1569" s="8" t="s">
        <v>633</v>
      </c>
      <c r="C1569" s="9" t="s">
        <v>16872</v>
      </c>
      <c r="D1569" s="9" t="s">
        <v>16873</v>
      </c>
      <c r="E1569" s="10"/>
      <c r="F1569" s="10"/>
      <c r="G1569" s="8"/>
      <c r="H1569" s="8" t="s">
        <v>16874</v>
      </c>
      <c r="I1569" s="11">
        <v>43810</v>
      </c>
      <c r="J1569" s="11">
        <v>43810</v>
      </c>
      <c r="K1569" s="11">
        <v>46356</v>
      </c>
    </row>
    <row r="1570" spans="1:11" x14ac:dyDescent="0.4">
      <c r="A1570" s="8" t="s">
        <v>11818</v>
      </c>
      <c r="B1570" s="8" t="s">
        <v>48</v>
      </c>
      <c r="C1570" s="9" t="s">
        <v>16875</v>
      </c>
      <c r="D1570" s="9" t="s">
        <v>16876</v>
      </c>
      <c r="E1570" s="10" t="s">
        <v>16877</v>
      </c>
      <c r="F1570" s="10"/>
      <c r="G1570" s="8"/>
      <c r="H1570" s="8" t="s">
        <v>16878</v>
      </c>
      <c r="I1570" s="11">
        <v>43811</v>
      </c>
      <c r="J1570" s="11">
        <v>43811</v>
      </c>
      <c r="K1570" s="11">
        <v>46356</v>
      </c>
    </row>
    <row r="1571" spans="1:11" x14ac:dyDescent="0.4">
      <c r="A1571" s="8" t="s">
        <v>11818</v>
      </c>
      <c r="B1571" s="8" t="s">
        <v>48</v>
      </c>
      <c r="C1571" s="9" t="s">
        <v>16879</v>
      </c>
      <c r="D1571" s="9" t="s">
        <v>16880</v>
      </c>
      <c r="E1571" s="10" t="s">
        <v>16881</v>
      </c>
      <c r="F1571" s="10"/>
      <c r="G1571" s="8"/>
      <c r="H1571" s="8" t="s">
        <v>16882</v>
      </c>
      <c r="I1571" s="11">
        <v>43815</v>
      </c>
      <c r="J1571" s="11">
        <v>43815</v>
      </c>
      <c r="K1571" s="11">
        <v>46112</v>
      </c>
    </row>
    <row r="1572" spans="1:11" x14ac:dyDescent="0.4">
      <c r="A1572" s="8" t="s">
        <v>11818</v>
      </c>
      <c r="B1572" s="8" t="s">
        <v>48</v>
      </c>
      <c r="C1572" s="9" t="s">
        <v>16883</v>
      </c>
      <c r="D1572" s="9" t="s">
        <v>16884</v>
      </c>
      <c r="E1572" s="10"/>
      <c r="F1572" s="10"/>
      <c r="G1572" s="8"/>
      <c r="H1572" s="8" t="s">
        <v>16885</v>
      </c>
      <c r="I1572" s="11">
        <v>43812</v>
      </c>
      <c r="J1572" s="11">
        <v>43812</v>
      </c>
      <c r="K1572" s="11">
        <v>46112</v>
      </c>
    </row>
    <row r="1573" spans="1:11" x14ac:dyDescent="0.4">
      <c r="A1573" s="8" t="s">
        <v>11818</v>
      </c>
      <c r="B1573" s="8" t="s">
        <v>48</v>
      </c>
      <c r="C1573" s="9" t="s">
        <v>11730</v>
      </c>
      <c r="D1573" s="9" t="s">
        <v>16886</v>
      </c>
      <c r="E1573" s="10"/>
      <c r="F1573" s="10"/>
      <c r="G1573" s="8"/>
      <c r="H1573" s="8" t="s">
        <v>16887</v>
      </c>
      <c r="I1573" s="11">
        <v>43819</v>
      </c>
      <c r="J1573" s="11">
        <v>43819</v>
      </c>
      <c r="K1573" s="11">
        <v>46295</v>
      </c>
    </row>
    <row r="1574" spans="1:11" x14ac:dyDescent="0.4">
      <c r="A1574" s="8" t="s">
        <v>11818</v>
      </c>
      <c r="B1574" s="8" t="s">
        <v>633</v>
      </c>
      <c r="C1574" s="9" t="s">
        <v>16888</v>
      </c>
      <c r="D1574" s="9" t="s">
        <v>16889</v>
      </c>
      <c r="E1574" s="10"/>
      <c r="F1574" s="10" t="s">
        <v>10250</v>
      </c>
      <c r="G1574" s="8" t="s">
        <v>16890</v>
      </c>
      <c r="H1574" s="8" t="s">
        <v>16891</v>
      </c>
      <c r="I1574" s="11">
        <v>43817</v>
      </c>
      <c r="J1574" s="11">
        <v>43817</v>
      </c>
      <c r="K1574" s="11">
        <v>46326</v>
      </c>
    </row>
    <row r="1575" spans="1:11" x14ac:dyDescent="0.4">
      <c r="A1575" s="8" t="s">
        <v>11818</v>
      </c>
      <c r="B1575" s="8" t="s">
        <v>48</v>
      </c>
      <c r="C1575" s="9" t="s">
        <v>16892</v>
      </c>
      <c r="D1575" s="9" t="s">
        <v>16893</v>
      </c>
      <c r="E1575" s="10"/>
      <c r="F1575" s="10"/>
      <c r="G1575" s="8"/>
      <c r="H1575" s="8" t="s">
        <v>16894</v>
      </c>
      <c r="I1575" s="11">
        <v>43818</v>
      </c>
      <c r="J1575" s="11">
        <v>43818</v>
      </c>
      <c r="K1575" s="11">
        <v>45838</v>
      </c>
    </row>
    <row r="1576" spans="1:11" x14ac:dyDescent="0.4">
      <c r="A1576" s="8" t="s">
        <v>11818</v>
      </c>
      <c r="B1576" s="8" t="s">
        <v>48</v>
      </c>
      <c r="C1576" s="9" t="s">
        <v>16895</v>
      </c>
      <c r="D1576" s="9" t="s">
        <v>16896</v>
      </c>
      <c r="E1576" s="10" t="s">
        <v>16897</v>
      </c>
      <c r="F1576" s="10"/>
      <c r="G1576" s="8"/>
      <c r="H1576" s="8" t="s">
        <v>16898</v>
      </c>
      <c r="I1576" s="11">
        <v>43818</v>
      </c>
      <c r="J1576" s="11">
        <v>43818</v>
      </c>
      <c r="K1576" s="11">
        <v>46295</v>
      </c>
    </row>
    <row r="1577" spans="1:11" x14ac:dyDescent="0.4">
      <c r="A1577" s="8" t="s">
        <v>11818</v>
      </c>
      <c r="B1577" s="8" t="s">
        <v>48</v>
      </c>
      <c r="C1577" s="9" t="s">
        <v>16899</v>
      </c>
      <c r="D1577" s="9" t="s">
        <v>16900</v>
      </c>
      <c r="E1577" s="10" t="s">
        <v>16901</v>
      </c>
      <c r="F1577" s="10" t="s">
        <v>16902</v>
      </c>
      <c r="G1577" s="8" t="s">
        <v>16903</v>
      </c>
      <c r="H1577" s="8" t="s">
        <v>16904</v>
      </c>
      <c r="I1577" s="11">
        <v>43818</v>
      </c>
      <c r="J1577" s="11">
        <v>43818</v>
      </c>
      <c r="K1577" s="11">
        <v>46173</v>
      </c>
    </row>
    <row r="1578" spans="1:11" x14ac:dyDescent="0.4">
      <c r="A1578" s="8" t="s">
        <v>11818</v>
      </c>
      <c r="B1578" s="8" t="s">
        <v>48</v>
      </c>
      <c r="C1578" s="9" t="s">
        <v>16905</v>
      </c>
      <c r="D1578" s="9" t="s">
        <v>16906</v>
      </c>
      <c r="E1578" s="10" t="s">
        <v>16907</v>
      </c>
      <c r="F1578" s="10" t="s">
        <v>12587</v>
      </c>
      <c r="G1578" s="8" t="s">
        <v>12586</v>
      </c>
      <c r="H1578" s="8" t="s">
        <v>16908</v>
      </c>
      <c r="I1578" s="11">
        <v>43820</v>
      </c>
      <c r="J1578" s="11">
        <v>43820</v>
      </c>
      <c r="K1578" s="11">
        <v>46356</v>
      </c>
    </row>
    <row r="1579" spans="1:11" x14ac:dyDescent="0.4">
      <c r="A1579" s="8" t="s">
        <v>11818</v>
      </c>
      <c r="B1579" s="8" t="s">
        <v>633</v>
      </c>
      <c r="C1579" s="9" t="s">
        <v>16909</v>
      </c>
      <c r="D1579" s="9" t="s">
        <v>16910</v>
      </c>
      <c r="E1579" s="10" t="s">
        <v>16911</v>
      </c>
      <c r="F1579" s="10" t="s">
        <v>16912</v>
      </c>
      <c r="G1579" s="8" t="s">
        <v>16913</v>
      </c>
      <c r="H1579" s="8" t="s">
        <v>16914</v>
      </c>
      <c r="I1579" s="11">
        <v>43819</v>
      </c>
      <c r="J1579" s="11">
        <v>43819</v>
      </c>
      <c r="K1579" s="11">
        <v>46112</v>
      </c>
    </row>
    <row r="1580" spans="1:11" x14ac:dyDescent="0.4">
      <c r="A1580" s="8" t="s">
        <v>11818</v>
      </c>
      <c r="B1580" s="8" t="s">
        <v>698</v>
      </c>
      <c r="C1580" s="9" t="s">
        <v>16915</v>
      </c>
      <c r="D1580" s="9" t="s">
        <v>16916</v>
      </c>
      <c r="E1580" s="10"/>
      <c r="F1580" s="10" t="s">
        <v>16917</v>
      </c>
      <c r="G1580" s="8" t="s">
        <v>16918</v>
      </c>
      <c r="H1580" s="8" t="s">
        <v>16919</v>
      </c>
      <c r="I1580" s="11">
        <v>43820</v>
      </c>
      <c r="J1580" s="11">
        <v>43820</v>
      </c>
      <c r="K1580" s="11">
        <v>46203</v>
      </c>
    </row>
    <row r="1581" spans="1:11" x14ac:dyDescent="0.4">
      <c r="A1581" s="8" t="s">
        <v>11818</v>
      </c>
      <c r="B1581" s="8" t="s">
        <v>48</v>
      </c>
      <c r="C1581" s="9" t="s">
        <v>16920</v>
      </c>
      <c r="D1581" s="9" t="s">
        <v>16921</v>
      </c>
      <c r="E1581" s="10"/>
      <c r="F1581" s="10"/>
      <c r="G1581" s="8"/>
      <c r="H1581" s="8" t="s">
        <v>16922</v>
      </c>
      <c r="I1581" s="11">
        <v>43823</v>
      </c>
      <c r="J1581" s="11">
        <v>43823</v>
      </c>
      <c r="K1581" s="11">
        <v>46295</v>
      </c>
    </row>
    <row r="1582" spans="1:11" x14ac:dyDescent="0.4">
      <c r="A1582" s="8" t="s">
        <v>11818</v>
      </c>
      <c r="B1582" s="8" t="s">
        <v>6444</v>
      </c>
      <c r="C1582" s="9" t="s">
        <v>16923</v>
      </c>
      <c r="D1582" s="9" t="s">
        <v>16924</v>
      </c>
      <c r="E1582" s="10" t="s">
        <v>16925</v>
      </c>
      <c r="F1582" s="10" t="s">
        <v>16926</v>
      </c>
      <c r="G1582" s="8" t="s">
        <v>16927</v>
      </c>
      <c r="H1582" s="8" t="s">
        <v>16928</v>
      </c>
      <c r="I1582" s="11">
        <v>43823</v>
      </c>
      <c r="J1582" s="11">
        <v>43823</v>
      </c>
      <c r="K1582" s="11">
        <v>46295</v>
      </c>
    </row>
    <row r="1583" spans="1:11" x14ac:dyDescent="0.4">
      <c r="A1583" s="8" t="s">
        <v>11818</v>
      </c>
      <c r="B1583" s="8" t="s">
        <v>3441</v>
      </c>
      <c r="C1583" s="9" t="s">
        <v>16929</v>
      </c>
      <c r="D1583" s="9" t="s">
        <v>16930</v>
      </c>
      <c r="E1583" s="10"/>
      <c r="F1583" s="10" t="s">
        <v>16929</v>
      </c>
      <c r="G1583" s="8" t="s">
        <v>16931</v>
      </c>
      <c r="H1583" s="8" t="s">
        <v>16932</v>
      </c>
      <c r="I1583" s="11">
        <v>43824</v>
      </c>
      <c r="J1583" s="11">
        <v>43824</v>
      </c>
      <c r="K1583" s="11">
        <v>46295</v>
      </c>
    </row>
    <row r="1584" spans="1:11" x14ac:dyDescent="0.4">
      <c r="A1584" s="8" t="s">
        <v>11818</v>
      </c>
      <c r="B1584" s="8" t="s">
        <v>48</v>
      </c>
      <c r="C1584" s="9" t="s">
        <v>16933</v>
      </c>
      <c r="D1584" s="9" t="s">
        <v>16934</v>
      </c>
      <c r="E1584" s="10" t="s">
        <v>16935</v>
      </c>
      <c r="F1584" s="10" t="s">
        <v>16936</v>
      </c>
      <c r="G1584" s="8" t="s">
        <v>16937</v>
      </c>
      <c r="H1584" s="8" t="s">
        <v>16938</v>
      </c>
      <c r="I1584" s="11">
        <v>43836</v>
      </c>
      <c r="J1584" s="11">
        <v>43836</v>
      </c>
      <c r="K1584" s="11">
        <v>46173</v>
      </c>
    </row>
    <row r="1585" spans="1:11" x14ac:dyDescent="0.4">
      <c r="A1585" s="8" t="s">
        <v>11818</v>
      </c>
      <c r="B1585" s="8" t="s">
        <v>633</v>
      </c>
      <c r="C1585" s="9" t="s">
        <v>16939</v>
      </c>
      <c r="D1585" s="9" t="s">
        <v>15646</v>
      </c>
      <c r="E1585" s="10"/>
      <c r="F1585" s="10"/>
      <c r="G1585" s="8"/>
      <c r="H1585" s="8" t="s">
        <v>16940</v>
      </c>
      <c r="I1585" s="11">
        <v>43837</v>
      </c>
      <c r="J1585" s="11">
        <v>43837</v>
      </c>
      <c r="K1585" s="11">
        <v>45777</v>
      </c>
    </row>
    <row r="1586" spans="1:11" x14ac:dyDescent="0.4">
      <c r="A1586" s="8" t="s">
        <v>11818</v>
      </c>
      <c r="B1586" s="8" t="s">
        <v>6444</v>
      </c>
      <c r="C1586" s="9" t="s">
        <v>16941</v>
      </c>
      <c r="D1586" s="9" t="s">
        <v>16942</v>
      </c>
      <c r="E1586" s="10"/>
      <c r="F1586" s="10"/>
      <c r="G1586" s="8"/>
      <c r="H1586" s="8" t="s">
        <v>16943</v>
      </c>
      <c r="I1586" s="11">
        <v>43862</v>
      </c>
      <c r="J1586" s="11">
        <v>43862</v>
      </c>
      <c r="K1586" s="11">
        <v>46203</v>
      </c>
    </row>
    <row r="1587" spans="1:11" x14ac:dyDescent="0.4">
      <c r="A1587" s="8" t="s">
        <v>11818</v>
      </c>
      <c r="B1587" s="8" t="s">
        <v>3441</v>
      </c>
      <c r="C1587" s="9" t="s">
        <v>16944</v>
      </c>
      <c r="D1587" s="9" t="s">
        <v>16945</v>
      </c>
      <c r="E1587" s="10"/>
      <c r="F1587" s="10"/>
      <c r="G1587" s="8"/>
      <c r="H1587" s="8" t="s">
        <v>16946</v>
      </c>
      <c r="I1587" s="11">
        <v>43845</v>
      </c>
      <c r="J1587" s="11">
        <v>43845</v>
      </c>
      <c r="K1587" s="11">
        <v>46203</v>
      </c>
    </row>
    <row r="1588" spans="1:11" x14ac:dyDescent="0.4">
      <c r="A1588" s="8" t="s">
        <v>11818</v>
      </c>
      <c r="B1588" s="8" t="s">
        <v>3441</v>
      </c>
      <c r="C1588" s="9" t="s">
        <v>16947</v>
      </c>
      <c r="D1588" s="9" t="s">
        <v>16948</v>
      </c>
      <c r="E1588" s="10"/>
      <c r="F1588" s="10" t="s">
        <v>16949</v>
      </c>
      <c r="G1588" s="8" t="s">
        <v>16950</v>
      </c>
      <c r="H1588" s="8" t="s">
        <v>16951</v>
      </c>
      <c r="I1588" s="11">
        <v>43862</v>
      </c>
      <c r="J1588" s="11">
        <v>43862</v>
      </c>
      <c r="K1588" s="11">
        <v>46326</v>
      </c>
    </row>
    <row r="1589" spans="1:11" x14ac:dyDescent="0.4">
      <c r="A1589" s="8" t="s">
        <v>11818</v>
      </c>
      <c r="B1589" s="8" t="s">
        <v>3441</v>
      </c>
      <c r="C1589" s="9" t="s">
        <v>16952</v>
      </c>
      <c r="D1589" s="9" t="s">
        <v>16953</v>
      </c>
      <c r="E1589" s="10"/>
      <c r="F1589" s="10" t="s">
        <v>16949</v>
      </c>
      <c r="G1589" s="8" t="s">
        <v>16950</v>
      </c>
      <c r="H1589" s="8" t="s">
        <v>16954</v>
      </c>
      <c r="I1589" s="11">
        <v>43862</v>
      </c>
      <c r="J1589" s="11">
        <v>43862</v>
      </c>
      <c r="K1589" s="11">
        <v>46326</v>
      </c>
    </row>
    <row r="1590" spans="1:11" x14ac:dyDescent="0.4">
      <c r="A1590" s="8" t="s">
        <v>11818</v>
      </c>
      <c r="B1590" s="8" t="s">
        <v>3441</v>
      </c>
      <c r="C1590" s="9" t="s">
        <v>16955</v>
      </c>
      <c r="D1590" s="9" t="s">
        <v>16956</v>
      </c>
      <c r="E1590" s="10"/>
      <c r="F1590" s="10" t="s">
        <v>16949</v>
      </c>
      <c r="G1590" s="8" t="s">
        <v>16950</v>
      </c>
      <c r="H1590" s="8" t="s">
        <v>16957</v>
      </c>
      <c r="I1590" s="11">
        <v>43862</v>
      </c>
      <c r="J1590" s="11">
        <v>43862</v>
      </c>
      <c r="K1590" s="11">
        <v>46295</v>
      </c>
    </row>
    <row r="1591" spans="1:11" x14ac:dyDescent="0.4">
      <c r="A1591" s="8" t="s">
        <v>11818</v>
      </c>
      <c r="B1591" s="8" t="s">
        <v>6444</v>
      </c>
      <c r="C1591" s="9" t="s">
        <v>16958</v>
      </c>
      <c r="D1591" s="9" t="s">
        <v>16959</v>
      </c>
      <c r="E1591" s="10"/>
      <c r="F1591" s="10" t="s">
        <v>16949</v>
      </c>
      <c r="G1591" s="8" t="s">
        <v>16950</v>
      </c>
      <c r="H1591" s="8" t="s">
        <v>16960</v>
      </c>
      <c r="I1591" s="11">
        <v>43862</v>
      </c>
      <c r="J1591" s="11">
        <v>43862</v>
      </c>
      <c r="K1591" s="11">
        <v>46326</v>
      </c>
    </row>
    <row r="1592" spans="1:11" x14ac:dyDescent="0.4">
      <c r="A1592" s="8" t="s">
        <v>11818</v>
      </c>
      <c r="B1592" s="8" t="s">
        <v>48</v>
      </c>
      <c r="C1592" s="9" t="s">
        <v>16961</v>
      </c>
      <c r="D1592" s="9" t="s">
        <v>16962</v>
      </c>
      <c r="E1592" s="10"/>
      <c r="F1592" s="10"/>
      <c r="G1592" s="8"/>
      <c r="H1592" s="8" t="s">
        <v>16963</v>
      </c>
      <c r="I1592" s="11">
        <v>43848</v>
      </c>
      <c r="J1592" s="11">
        <v>43848</v>
      </c>
      <c r="K1592" s="11">
        <v>46295</v>
      </c>
    </row>
    <row r="1593" spans="1:11" x14ac:dyDescent="0.4">
      <c r="A1593" s="8" t="s">
        <v>11818</v>
      </c>
      <c r="B1593" s="8" t="s">
        <v>3083</v>
      </c>
      <c r="C1593" s="9" t="s">
        <v>16964</v>
      </c>
      <c r="D1593" s="9" t="s">
        <v>12949</v>
      </c>
      <c r="E1593" s="10" t="s">
        <v>16965</v>
      </c>
      <c r="F1593" s="10" t="s">
        <v>16966</v>
      </c>
      <c r="G1593" s="8" t="s">
        <v>16967</v>
      </c>
      <c r="H1593" s="8" t="s">
        <v>16968</v>
      </c>
      <c r="I1593" s="11">
        <v>43852</v>
      </c>
      <c r="J1593" s="11">
        <v>43852</v>
      </c>
      <c r="K1593" s="11">
        <v>46356</v>
      </c>
    </row>
    <row r="1594" spans="1:11" x14ac:dyDescent="0.4">
      <c r="A1594" s="8" t="s">
        <v>11818</v>
      </c>
      <c r="B1594" s="8" t="s">
        <v>48</v>
      </c>
      <c r="C1594" s="9" t="s">
        <v>16969</v>
      </c>
      <c r="D1594" s="9" t="s">
        <v>15918</v>
      </c>
      <c r="E1594" s="10" t="s">
        <v>16970</v>
      </c>
      <c r="F1594" s="10" t="s">
        <v>16971</v>
      </c>
      <c r="G1594" s="8" t="s">
        <v>15921</v>
      </c>
      <c r="H1594" s="8" t="s">
        <v>16972</v>
      </c>
      <c r="I1594" s="11">
        <v>43852</v>
      </c>
      <c r="J1594" s="11">
        <v>43852</v>
      </c>
      <c r="K1594" s="11">
        <v>46356</v>
      </c>
    </row>
    <row r="1595" spans="1:11" x14ac:dyDescent="0.4">
      <c r="A1595" s="8" t="s">
        <v>11818</v>
      </c>
      <c r="B1595" s="8" t="s">
        <v>48</v>
      </c>
      <c r="C1595" s="9" t="s">
        <v>16973</v>
      </c>
      <c r="D1595" s="9" t="s">
        <v>15348</v>
      </c>
      <c r="E1595" s="10" t="s">
        <v>15349</v>
      </c>
      <c r="F1595" s="10" t="s">
        <v>16820</v>
      </c>
      <c r="G1595" s="8" t="s">
        <v>16821</v>
      </c>
      <c r="H1595" s="8" t="s">
        <v>16974</v>
      </c>
      <c r="I1595" s="11">
        <v>43852</v>
      </c>
      <c r="J1595" s="11">
        <v>43852</v>
      </c>
      <c r="K1595" s="11">
        <v>45991</v>
      </c>
    </row>
    <row r="1596" spans="1:11" x14ac:dyDescent="0.4">
      <c r="A1596" s="8" t="s">
        <v>11818</v>
      </c>
      <c r="B1596" s="8" t="s">
        <v>48</v>
      </c>
      <c r="C1596" s="9" t="s">
        <v>16975</v>
      </c>
      <c r="D1596" s="9" t="s">
        <v>14162</v>
      </c>
      <c r="E1596" s="10" t="s">
        <v>16976</v>
      </c>
      <c r="F1596" s="10" t="s">
        <v>16820</v>
      </c>
      <c r="G1596" s="8" t="s">
        <v>16821</v>
      </c>
      <c r="H1596" s="8" t="s">
        <v>16977</v>
      </c>
      <c r="I1596" s="11">
        <v>43852</v>
      </c>
      <c r="J1596" s="11">
        <v>43852</v>
      </c>
      <c r="K1596" s="11">
        <v>45991</v>
      </c>
    </row>
    <row r="1597" spans="1:11" x14ac:dyDescent="0.4">
      <c r="A1597" s="8" t="s">
        <v>11818</v>
      </c>
      <c r="B1597" s="8" t="s">
        <v>48</v>
      </c>
      <c r="C1597" s="9" t="s">
        <v>12891</v>
      </c>
      <c r="D1597" s="9" t="s">
        <v>16480</v>
      </c>
      <c r="E1597" s="10" t="s">
        <v>16978</v>
      </c>
      <c r="F1597" s="10"/>
      <c r="G1597" s="8"/>
      <c r="H1597" s="8" t="s">
        <v>16979</v>
      </c>
      <c r="I1597" s="11">
        <v>43855</v>
      </c>
      <c r="J1597" s="11">
        <v>43855</v>
      </c>
      <c r="K1597" s="11">
        <v>46356</v>
      </c>
    </row>
    <row r="1598" spans="1:11" x14ac:dyDescent="0.4">
      <c r="A1598" s="8" t="s">
        <v>11818</v>
      </c>
      <c r="B1598" s="8" t="s">
        <v>1871</v>
      </c>
      <c r="C1598" s="9" t="s">
        <v>16980</v>
      </c>
      <c r="D1598" s="9" t="s">
        <v>15365</v>
      </c>
      <c r="E1598" s="10"/>
      <c r="F1598" s="10"/>
      <c r="G1598" s="8"/>
      <c r="H1598" s="8" t="s">
        <v>16981</v>
      </c>
      <c r="I1598" s="11">
        <v>43848</v>
      </c>
      <c r="J1598" s="11">
        <v>43848</v>
      </c>
      <c r="K1598" s="11">
        <v>45808</v>
      </c>
    </row>
    <row r="1599" spans="1:11" x14ac:dyDescent="0.4">
      <c r="A1599" s="8" t="s">
        <v>11818</v>
      </c>
      <c r="B1599" s="8" t="s">
        <v>48</v>
      </c>
      <c r="C1599" s="9" t="s">
        <v>16982</v>
      </c>
      <c r="D1599" s="9" t="s">
        <v>13335</v>
      </c>
      <c r="E1599" s="10" t="s">
        <v>16983</v>
      </c>
      <c r="F1599" s="10"/>
      <c r="G1599" s="8"/>
      <c r="H1599" s="8" t="s">
        <v>16984</v>
      </c>
      <c r="I1599" s="11">
        <v>43865</v>
      </c>
      <c r="J1599" s="11">
        <v>43865</v>
      </c>
      <c r="K1599" s="11">
        <v>45808</v>
      </c>
    </row>
    <row r="1600" spans="1:11" x14ac:dyDescent="0.4">
      <c r="A1600" s="8" t="s">
        <v>11818</v>
      </c>
      <c r="B1600" s="8" t="s">
        <v>48</v>
      </c>
      <c r="C1600" s="9" t="s">
        <v>16985</v>
      </c>
      <c r="D1600" s="9" t="s">
        <v>15163</v>
      </c>
      <c r="E1600" s="10" t="s">
        <v>16986</v>
      </c>
      <c r="F1600" s="10"/>
      <c r="G1600" s="8"/>
      <c r="H1600" s="8" t="s">
        <v>16987</v>
      </c>
      <c r="I1600" s="11">
        <v>43858</v>
      </c>
      <c r="J1600" s="11">
        <v>43858</v>
      </c>
      <c r="K1600" s="11">
        <v>46356</v>
      </c>
    </row>
    <row r="1601" spans="1:11" x14ac:dyDescent="0.4">
      <c r="A1601" s="8" t="s">
        <v>11818</v>
      </c>
      <c r="B1601" s="8" t="s">
        <v>2044</v>
      </c>
      <c r="C1601" s="9" t="s">
        <v>16988</v>
      </c>
      <c r="D1601" s="9" t="s">
        <v>16989</v>
      </c>
      <c r="E1601" s="10"/>
      <c r="F1601" s="10"/>
      <c r="G1601" s="8"/>
      <c r="H1601" s="8" t="s">
        <v>16990</v>
      </c>
      <c r="I1601" s="11">
        <v>43863</v>
      </c>
      <c r="J1601" s="11">
        <v>43863</v>
      </c>
      <c r="K1601" s="11">
        <v>45747</v>
      </c>
    </row>
    <row r="1602" spans="1:11" x14ac:dyDescent="0.4">
      <c r="A1602" s="8" t="s">
        <v>11818</v>
      </c>
      <c r="B1602" s="8" t="s">
        <v>633</v>
      </c>
      <c r="C1602" s="9" t="s">
        <v>16991</v>
      </c>
      <c r="D1602" s="9" t="s">
        <v>16992</v>
      </c>
      <c r="E1602" s="10"/>
      <c r="F1602" s="10"/>
      <c r="G1602" s="8"/>
      <c r="H1602" s="8" t="s">
        <v>16993</v>
      </c>
      <c r="I1602" s="11">
        <v>43860</v>
      </c>
      <c r="J1602" s="11">
        <v>43860</v>
      </c>
      <c r="K1602" s="11">
        <v>46112</v>
      </c>
    </row>
    <row r="1603" spans="1:11" x14ac:dyDescent="0.4">
      <c r="A1603" s="8" t="s">
        <v>11818</v>
      </c>
      <c r="B1603" s="8" t="s">
        <v>633</v>
      </c>
      <c r="C1603" s="9" t="s">
        <v>971</v>
      </c>
      <c r="D1603" s="9" t="s">
        <v>16994</v>
      </c>
      <c r="E1603" s="10"/>
      <c r="F1603" s="10"/>
      <c r="G1603" s="8"/>
      <c r="H1603" s="8" t="s">
        <v>16995</v>
      </c>
      <c r="I1603" s="11">
        <v>43861</v>
      </c>
      <c r="J1603" s="11">
        <v>43861</v>
      </c>
      <c r="K1603" s="11">
        <v>46112</v>
      </c>
    </row>
    <row r="1604" spans="1:11" x14ac:dyDescent="0.4">
      <c r="A1604" s="8" t="s">
        <v>11818</v>
      </c>
      <c r="B1604" s="8" t="s">
        <v>3441</v>
      </c>
      <c r="C1604" s="9" t="s">
        <v>11707</v>
      </c>
      <c r="D1604" s="9" t="s">
        <v>11708</v>
      </c>
      <c r="E1604" s="10"/>
      <c r="F1604" s="10" t="s">
        <v>11709</v>
      </c>
      <c r="G1604" s="8" t="s">
        <v>11710</v>
      </c>
      <c r="H1604" s="8" t="s">
        <v>16996</v>
      </c>
      <c r="I1604" s="11">
        <v>43861</v>
      </c>
      <c r="J1604" s="11">
        <v>43861</v>
      </c>
      <c r="K1604" s="11">
        <v>46112</v>
      </c>
    </row>
    <row r="1605" spans="1:11" x14ac:dyDescent="0.4">
      <c r="A1605" s="8" t="s">
        <v>11818</v>
      </c>
      <c r="B1605" s="8" t="s">
        <v>48</v>
      </c>
      <c r="C1605" s="9" t="s">
        <v>16997</v>
      </c>
      <c r="D1605" s="9" t="s">
        <v>16998</v>
      </c>
      <c r="E1605" s="10"/>
      <c r="F1605" s="10"/>
      <c r="G1605" s="8"/>
      <c r="H1605" s="8" t="s">
        <v>16999</v>
      </c>
      <c r="I1605" s="11">
        <v>43891</v>
      </c>
      <c r="J1605" s="11">
        <v>43891</v>
      </c>
      <c r="K1605" s="11">
        <v>45991</v>
      </c>
    </row>
    <row r="1606" spans="1:11" x14ac:dyDescent="0.4">
      <c r="A1606" s="8" t="s">
        <v>11818</v>
      </c>
      <c r="B1606" s="8" t="s">
        <v>48</v>
      </c>
      <c r="C1606" s="9" t="s">
        <v>17000</v>
      </c>
      <c r="D1606" s="9" t="s">
        <v>17001</v>
      </c>
      <c r="E1606" s="10"/>
      <c r="F1606" s="10"/>
      <c r="G1606" s="8"/>
      <c r="H1606" s="8" t="s">
        <v>17002</v>
      </c>
      <c r="I1606" s="11">
        <v>43865</v>
      </c>
      <c r="J1606" s="11">
        <v>43865</v>
      </c>
      <c r="K1606" s="11">
        <v>45747</v>
      </c>
    </row>
    <row r="1607" spans="1:11" x14ac:dyDescent="0.4">
      <c r="A1607" s="8" t="s">
        <v>11818</v>
      </c>
      <c r="B1607" s="8" t="s">
        <v>3441</v>
      </c>
      <c r="C1607" s="9" t="s">
        <v>17003</v>
      </c>
      <c r="D1607" s="9" t="s">
        <v>17004</v>
      </c>
      <c r="E1607" s="10"/>
      <c r="F1607" s="10"/>
      <c r="G1607" s="8"/>
      <c r="H1607" s="8" t="s">
        <v>17005</v>
      </c>
      <c r="I1607" s="11">
        <v>43866</v>
      </c>
      <c r="J1607" s="11">
        <v>43866</v>
      </c>
      <c r="K1607" s="11">
        <v>45961</v>
      </c>
    </row>
    <row r="1608" spans="1:11" x14ac:dyDescent="0.4">
      <c r="A1608" s="8" t="s">
        <v>11818</v>
      </c>
      <c r="B1608" s="8" t="s">
        <v>48</v>
      </c>
      <c r="C1608" s="9" t="s">
        <v>17006</v>
      </c>
      <c r="D1608" s="9" t="s">
        <v>17007</v>
      </c>
      <c r="E1608" s="10" t="s">
        <v>17008</v>
      </c>
      <c r="F1608" s="10" t="s">
        <v>17009</v>
      </c>
      <c r="G1608" s="8" t="s">
        <v>17010</v>
      </c>
      <c r="H1608" s="8" t="s">
        <v>17011</v>
      </c>
      <c r="I1608" s="11">
        <v>43867</v>
      </c>
      <c r="J1608" s="11">
        <v>43867</v>
      </c>
      <c r="K1608" s="11">
        <v>46356</v>
      </c>
    </row>
    <row r="1609" spans="1:11" x14ac:dyDescent="0.4">
      <c r="A1609" s="8" t="s">
        <v>11818</v>
      </c>
      <c r="B1609" s="8" t="s">
        <v>48</v>
      </c>
      <c r="C1609" s="9" t="s">
        <v>17012</v>
      </c>
      <c r="D1609" s="9" t="s">
        <v>15128</v>
      </c>
      <c r="E1609" s="10" t="s">
        <v>17013</v>
      </c>
      <c r="F1609" s="10"/>
      <c r="G1609" s="8"/>
      <c r="H1609" s="8" t="s">
        <v>17014</v>
      </c>
      <c r="I1609" s="11">
        <v>43878</v>
      </c>
      <c r="J1609" s="11">
        <v>43878</v>
      </c>
      <c r="K1609" s="11">
        <v>46356</v>
      </c>
    </row>
    <row r="1610" spans="1:11" x14ac:dyDescent="0.4">
      <c r="A1610" s="8" t="s">
        <v>11818</v>
      </c>
      <c r="B1610" s="8" t="s">
        <v>3441</v>
      </c>
      <c r="C1610" s="9" t="s">
        <v>17015</v>
      </c>
      <c r="D1610" s="9" t="s">
        <v>17016</v>
      </c>
      <c r="E1610" s="10"/>
      <c r="F1610" s="10"/>
      <c r="G1610" s="8"/>
      <c r="H1610" s="8" t="s">
        <v>17017</v>
      </c>
      <c r="I1610" s="11">
        <v>43876</v>
      </c>
      <c r="J1610" s="11">
        <v>43876</v>
      </c>
      <c r="K1610" s="11">
        <v>45838</v>
      </c>
    </row>
    <row r="1611" spans="1:11" x14ac:dyDescent="0.4">
      <c r="A1611" s="8" t="s">
        <v>11818</v>
      </c>
      <c r="B1611" s="8" t="s">
        <v>48</v>
      </c>
      <c r="C1611" s="9" t="s">
        <v>17018</v>
      </c>
      <c r="D1611" s="9" t="s">
        <v>13748</v>
      </c>
      <c r="E1611" s="10" t="s">
        <v>17019</v>
      </c>
      <c r="F1611" s="10"/>
      <c r="G1611" s="8"/>
      <c r="H1611" s="8" t="s">
        <v>17020</v>
      </c>
      <c r="I1611" s="11">
        <v>43884</v>
      </c>
      <c r="J1611" s="11">
        <v>43884</v>
      </c>
      <c r="K1611" s="11">
        <v>45991</v>
      </c>
    </row>
    <row r="1612" spans="1:11" x14ac:dyDescent="0.4">
      <c r="A1612" s="8" t="s">
        <v>11818</v>
      </c>
      <c r="B1612" s="8" t="s">
        <v>633</v>
      </c>
      <c r="C1612" s="9" t="s">
        <v>17021</v>
      </c>
      <c r="D1612" s="9" t="s">
        <v>17022</v>
      </c>
      <c r="E1612" s="10"/>
      <c r="F1612" s="10" t="s">
        <v>17023</v>
      </c>
      <c r="G1612" s="8" t="s">
        <v>17024</v>
      </c>
      <c r="H1612" s="8" t="s">
        <v>17025</v>
      </c>
      <c r="I1612" s="11">
        <v>43879</v>
      </c>
      <c r="J1612" s="11">
        <v>43879</v>
      </c>
      <c r="K1612" s="11">
        <v>46477</v>
      </c>
    </row>
    <row r="1613" spans="1:11" x14ac:dyDescent="0.4">
      <c r="A1613" s="8" t="s">
        <v>11818</v>
      </c>
      <c r="B1613" s="8" t="s">
        <v>633</v>
      </c>
      <c r="C1613" s="9" t="s">
        <v>17026</v>
      </c>
      <c r="D1613" s="9" t="s">
        <v>15686</v>
      </c>
      <c r="E1613" s="10"/>
      <c r="F1613" s="10"/>
      <c r="G1613" s="8"/>
      <c r="H1613" s="8" t="s">
        <v>17027</v>
      </c>
      <c r="I1613" s="11">
        <v>43882</v>
      </c>
      <c r="J1613" s="11">
        <v>43882</v>
      </c>
      <c r="K1613" s="11">
        <v>46203</v>
      </c>
    </row>
    <row r="1614" spans="1:11" x14ac:dyDescent="0.4">
      <c r="A1614" s="8" t="s">
        <v>11818</v>
      </c>
      <c r="B1614" s="8" t="s">
        <v>633</v>
      </c>
      <c r="C1614" s="9" t="s">
        <v>17028</v>
      </c>
      <c r="D1614" s="9" t="s">
        <v>11475</v>
      </c>
      <c r="E1614" s="10" t="s">
        <v>3144</v>
      </c>
      <c r="F1614" s="10" t="s">
        <v>17029</v>
      </c>
      <c r="G1614" s="8" t="s">
        <v>17030</v>
      </c>
      <c r="H1614" s="8" t="s">
        <v>17031</v>
      </c>
      <c r="I1614" s="11">
        <v>43882</v>
      </c>
      <c r="J1614" s="11">
        <v>43882</v>
      </c>
      <c r="K1614" s="11">
        <v>46112</v>
      </c>
    </row>
    <row r="1615" spans="1:11" x14ac:dyDescent="0.4">
      <c r="A1615" s="8" t="s">
        <v>11818</v>
      </c>
      <c r="B1615" s="8" t="s">
        <v>48</v>
      </c>
      <c r="C1615" s="9" t="s">
        <v>17032</v>
      </c>
      <c r="D1615" s="9" t="s">
        <v>17033</v>
      </c>
      <c r="E1615" s="10" t="s">
        <v>5109</v>
      </c>
      <c r="F1615" s="10" t="s">
        <v>5202</v>
      </c>
      <c r="G1615" s="8" t="s">
        <v>17034</v>
      </c>
      <c r="H1615" s="8" t="s">
        <v>17035</v>
      </c>
      <c r="I1615" s="11">
        <v>43882</v>
      </c>
      <c r="J1615" s="11">
        <v>43882</v>
      </c>
      <c r="K1615" s="11">
        <v>46173</v>
      </c>
    </row>
    <row r="1616" spans="1:11" x14ac:dyDescent="0.4">
      <c r="A1616" s="8" t="s">
        <v>11818</v>
      </c>
      <c r="B1616" s="8" t="s">
        <v>9278</v>
      </c>
      <c r="C1616" s="9" t="s">
        <v>17036</v>
      </c>
      <c r="D1616" s="9" t="s">
        <v>17037</v>
      </c>
      <c r="E1616" s="10" t="s">
        <v>17038</v>
      </c>
      <c r="F1616" s="10" t="s">
        <v>15034</v>
      </c>
      <c r="G1616" s="8" t="s">
        <v>15035</v>
      </c>
      <c r="H1616" s="8" t="s">
        <v>17039</v>
      </c>
      <c r="I1616" s="11">
        <v>43882</v>
      </c>
      <c r="J1616" s="11">
        <v>43882</v>
      </c>
      <c r="K1616" s="11">
        <v>46173</v>
      </c>
    </row>
    <row r="1617" spans="1:11" x14ac:dyDescent="0.4">
      <c r="A1617" s="8" t="s">
        <v>11818</v>
      </c>
      <c r="B1617" s="8" t="s">
        <v>48</v>
      </c>
      <c r="C1617" s="9" t="s">
        <v>17040</v>
      </c>
      <c r="D1617" s="9" t="s">
        <v>17041</v>
      </c>
      <c r="E1617" s="10"/>
      <c r="F1617" s="10" t="s">
        <v>17042</v>
      </c>
      <c r="G1617" s="8" t="s">
        <v>17043</v>
      </c>
      <c r="H1617" s="8" t="s">
        <v>17044</v>
      </c>
      <c r="I1617" s="11">
        <v>43887</v>
      </c>
      <c r="J1617" s="11">
        <v>43887</v>
      </c>
      <c r="K1617" s="11">
        <v>46112</v>
      </c>
    </row>
    <row r="1618" spans="1:11" x14ac:dyDescent="0.4">
      <c r="A1618" s="8" t="s">
        <v>11818</v>
      </c>
      <c r="B1618" s="8" t="s">
        <v>793</v>
      </c>
      <c r="C1618" s="9" t="s">
        <v>17045</v>
      </c>
      <c r="D1618" s="9" t="s">
        <v>16501</v>
      </c>
      <c r="E1618" s="10" t="s">
        <v>17046</v>
      </c>
      <c r="F1618" s="10"/>
      <c r="G1618" s="8"/>
      <c r="H1618" s="8" t="s">
        <v>17047</v>
      </c>
      <c r="I1618" s="11">
        <v>43887</v>
      </c>
      <c r="J1618" s="11">
        <v>43887</v>
      </c>
      <c r="K1618" s="11">
        <v>45747</v>
      </c>
    </row>
    <row r="1619" spans="1:11" x14ac:dyDescent="0.4">
      <c r="A1619" s="8" t="s">
        <v>11818</v>
      </c>
      <c r="B1619" s="8" t="s">
        <v>48</v>
      </c>
      <c r="C1619" s="9" t="s">
        <v>17048</v>
      </c>
      <c r="D1619" s="9" t="s">
        <v>14504</v>
      </c>
      <c r="E1619" s="10" t="s">
        <v>15262</v>
      </c>
      <c r="F1619" s="10"/>
      <c r="G1619" s="8"/>
      <c r="H1619" s="8" t="s">
        <v>17049</v>
      </c>
      <c r="I1619" s="11">
        <v>43887</v>
      </c>
      <c r="J1619" s="11">
        <v>43887</v>
      </c>
      <c r="K1619" s="11">
        <v>45991</v>
      </c>
    </row>
    <row r="1620" spans="1:11" x14ac:dyDescent="0.4">
      <c r="A1620" s="8" t="s">
        <v>11818</v>
      </c>
      <c r="B1620" s="8" t="s">
        <v>48</v>
      </c>
      <c r="C1620" s="9" t="s">
        <v>17050</v>
      </c>
      <c r="D1620" s="9" t="s">
        <v>17051</v>
      </c>
      <c r="E1620" s="10" t="s">
        <v>17052</v>
      </c>
      <c r="F1620" s="10" t="s">
        <v>17053</v>
      </c>
      <c r="G1620" s="8" t="s">
        <v>17054</v>
      </c>
      <c r="H1620" s="8" t="s">
        <v>17055</v>
      </c>
      <c r="I1620" s="11">
        <v>43888</v>
      </c>
      <c r="J1620" s="11">
        <v>43888</v>
      </c>
      <c r="K1620" s="11">
        <v>46142</v>
      </c>
    </row>
    <row r="1621" spans="1:11" x14ac:dyDescent="0.4">
      <c r="A1621" s="8" t="s">
        <v>11818</v>
      </c>
      <c r="B1621" s="8" t="s">
        <v>48</v>
      </c>
      <c r="C1621" s="9" t="s">
        <v>17056</v>
      </c>
      <c r="D1621" s="9" t="s">
        <v>17057</v>
      </c>
      <c r="E1621" s="10" t="s">
        <v>17058</v>
      </c>
      <c r="F1621" s="10"/>
      <c r="G1621" s="8"/>
      <c r="H1621" s="8" t="s">
        <v>17059</v>
      </c>
      <c r="I1621" s="11">
        <v>43888</v>
      </c>
      <c r="J1621" s="11">
        <v>43888</v>
      </c>
      <c r="K1621" s="11">
        <v>45808</v>
      </c>
    </row>
    <row r="1622" spans="1:11" x14ac:dyDescent="0.4">
      <c r="A1622" s="8" t="s">
        <v>11818</v>
      </c>
      <c r="B1622" s="8" t="s">
        <v>48</v>
      </c>
      <c r="C1622" s="9" t="s">
        <v>17060</v>
      </c>
      <c r="D1622" s="9" t="s">
        <v>12124</v>
      </c>
      <c r="E1622" s="10" t="s">
        <v>9549</v>
      </c>
      <c r="F1622" s="10"/>
      <c r="G1622" s="8"/>
      <c r="H1622" s="8" t="s">
        <v>17061</v>
      </c>
      <c r="I1622" s="11">
        <v>43888</v>
      </c>
      <c r="J1622" s="11">
        <v>43888</v>
      </c>
      <c r="K1622" s="11">
        <v>45991</v>
      </c>
    </row>
    <row r="1623" spans="1:11" x14ac:dyDescent="0.4">
      <c r="A1623" s="8" t="s">
        <v>11818</v>
      </c>
      <c r="B1623" s="8" t="s">
        <v>48</v>
      </c>
      <c r="C1623" s="9" t="s">
        <v>17062</v>
      </c>
      <c r="D1623" s="9" t="s">
        <v>17063</v>
      </c>
      <c r="E1623" s="10"/>
      <c r="F1623" s="10"/>
      <c r="G1623" s="8"/>
      <c r="H1623" s="8" t="s">
        <v>17064</v>
      </c>
      <c r="I1623" s="11">
        <v>43893</v>
      </c>
      <c r="J1623" s="11">
        <v>43893</v>
      </c>
      <c r="K1623" s="11">
        <v>45808</v>
      </c>
    </row>
    <row r="1624" spans="1:11" x14ac:dyDescent="0.4">
      <c r="A1624" s="8" t="s">
        <v>11818</v>
      </c>
      <c r="B1624" s="8" t="s">
        <v>6444</v>
      </c>
      <c r="C1624" s="9" t="s">
        <v>17065</v>
      </c>
      <c r="D1624" s="9" t="s">
        <v>17066</v>
      </c>
      <c r="E1624" s="10"/>
      <c r="F1624" s="10"/>
      <c r="G1624" s="8"/>
      <c r="H1624" s="8" t="s">
        <v>17067</v>
      </c>
      <c r="I1624" s="11">
        <v>43893</v>
      </c>
      <c r="J1624" s="11">
        <v>43893</v>
      </c>
      <c r="K1624" s="11">
        <v>46112</v>
      </c>
    </row>
    <row r="1625" spans="1:11" x14ac:dyDescent="0.4">
      <c r="A1625" s="8" t="s">
        <v>11818</v>
      </c>
      <c r="B1625" s="8" t="s">
        <v>48</v>
      </c>
      <c r="C1625" s="9" t="s">
        <v>17068</v>
      </c>
      <c r="D1625" s="9" t="s">
        <v>15163</v>
      </c>
      <c r="E1625" s="10" t="s">
        <v>17069</v>
      </c>
      <c r="F1625" s="10"/>
      <c r="G1625" s="8"/>
      <c r="H1625" s="8" t="s">
        <v>17070</v>
      </c>
      <c r="I1625" s="11">
        <v>43893</v>
      </c>
      <c r="J1625" s="11">
        <v>43893</v>
      </c>
      <c r="K1625" s="11">
        <v>45991</v>
      </c>
    </row>
    <row r="1626" spans="1:11" x14ac:dyDescent="0.4">
      <c r="A1626" s="8" t="s">
        <v>11818</v>
      </c>
      <c r="B1626" s="8" t="s">
        <v>48</v>
      </c>
      <c r="C1626" s="9" t="s">
        <v>17071</v>
      </c>
      <c r="D1626" s="9" t="s">
        <v>17072</v>
      </c>
      <c r="E1626" s="10" t="s">
        <v>17073</v>
      </c>
      <c r="F1626" s="10" t="s">
        <v>17074</v>
      </c>
      <c r="G1626" s="8" t="s">
        <v>17075</v>
      </c>
      <c r="H1626" s="8" t="s">
        <v>17076</v>
      </c>
      <c r="I1626" s="11">
        <v>43893</v>
      </c>
      <c r="J1626" s="11">
        <v>43893</v>
      </c>
      <c r="K1626" s="11">
        <v>46295</v>
      </c>
    </row>
    <row r="1627" spans="1:11" x14ac:dyDescent="0.4">
      <c r="A1627" s="8" t="s">
        <v>11818</v>
      </c>
      <c r="B1627" s="8" t="s">
        <v>6444</v>
      </c>
      <c r="C1627" s="9" t="s">
        <v>17077</v>
      </c>
      <c r="D1627" s="9" t="s">
        <v>17078</v>
      </c>
      <c r="E1627" s="10"/>
      <c r="F1627" s="10"/>
      <c r="G1627" s="8"/>
      <c r="H1627" s="8" t="s">
        <v>17079</v>
      </c>
      <c r="I1627" s="11">
        <v>43894</v>
      </c>
      <c r="J1627" s="11">
        <v>43894</v>
      </c>
      <c r="K1627" s="11">
        <v>46112</v>
      </c>
    </row>
    <row r="1628" spans="1:11" x14ac:dyDescent="0.4">
      <c r="A1628" s="8" t="s">
        <v>11818</v>
      </c>
      <c r="B1628" s="8" t="s">
        <v>2044</v>
      </c>
      <c r="C1628" s="9" t="s">
        <v>17080</v>
      </c>
      <c r="D1628" s="9" t="s">
        <v>17081</v>
      </c>
      <c r="E1628" s="10"/>
      <c r="F1628" s="10"/>
      <c r="G1628" s="8"/>
      <c r="H1628" s="8" t="s">
        <v>17082</v>
      </c>
      <c r="I1628" s="11">
        <v>43889</v>
      </c>
      <c r="J1628" s="11">
        <v>43889</v>
      </c>
      <c r="K1628" s="11">
        <v>46173</v>
      </c>
    </row>
    <row r="1629" spans="1:11" x14ac:dyDescent="0.4">
      <c r="A1629" s="8" t="s">
        <v>11818</v>
      </c>
      <c r="B1629" s="8" t="s">
        <v>48</v>
      </c>
      <c r="C1629" s="9" t="s">
        <v>17083</v>
      </c>
      <c r="D1629" s="9" t="s">
        <v>17084</v>
      </c>
      <c r="E1629" s="10" t="s">
        <v>17085</v>
      </c>
      <c r="F1629" s="10"/>
      <c r="G1629" s="8"/>
      <c r="H1629" s="8" t="s">
        <v>17086</v>
      </c>
      <c r="I1629" s="11">
        <v>43894</v>
      </c>
      <c r="J1629" s="11">
        <v>43894</v>
      </c>
      <c r="K1629" s="11">
        <v>46356</v>
      </c>
    </row>
    <row r="1630" spans="1:11" x14ac:dyDescent="0.4">
      <c r="A1630" s="8" t="s">
        <v>11818</v>
      </c>
      <c r="B1630" s="8" t="s">
        <v>6444</v>
      </c>
      <c r="C1630" s="9" t="s">
        <v>17087</v>
      </c>
      <c r="D1630" s="9" t="s">
        <v>17088</v>
      </c>
      <c r="E1630" s="10"/>
      <c r="F1630" s="10" t="s">
        <v>14400</v>
      </c>
      <c r="G1630" s="8" t="s">
        <v>14401</v>
      </c>
      <c r="H1630" s="8" t="s">
        <v>17089</v>
      </c>
      <c r="I1630" s="11">
        <v>43894</v>
      </c>
      <c r="J1630" s="11">
        <v>43894</v>
      </c>
      <c r="K1630" s="11">
        <v>46112</v>
      </c>
    </row>
    <row r="1631" spans="1:11" x14ac:dyDescent="0.4">
      <c r="A1631" s="8" t="s">
        <v>11818</v>
      </c>
      <c r="B1631" s="8" t="s">
        <v>633</v>
      </c>
      <c r="C1631" s="9" t="s">
        <v>17090</v>
      </c>
      <c r="D1631" s="9" t="s">
        <v>17091</v>
      </c>
      <c r="E1631" s="10" t="s">
        <v>17092</v>
      </c>
      <c r="F1631" s="10" t="s">
        <v>17093</v>
      </c>
      <c r="G1631" s="8" t="s">
        <v>17094</v>
      </c>
      <c r="H1631" s="8" t="s">
        <v>17095</v>
      </c>
      <c r="I1631" s="11">
        <v>43895</v>
      </c>
      <c r="J1631" s="11">
        <v>43895</v>
      </c>
      <c r="K1631" s="11">
        <v>45961</v>
      </c>
    </row>
    <row r="1632" spans="1:11" x14ac:dyDescent="0.4">
      <c r="A1632" s="8" t="s">
        <v>11818</v>
      </c>
      <c r="B1632" s="8" t="s">
        <v>3441</v>
      </c>
      <c r="C1632" s="9" t="s">
        <v>11715</v>
      </c>
      <c r="D1632" s="9" t="s">
        <v>11716</v>
      </c>
      <c r="E1632" s="10" t="s">
        <v>11717</v>
      </c>
      <c r="F1632" s="10" t="s">
        <v>11718</v>
      </c>
      <c r="G1632" s="8" t="s">
        <v>11719</v>
      </c>
      <c r="H1632" s="8" t="s">
        <v>17096</v>
      </c>
      <c r="I1632" s="11">
        <v>43895</v>
      </c>
      <c r="J1632" s="11">
        <v>43895</v>
      </c>
      <c r="K1632" s="11">
        <v>46295</v>
      </c>
    </row>
    <row r="1633" spans="1:11" x14ac:dyDescent="0.4">
      <c r="A1633" s="8" t="s">
        <v>11818</v>
      </c>
      <c r="B1633" s="8" t="s">
        <v>48</v>
      </c>
      <c r="C1633" s="9" t="s">
        <v>17097</v>
      </c>
      <c r="D1633" s="9" t="s">
        <v>17098</v>
      </c>
      <c r="E1633" s="10" t="s">
        <v>17099</v>
      </c>
      <c r="F1633" s="10"/>
      <c r="G1633" s="8"/>
      <c r="H1633" s="8" t="s">
        <v>17100</v>
      </c>
      <c r="I1633" s="11">
        <v>43900</v>
      </c>
      <c r="J1633" s="11">
        <v>43900</v>
      </c>
      <c r="K1633" s="11">
        <v>45930</v>
      </c>
    </row>
    <row r="1634" spans="1:11" x14ac:dyDescent="0.4">
      <c r="A1634" s="8" t="s">
        <v>11818</v>
      </c>
      <c r="B1634" s="8" t="s">
        <v>48</v>
      </c>
      <c r="C1634" s="9" t="s">
        <v>16809</v>
      </c>
      <c r="D1634" s="9" t="s">
        <v>15955</v>
      </c>
      <c r="E1634" s="10" t="s">
        <v>15956</v>
      </c>
      <c r="F1634" s="10"/>
      <c r="G1634" s="8"/>
      <c r="H1634" s="8" t="s">
        <v>17101</v>
      </c>
      <c r="I1634" s="11">
        <v>43899</v>
      </c>
      <c r="J1634" s="11">
        <v>43899</v>
      </c>
      <c r="K1634" s="11">
        <v>46356</v>
      </c>
    </row>
    <row r="1635" spans="1:11" x14ac:dyDescent="0.4">
      <c r="A1635" s="8" t="s">
        <v>11818</v>
      </c>
      <c r="B1635" s="8" t="s">
        <v>3441</v>
      </c>
      <c r="C1635" s="9" t="s">
        <v>17102</v>
      </c>
      <c r="D1635" s="9" t="s">
        <v>17103</v>
      </c>
      <c r="E1635" s="10"/>
      <c r="F1635" s="10" t="s">
        <v>17104</v>
      </c>
      <c r="G1635" s="8" t="s">
        <v>17105</v>
      </c>
      <c r="H1635" s="8" t="s">
        <v>17106</v>
      </c>
      <c r="I1635" s="11">
        <v>43900</v>
      </c>
      <c r="J1635" s="11">
        <v>43900</v>
      </c>
      <c r="K1635" s="11">
        <v>46326</v>
      </c>
    </row>
    <row r="1636" spans="1:11" x14ac:dyDescent="0.4">
      <c r="A1636" s="8" t="s">
        <v>11818</v>
      </c>
      <c r="B1636" s="8" t="s">
        <v>3441</v>
      </c>
      <c r="C1636" s="9" t="s">
        <v>17107</v>
      </c>
      <c r="D1636" s="9" t="s">
        <v>17108</v>
      </c>
      <c r="E1636" s="10"/>
      <c r="F1636" s="10" t="s">
        <v>16926</v>
      </c>
      <c r="G1636" s="8" t="s">
        <v>17109</v>
      </c>
      <c r="H1636" s="8" t="s">
        <v>17110</v>
      </c>
      <c r="I1636" s="11">
        <v>43900</v>
      </c>
      <c r="J1636" s="11">
        <v>43900</v>
      </c>
      <c r="K1636" s="11">
        <v>46356</v>
      </c>
    </row>
    <row r="1637" spans="1:11" x14ac:dyDescent="0.4">
      <c r="A1637" s="8" t="s">
        <v>11818</v>
      </c>
      <c r="B1637" s="8" t="s">
        <v>633</v>
      </c>
      <c r="C1637" s="9" t="s">
        <v>17111</v>
      </c>
      <c r="D1637" s="9" t="s">
        <v>17112</v>
      </c>
      <c r="E1637" s="10" t="s">
        <v>17113</v>
      </c>
      <c r="F1637" s="10" t="s">
        <v>17114</v>
      </c>
      <c r="G1637" s="8" t="s">
        <v>17115</v>
      </c>
      <c r="H1637" s="8" t="s">
        <v>17116</v>
      </c>
      <c r="I1637" s="11">
        <v>43900</v>
      </c>
      <c r="J1637" s="11">
        <v>43900</v>
      </c>
      <c r="K1637" s="11">
        <v>45777</v>
      </c>
    </row>
    <row r="1638" spans="1:11" x14ac:dyDescent="0.4">
      <c r="A1638" s="8" t="s">
        <v>11818</v>
      </c>
      <c r="B1638" s="8" t="s">
        <v>2044</v>
      </c>
      <c r="C1638" s="9" t="s">
        <v>17117</v>
      </c>
      <c r="D1638" s="9" t="s">
        <v>17112</v>
      </c>
      <c r="E1638" s="10" t="s">
        <v>17113</v>
      </c>
      <c r="F1638" s="10" t="s">
        <v>17114</v>
      </c>
      <c r="G1638" s="8" t="s">
        <v>17115</v>
      </c>
      <c r="H1638" s="8" t="s">
        <v>17118</v>
      </c>
      <c r="I1638" s="11">
        <v>43900</v>
      </c>
      <c r="J1638" s="11">
        <v>43900</v>
      </c>
      <c r="K1638" s="11">
        <v>45777</v>
      </c>
    </row>
    <row r="1639" spans="1:11" x14ac:dyDescent="0.4">
      <c r="A1639" s="8" t="s">
        <v>11818</v>
      </c>
      <c r="B1639" s="8" t="s">
        <v>6444</v>
      </c>
      <c r="C1639" s="9" t="s">
        <v>17119</v>
      </c>
      <c r="D1639" s="9" t="s">
        <v>17120</v>
      </c>
      <c r="E1639" s="10"/>
      <c r="F1639" s="10"/>
      <c r="G1639" s="8"/>
      <c r="H1639" s="8" t="s">
        <v>17121</v>
      </c>
      <c r="I1639" s="11">
        <v>43922</v>
      </c>
      <c r="J1639" s="11">
        <v>43922</v>
      </c>
      <c r="K1639" s="11">
        <v>46203</v>
      </c>
    </row>
    <row r="1640" spans="1:11" x14ac:dyDescent="0.4">
      <c r="A1640" s="8" t="s">
        <v>11818</v>
      </c>
      <c r="B1640" s="8" t="s">
        <v>633</v>
      </c>
      <c r="C1640" s="9" t="s">
        <v>17122</v>
      </c>
      <c r="D1640" s="9" t="s">
        <v>12517</v>
      </c>
      <c r="E1640" s="10" t="s">
        <v>17123</v>
      </c>
      <c r="F1640" s="10" t="s">
        <v>17124</v>
      </c>
      <c r="G1640" s="8" t="s">
        <v>17125</v>
      </c>
      <c r="H1640" s="8" t="s">
        <v>17126</v>
      </c>
      <c r="I1640" s="11">
        <v>43903</v>
      </c>
      <c r="J1640" s="11">
        <v>43903</v>
      </c>
      <c r="K1640" s="11">
        <v>46142</v>
      </c>
    </row>
    <row r="1641" spans="1:11" x14ac:dyDescent="0.4">
      <c r="A1641" s="8" t="s">
        <v>11818</v>
      </c>
      <c r="B1641" s="8" t="s">
        <v>633</v>
      </c>
      <c r="C1641" s="9" t="s">
        <v>17127</v>
      </c>
      <c r="D1641" s="9" t="s">
        <v>17128</v>
      </c>
      <c r="E1641" s="10"/>
      <c r="F1641" s="10"/>
      <c r="G1641" s="8"/>
      <c r="H1641" s="8" t="s">
        <v>17129</v>
      </c>
      <c r="I1641" s="11">
        <v>43922</v>
      </c>
      <c r="J1641" s="11">
        <v>43922</v>
      </c>
      <c r="K1641" s="11">
        <v>46326</v>
      </c>
    </row>
    <row r="1642" spans="1:11" x14ac:dyDescent="0.4">
      <c r="A1642" s="8" t="s">
        <v>11818</v>
      </c>
      <c r="B1642" s="8" t="s">
        <v>633</v>
      </c>
      <c r="C1642" s="9" t="s">
        <v>17130</v>
      </c>
      <c r="D1642" s="9" t="s">
        <v>17131</v>
      </c>
      <c r="E1642" s="10"/>
      <c r="F1642" s="10" t="s">
        <v>17132</v>
      </c>
      <c r="G1642" s="8" t="s">
        <v>17133</v>
      </c>
      <c r="H1642" s="8" t="s">
        <v>17134</v>
      </c>
      <c r="I1642" s="11">
        <v>43904</v>
      </c>
      <c r="J1642" s="11">
        <v>43904</v>
      </c>
      <c r="K1642" s="11">
        <v>46691</v>
      </c>
    </row>
    <row r="1643" spans="1:11" x14ac:dyDescent="0.4">
      <c r="A1643" s="8" t="s">
        <v>11818</v>
      </c>
      <c r="B1643" s="8" t="s">
        <v>48</v>
      </c>
      <c r="C1643" s="9" t="s">
        <v>17135</v>
      </c>
      <c r="D1643" s="9" t="s">
        <v>17136</v>
      </c>
      <c r="E1643" s="10"/>
      <c r="F1643" s="10" t="s">
        <v>17137</v>
      </c>
      <c r="G1643" s="8" t="s">
        <v>14069</v>
      </c>
      <c r="H1643" s="8" t="s">
        <v>17138</v>
      </c>
      <c r="I1643" s="11">
        <v>43907</v>
      </c>
      <c r="J1643" s="11">
        <v>43907</v>
      </c>
      <c r="K1643" s="11">
        <v>46203</v>
      </c>
    </row>
    <row r="1644" spans="1:11" x14ac:dyDescent="0.4">
      <c r="A1644" s="8" t="s">
        <v>11818</v>
      </c>
      <c r="B1644" s="8" t="s">
        <v>48</v>
      </c>
      <c r="C1644" s="9" t="s">
        <v>17139</v>
      </c>
      <c r="D1644" s="9" t="s">
        <v>12385</v>
      </c>
      <c r="E1644" s="10" t="s">
        <v>17140</v>
      </c>
      <c r="F1644" s="10" t="s">
        <v>15862</v>
      </c>
      <c r="G1644" s="8" t="s">
        <v>15863</v>
      </c>
      <c r="H1644" s="8" t="s">
        <v>17141</v>
      </c>
      <c r="I1644" s="11">
        <v>43907</v>
      </c>
      <c r="J1644" s="11">
        <v>43907</v>
      </c>
      <c r="K1644" s="11">
        <v>46173</v>
      </c>
    </row>
    <row r="1645" spans="1:11" x14ac:dyDescent="0.4">
      <c r="A1645" s="8" t="s">
        <v>11818</v>
      </c>
      <c r="B1645" s="8" t="s">
        <v>793</v>
      </c>
      <c r="C1645" s="9" t="s">
        <v>17142</v>
      </c>
      <c r="D1645" s="9" t="s">
        <v>17143</v>
      </c>
      <c r="E1645" s="10"/>
      <c r="F1645" s="10"/>
      <c r="G1645" s="8"/>
      <c r="H1645" s="8" t="s">
        <v>17144</v>
      </c>
      <c r="I1645" s="11">
        <v>43908</v>
      </c>
      <c r="J1645" s="11">
        <v>43908</v>
      </c>
      <c r="K1645" s="11">
        <v>46112</v>
      </c>
    </row>
    <row r="1646" spans="1:11" x14ac:dyDescent="0.4">
      <c r="A1646" s="8" t="s">
        <v>11818</v>
      </c>
      <c r="B1646" s="8" t="s">
        <v>633</v>
      </c>
      <c r="C1646" s="9" t="s">
        <v>17145</v>
      </c>
      <c r="D1646" s="9" t="s">
        <v>17146</v>
      </c>
      <c r="E1646" s="10"/>
      <c r="F1646" s="10" t="s">
        <v>16309</v>
      </c>
      <c r="G1646" s="8" t="s">
        <v>16310</v>
      </c>
      <c r="H1646" s="8" t="s">
        <v>17147</v>
      </c>
      <c r="I1646" s="11">
        <v>43922</v>
      </c>
      <c r="J1646" s="11">
        <v>43922</v>
      </c>
      <c r="K1646" s="11">
        <v>46112</v>
      </c>
    </row>
    <row r="1647" spans="1:11" x14ac:dyDescent="0.4">
      <c r="A1647" s="8" t="s">
        <v>11818</v>
      </c>
      <c r="B1647" s="8" t="s">
        <v>793</v>
      </c>
      <c r="C1647" s="9" t="s">
        <v>17148</v>
      </c>
      <c r="D1647" s="9" t="s">
        <v>17149</v>
      </c>
      <c r="E1647" s="10"/>
      <c r="F1647" s="10" t="s">
        <v>12471</v>
      </c>
      <c r="G1647" s="8" t="s">
        <v>12472</v>
      </c>
      <c r="H1647" s="8" t="s">
        <v>17150</v>
      </c>
      <c r="I1647" s="11">
        <v>43922</v>
      </c>
      <c r="J1647" s="11">
        <v>43922</v>
      </c>
      <c r="K1647" s="11">
        <v>46112</v>
      </c>
    </row>
    <row r="1648" spans="1:11" x14ac:dyDescent="0.4">
      <c r="A1648" s="8" t="s">
        <v>11818</v>
      </c>
      <c r="B1648" s="8" t="s">
        <v>698</v>
      </c>
      <c r="C1648" s="9" t="s">
        <v>17151</v>
      </c>
      <c r="D1648" s="9" t="s">
        <v>17152</v>
      </c>
      <c r="E1648" s="10"/>
      <c r="F1648" s="10"/>
      <c r="G1648" s="8"/>
      <c r="H1648" s="8" t="s">
        <v>17153</v>
      </c>
      <c r="I1648" s="11">
        <v>43914</v>
      </c>
      <c r="J1648" s="11">
        <v>43914</v>
      </c>
      <c r="K1648" s="11">
        <v>46112</v>
      </c>
    </row>
    <row r="1649" spans="1:11" x14ac:dyDescent="0.4">
      <c r="A1649" s="8" t="s">
        <v>11818</v>
      </c>
      <c r="B1649" s="8" t="s">
        <v>633</v>
      </c>
      <c r="C1649" s="9" t="s">
        <v>17154</v>
      </c>
      <c r="D1649" s="9" t="s">
        <v>17155</v>
      </c>
      <c r="E1649" s="10" t="s">
        <v>17156</v>
      </c>
      <c r="F1649" s="10" t="s">
        <v>17157</v>
      </c>
      <c r="G1649" s="8" t="s">
        <v>17158</v>
      </c>
      <c r="H1649" s="8" t="s">
        <v>17159</v>
      </c>
      <c r="I1649" s="11">
        <v>43915</v>
      </c>
      <c r="J1649" s="11">
        <v>43915</v>
      </c>
      <c r="K1649" s="11">
        <v>46203</v>
      </c>
    </row>
    <row r="1650" spans="1:11" x14ac:dyDescent="0.4">
      <c r="A1650" s="8" t="s">
        <v>11818</v>
      </c>
      <c r="B1650" s="8" t="s">
        <v>48</v>
      </c>
      <c r="C1650" s="9" t="s">
        <v>17160</v>
      </c>
      <c r="D1650" s="9" t="s">
        <v>16880</v>
      </c>
      <c r="E1650" s="10" t="s">
        <v>17161</v>
      </c>
      <c r="F1650" s="10"/>
      <c r="G1650" s="8"/>
      <c r="H1650" s="8" t="s">
        <v>17162</v>
      </c>
      <c r="I1650" s="11">
        <v>43916</v>
      </c>
      <c r="J1650" s="11">
        <v>43916</v>
      </c>
      <c r="K1650" s="11">
        <v>45747</v>
      </c>
    </row>
    <row r="1651" spans="1:11" x14ac:dyDescent="0.4">
      <c r="A1651" s="8" t="s">
        <v>11818</v>
      </c>
      <c r="B1651" s="8" t="s">
        <v>633</v>
      </c>
      <c r="C1651" s="9" t="s">
        <v>7465</v>
      </c>
      <c r="D1651" s="9" t="s">
        <v>17163</v>
      </c>
      <c r="E1651" s="10"/>
      <c r="F1651" s="10"/>
      <c r="G1651" s="8"/>
      <c r="H1651" s="8" t="s">
        <v>17164</v>
      </c>
      <c r="I1651" s="11">
        <v>43924</v>
      </c>
      <c r="J1651" s="11">
        <v>43924</v>
      </c>
      <c r="K1651" s="11">
        <v>46142</v>
      </c>
    </row>
    <row r="1652" spans="1:11" x14ac:dyDescent="0.4">
      <c r="A1652" s="8" t="s">
        <v>11818</v>
      </c>
      <c r="B1652" s="8" t="s">
        <v>9278</v>
      </c>
      <c r="C1652" s="9" t="s">
        <v>17165</v>
      </c>
      <c r="D1652" s="9" t="s">
        <v>14504</v>
      </c>
      <c r="E1652" s="10" t="s">
        <v>17166</v>
      </c>
      <c r="F1652" s="10"/>
      <c r="G1652" s="8"/>
      <c r="H1652" s="8" t="s">
        <v>17167</v>
      </c>
      <c r="I1652" s="11">
        <v>43917</v>
      </c>
      <c r="J1652" s="11">
        <v>43917</v>
      </c>
      <c r="K1652" s="11">
        <v>46356</v>
      </c>
    </row>
    <row r="1653" spans="1:11" x14ac:dyDescent="0.4">
      <c r="A1653" s="8" t="s">
        <v>11818</v>
      </c>
      <c r="B1653" s="8" t="s">
        <v>3083</v>
      </c>
      <c r="C1653" s="9" t="s">
        <v>17168</v>
      </c>
      <c r="D1653" s="9" t="s">
        <v>16567</v>
      </c>
      <c r="E1653" s="10" t="s">
        <v>17169</v>
      </c>
      <c r="F1653" s="10" t="s">
        <v>4091</v>
      </c>
      <c r="G1653" s="8" t="s">
        <v>17170</v>
      </c>
      <c r="H1653" s="8" t="s">
        <v>17171</v>
      </c>
      <c r="I1653" s="11">
        <v>43922</v>
      </c>
      <c r="J1653" s="11">
        <v>43922</v>
      </c>
      <c r="K1653" s="11">
        <v>46112</v>
      </c>
    </row>
    <row r="1654" spans="1:11" x14ac:dyDescent="0.4">
      <c r="A1654" s="8" t="s">
        <v>11818</v>
      </c>
      <c r="B1654" s="8" t="s">
        <v>3441</v>
      </c>
      <c r="C1654" s="9" t="s">
        <v>17172</v>
      </c>
      <c r="D1654" s="9" t="s">
        <v>17173</v>
      </c>
      <c r="E1654" s="10"/>
      <c r="F1654" s="10"/>
      <c r="G1654" s="8"/>
      <c r="H1654" s="8" t="s">
        <v>17174</v>
      </c>
      <c r="I1654" s="11">
        <v>43922</v>
      </c>
      <c r="J1654" s="11">
        <v>43922</v>
      </c>
      <c r="K1654" s="11">
        <v>46326</v>
      </c>
    </row>
    <row r="1655" spans="1:11" x14ac:dyDescent="0.4">
      <c r="A1655" s="8" t="s">
        <v>11818</v>
      </c>
      <c r="B1655" s="8" t="s">
        <v>633</v>
      </c>
      <c r="C1655" s="9" t="s">
        <v>17175</v>
      </c>
      <c r="D1655" s="9" t="s">
        <v>17176</v>
      </c>
      <c r="E1655" s="10"/>
      <c r="F1655" s="10" t="s">
        <v>1234</v>
      </c>
      <c r="G1655" s="8" t="s">
        <v>12245</v>
      </c>
      <c r="H1655" s="8" t="s">
        <v>17177</v>
      </c>
      <c r="I1655" s="11">
        <v>43917</v>
      </c>
      <c r="J1655" s="11">
        <v>43917</v>
      </c>
      <c r="K1655" s="11">
        <v>46173</v>
      </c>
    </row>
    <row r="1656" spans="1:11" x14ac:dyDescent="0.4">
      <c r="A1656" s="8" t="s">
        <v>11818</v>
      </c>
      <c r="B1656" s="8" t="s">
        <v>1871</v>
      </c>
      <c r="C1656" s="9" t="s">
        <v>17178</v>
      </c>
      <c r="D1656" s="9" t="s">
        <v>1332</v>
      </c>
      <c r="E1656" s="10"/>
      <c r="F1656" s="10" t="s">
        <v>13980</v>
      </c>
      <c r="G1656" s="8" t="s">
        <v>13981</v>
      </c>
      <c r="H1656" s="8" t="s">
        <v>17179</v>
      </c>
      <c r="I1656" s="11">
        <v>43918</v>
      </c>
      <c r="J1656" s="11">
        <v>43918</v>
      </c>
      <c r="K1656" s="11">
        <v>45808</v>
      </c>
    </row>
    <row r="1657" spans="1:11" x14ac:dyDescent="0.4">
      <c r="A1657" s="8" t="s">
        <v>11818</v>
      </c>
      <c r="B1657" s="8" t="s">
        <v>5454</v>
      </c>
      <c r="C1657" s="9" t="s">
        <v>17180</v>
      </c>
      <c r="D1657" s="9" t="s">
        <v>17181</v>
      </c>
      <c r="E1657" s="10" t="s">
        <v>17182</v>
      </c>
      <c r="F1657" s="10" t="s">
        <v>15791</v>
      </c>
      <c r="G1657" s="8" t="s">
        <v>14369</v>
      </c>
      <c r="H1657" s="8" t="s">
        <v>17183</v>
      </c>
      <c r="I1657" s="11">
        <v>43917</v>
      </c>
      <c r="J1657" s="11">
        <v>43917</v>
      </c>
      <c r="K1657" s="11">
        <v>46173</v>
      </c>
    </row>
    <row r="1658" spans="1:11" x14ac:dyDescent="0.4">
      <c r="A1658" s="8" t="s">
        <v>11818</v>
      </c>
      <c r="B1658" s="8" t="s">
        <v>633</v>
      </c>
      <c r="C1658" s="9" t="s">
        <v>17184</v>
      </c>
      <c r="D1658" s="9" t="s">
        <v>17185</v>
      </c>
      <c r="E1658" s="10"/>
      <c r="F1658" s="10" t="s">
        <v>17023</v>
      </c>
      <c r="G1658" s="8" t="s">
        <v>17024</v>
      </c>
      <c r="H1658" s="8" t="s">
        <v>17186</v>
      </c>
      <c r="I1658" s="11">
        <v>43921</v>
      </c>
      <c r="J1658" s="11">
        <v>43921</v>
      </c>
      <c r="K1658" s="11">
        <v>46477</v>
      </c>
    </row>
    <row r="1659" spans="1:11" x14ac:dyDescent="0.4">
      <c r="A1659" s="8" t="s">
        <v>11818</v>
      </c>
      <c r="B1659" s="8" t="s">
        <v>48</v>
      </c>
      <c r="C1659" s="9" t="s">
        <v>17187</v>
      </c>
      <c r="D1659" s="9" t="s">
        <v>15955</v>
      </c>
      <c r="E1659" s="10" t="s">
        <v>17188</v>
      </c>
      <c r="F1659" s="10"/>
      <c r="G1659" s="8"/>
      <c r="H1659" s="8" t="s">
        <v>17189</v>
      </c>
      <c r="I1659" s="11">
        <v>43921</v>
      </c>
      <c r="J1659" s="11">
        <v>43921</v>
      </c>
      <c r="K1659" s="11">
        <v>46356</v>
      </c>
    </row>
    <row r="1660" spans="1:11" x14ac:dyDescent="0.4">
      <c r="A1660" s="8" t="s">
        <v>11818</v>
      </c>
      <c r="B1660" s="8" t="s">
        <v>48</v>
      </c>
      <c r="C1660" s="9" t="s">
        <v>17190</v>
      </c>
      <c r="D1660" s="9" t="s">
        <v>15071</v>
      </c>
      <c r="E1660" s="10" t="s">
        <v>17191</v>
      </c>
      <c r="F1660" s="10"/>
      <c r="G1660" s="8"/>
      <c r="H1660" s="8" t="s">
        <v>17192</v>
      </c>
      <c r="I1660" s="11">
        <v>43921</v>
      </c>
      <c r="J1660" s="11">
        <v>43921</v>
      </c>
      <c r="K1660" s="11">
        <v>46356</v>
      </c>
    </row>
    <row r="1661" spans="1:11" x14ac:dyDescent="0.4">
      <c r="A1661" s="8" t="s">
        <v>11818</v>
      </c>
      <c r="B1661" s="8" t="s">
        <v>48</v>
      </c>
      <c r="C1661" s="9" t="s">
        <v>17193</v>
      </c>
      <c r="D1661" s="9" t="s">
        <v>17194</v>
      </c>
      <c r="E1661" s="10" t="s">
        <v>17195</v>
      </c>
      <c r="F1661" s="10"/>
      <c r="G1661" s="8"/>
      <c r="H1661" s="8" t="s">
        <v>17196</v>
      </c>
      <c r="I1661" s="11">
        <v>43922</v>
      </c>
      <c r="J1661" s="11">
        <v>43922</v>
      </c>
      <c r="K1661" s="11">
        <v>46356</v>
      </c>
    </row>
    <row r="1662" spans="1:11" x14ac:dyDescent="0.4">
      <c r="A1662" s="8" t="s">
        <v>11818</v>
      </c>
      <c r="B1662" s="8" t="s">
        <v>48</v>
      </c>
      <c r="C1662" s="9" t="s">
        <v>17197</v>
      </c>
      <c r="D1662" s="9" t="s">
        <v>17198</v>
      </c>
      <c r="E1662" s="10" t="s">
        <v>17199</v>
      </c>
      <c r="F1662" s="10"/>
      <c r="G1662" s="8"/>
      <c r="H1662" s="8" t="s">
        <v>17200</v>
      </c>
      <c r="I1662" s="11">
        <v>43921</v>
      </c>
      <c r="J1662" s="11">
        <v>43921</v>
      </c>
      <c r="K1662" s="11">
        <v>46356</v>
      </c>
    </row>
    <row r="1663" spans="1:11" x14ac:dyDescent="0.4">
      <c r="A1663" s="8" t="s">
        <v>11818</v>
      </c>
      <c r="B1663" s="8" t="s">
        <v>48</v>
      </c>
      <c r="C1663" s="9" t="s">
        <v>17201</v>
      </c>
      <c r="D1663" s="9" t="s">
        <v>17202</v>
      </c>
      <c r="E1663" s="10"/>
      <c r="F1663" s="10"/>
      <c r="G1663" s="8"/>
      <c r="H1663" s="8" t="s">
        <v>17203</v>
      </c>
      <c r="I1663" s="11">
        <v>43927</v>
      </c>
      <c r="J1663" s="11">
        <v>43927</v>
      </c>
      <c r="K1663" s="11">
        <v>46142</v>
      </c>
    </row>
    <row r="1664" spans="1:11" x14ac:dyDescent="0.4">
      <c r="A1664" s="8" t="s">
        <v>11818</v>
      </c>
      <c r="B1664" s="8" t="s">
        <v>9278</v>
      </c>
      <c r="C1664" s="9" t="s">
        <v>17204</v>
      </c>
      <c r="D1664" s="9" t="s">
        <v>17205</v>
      </c>
      <c r="E1664" s="10"/>
      <c r="F1664" s="10" t="s">
        <v>15766</v>
      </c>
      <c r="G1664" s="8" t="s">
        <v>15767</v>
      </c>
      <c r="H1664" s="8" t="s">
        <v>17206</v>
      </c>
      <c r="I1664" s="11">
        <v>43927</v>
      </c>
      <c r="J1664" s="11">
        <v>43927</v>
      </c>
      <c r="K1664" s="11">
        <v>46356</v>
      </c>
    </row>
    <row r="1665" spans="1:11" x14ac:dyDescent="0.4">
      <c r="A1665" s="8" t="s">
        <v>11818</v>
      </c>
      <c r="B1665" s="8" t="s">
        <v>633</v>
      </c>
      <c r="C1665" s="9" t="s">
        <v>17207</v>
      </c>
      <c r="D1665" s="9" t="s">
        <v>17208</v>
      </c>
      <c r="E1665" s="10"/>
      <c r="F1665" s="10" t="s">
        <v>12471</v>
      </c>
      <c r="G1665" s="8" t="s">
        <v>12472</v>
      </c>
      <c r="H1665" s="8" t="s">
        <v>17209</v>
      </c>
      <c r="I1665" s="11">
        <v>43927</v>
      </c>
      <c r="J1665" s="11">
        <v>43927</v>
      </c>
      <c r="K1665" s="11">
        <v>46142</v>
      </c>
    </row>
    <row r="1666" spans="1:11" x14ac:dyDescent="0.4">
      <c r="A1666" s="8" t="s">
        <v>11818</v>
      </c>
      <c r="B1666" s="8" t="s">
        <v>2044</v>
      </c>
      <c r="C1666" s="9" t="s">
        <v>17210</v>
      </c>
      <c r="D1666" s="9" t="s">
        <v>17211</v>
      </c>
      <c r="E1666" s="10" t="s">
        <v>17212</v>
      </c>
      <c r="F1666" s="10"/>
      <c r="G1666" s="8"/>
      <c r="H1666" s="8" t="s">
        <v>17213</v>
      </c>
      <c r="I1666" s="11">
        <v>43924</v>
      </c>
      <c r="J1666" s="11">
        <v>43924</v>
      </c>
      <c r="K1666" s="11">
        <v>46203</v>
      </c>
    </row>
    <row r="1667" spans="1:11" x14ac:dyDescent="0.4">
      <c r="A1667" s="8" t="s">
        <v>11818</v>
      </c>
      <c r="B1667" s="8" t="s">
        <v>6444</v>
      </c>
      <c r="C1667" s="9" t="s">
        <v>17214</v>
      </c>
      <c r="D1667" s="9" t="s">
        <v>17215</v>
      </c>
      <c r="E1667" s="10"/>
      <c r="F1667" s="10"/>
      <c r="G1667" s="8"/>
      <c r="H1667" s="8" t="s">
        <v>17216</v>
      </c>
      <c r="I1667" s="11">
        <v>43924</v>
      </c>
      <c r="J1667" s="11">
        <v>43924</v>
      </c>
      <c r="K1667" s="11">
        <v>46477</v>
      </c>
    </row>
    <row r="1668" spans="1:11" x14ac:dyDescent="0.4">
      <c r="A1668" s="8" t="s">
        <v>11818</v>
      </c>
      <c r="B1668" s="8" t="s">
        <v>1871</v>
      </c>
      <c r="C1668" s="9" t="s">
        <v>17217</v>
      </c>
      <c r="D1668" s="9" t="s">
        <v>1332</v>
      </c>
      <c r="E1668" s="10"/>
      <c r="F1668" s="10"/>
      <c r="G1668" s="8"/>
      <c r="H1668" s="8" t="s">
        <v>17218</v>
      </c>
      <c r="I1668" s="11">
        <v>43925</v>
      </c>
      <c r="J1668" s="11">
        <v>43925</v>
      </c>
      <c r="K1668" s="11">
        <v>45808</v>
      </c>
    </row>
    <row r="1669" spans="1:11" x14ac:dyDescent="0.4">
      <c r="A1669" s="8" t="s">
        <v>11818</v>
      </c>
      <c r="B1669" s="8" t="s">
        <v>5454</v>
      </c>
      <c r="C1669" s="9" t="s">
        <v>17219</v>
      </c>
      <c r="D1669" s="9" t="s">
        <v>17220</v>
      </c>
      <c r="E1669" s="10" t="s">
        <v>17221</v>
      </c>
      <c r="F1669" s="10" t="s">
        <v>3698</v>
      </c>
      <c r="G1669" s="8" t="s">
        <v>17222</v>
      </c>
      <c r="H1669" s="8" t="s">
        <v>17223</v>
      </c>
      <c r="I1669" s="11">
        <v>43924</v>
      </c>
      <c r="J1669" s="11">
        <v>43924</v>
      </c>
      <c r="K1669" s="11">
        <v>45991</v>
      </c>
    </row>
    <row r="1670" spans="1:11" x14ac:dyDescent="0.4">
      <c r="A1670" s="8" t="s">
        <v>11818</v>
      </c>
      <c r="B1670" s="8" t="s">
        <v>698</v>
      </c>
      <c r="C1670" s="9" t="s">
        <v>17224</v>
      </c>
      <c r="D1670" s="9" t="s">
        <v>17225</v>
      </c>
      <c r="E1670" s="10" t="s">
        <v>17226</v>
      </c>
      <c r="F1670" s="10"/>
      <c r="G1670" s="8"/>
      <c r="H1670" s="8" t="s">
        <v>17227</v>
      </c>
      <c r="I1670" s="11">
        <v>43928</v>
      </c>
      <c r="J1670" s="11">
        <v>43928</v>
      </c>
      <c r="K1670" s="11">
        <v>46112</v>
      </c>
    </row>
    <row r="1671" spans="1:11" x14ac:dyDescent="0.4">
      <c r="A1671" s="8" t="s">
        <v>11818</v>
      </c>
      <c r="B1671" s="8" t="s">
        <v>2044</v>
      </c>
      <c r="C1671" s="9" t="s">
        <v>17228</v>
      </c>
      <c r="D1671" s="9" t="s">
        <v>16022</v>
      </c>
      <c r="E1671" s="10" t="s">
        <v>17229</v>
      </c>
      <c r="F1671" s="10"/>
      <c r="G1671" s="8"/>
      <c r="H1671" s="8" t="s">
        <v>17230</v>
      </c>
      <c r="I1671" s="11">
        <v>43924</v>
      </c>
      <c r="J1671" s="11">
        <v>43924</v>
      </c>
      <c r="K1671" s="11">
        <v>46112</v>
      </c>
    </row>
    <row r="1672" spans="1:11" x14ac:dyDescent="0.4">
      <c r="A1672" s="8" t="s">
        <v>11818</v>
      </c>
      <c r="B1672" s="8" t="s">
        <v>633</v>
      </c>
      <c r="C1672" s="9" t="s">
        <v>17231</v>
      </c>
      <c r="D1672" s="9" t="s">
        <v>17232</v>
      </c>
      <c r="E1672" s="10"/>
      <c r="F1672" s="10"/>
      <c r="G1672" s="8"/>
      <c r="H1672" s="8" t="s">
        <v>17233</v>
      </c>
      <c r="I1672" s="11">
        <v>43930</v>
      </c>
      <c r="J1672" s="11">
        <v>43930</v>
      </c>
      <c r="K1672" s="11">
        <v>45930</v>
      </c>
    </row>
    <row r="1673" spans="1:11" x14ac:dyDescent="0.4">
      <c r="A1673" s="8" t="s">
        <v>11818</v>
      </c>
      <c r="B1673" s="8" t="s">
        <v>48</v>
      </c>
      <c r="C1673" s="9" t="s">
        <v>17234</v>
      </c>
      <c r="D1673" s="9" t="s">
        <v>17235</v>
      </c>
      <c r="E1673" s="10"/>
      <c r="F1673" s="10" t="s">
        <v>847</v>
      </c>
      <c r="G1673" s="8" t="s">
        <v>17236</v>
      </c>
      <c r="H1673" s="8" t="s">
        <v>17237</v>
      </c>
      <c r="I1673" s="11">
        <v>43931</v>
      </c>
      <c r="J1673" s="11">
        <v>43931</v>
      </c>
      <c r="K1673" s="11">
        <v>46173</v>
      </c>
    </row>
    <row r="1674" spans="1:11" x14ac:dyDescent="0.4">
      <c r="A1674" s="8" t="s">
        <v>11818</v>
      </c>
      <c r="B1674" s="8" t="s">
        <v>48</v>
      </c>
      <c r="C1674" s="9" t="s">
        <v>7288</v>
      </c>
      <c r="D1674" s="9" t="s">
        <v>12901</v>
      </c>
      <c r="E1674" s="10" t="s">
        <v>17238</v>
      </c>
      <c r="F1674" s="10" t="s">
        <v>847</v>
      </c>
      <c r="G1674" s="8" t="s">
        <v>17236</v>
      </c>
      <c r="H1674" s="8" t="s">
        <v>17239</v>
      </c>
      <c r="I1674" s="11">
        <v>43931</v>
      </c>
      <c r="J1674" s="11">
        <v>43931</v>
      </c>
      <c r="K1674" s="11">
        <v>46173</v>
      </c>
    </row>
    <row r="1675" spans="1:11" x14ac:dyDescent="0.4">
      <c r="A1675" s="8" t="s">
        <v>11818</v>
      </c>
      <c r="B1675" s="8" t="s">
        <v>3441</v>
      </c>
      <c r="C1675" s="9" t="s">
        <v>17240</v>
      </c>
      <c r="D1675" s="9" t="s">
        <v>17241</v>
      </c>
      <c r="E1675" s="10"/>
      <c r="F1675" s="10"/>
      <c r="G1675" s="8"/>
      <c r="H1675" s="8" t="s">
        <v>17242</v>
      </c>
      <c r="I1675" s="11">
        <v>43931</v>
      </c>
      <c r="J1675" s="11">
        <v>43931</v>
      </c>
      <c r="K1675" s="11">
        <v>46142</v>
      </c>
    </row>
    <row r="1676" spans="1:11" x14ac:dyDescent="0.4">
      <c r="A1676" s="8" t="s">
        <v>11818</v>
      </c>
      <c r="B1676" s="8" t="s">
        <v>48</v>
      </c>
      <c r="C1676" s="9" t="s">
        <v>17243</v>
      </c>
      <c r="D1676" s="9" t="s">
        <v>17244</v>
      </c>
      <c r="E1676" s="10"/>
      <c r="F1676" s="10" t="s">
        <v>17245</v>
      </c>
      <c r="G1676" s="8" t="s">
        <v>17246</v>
      </c>
      <c r="H1676" s="8" t="s">
        <v>17247</v>
      </c>
      <c r="I1676" s="11">
        <v>43935</v>
      </c>
      <c r="J1676" s="11">
        <v>43935</v>
      </c>
      <c r="K1676" s="11">
        <v>46295</v>
      </c>
    </row>
    <row r="1677" spans="1:11" x14ac:dyDescent="0.4">
      <c r="A1677" s="8" t="s">
        <v>11818</v>
      </c>
      <c r="B1677" s="8" t="s">
        <v>48</v>
      </c>
      <c r="C1677" s="9" t="s">
        <v>9567</v>
      </c>
      <c r="D1677" s="9" t="s">
        <v>17244</v>
      </c>
      <c r="E1677" s="10"/>
      <c r="F1677" s="10" t="s">
        <v>9564</v>
      </c>
      <c r="G1677" s="8" t="s">
        <v>17248</v>
      </c>
      <c r="H1677" s="8" t="s">
        <v>17249</v>
      </c>
      <c r="I1677" s="11">
        <v>43935</v>
      </c>
      <c r="J1677" s="11">
        <v>43935</v>
      </c>
      <c r="K1677" s="11">
        <v>46295</v>
      </c>
    </row>
    <row r="1678" spans="1:11" x14ac:dyDescent="0.4">
      <c r="A1678" s="8" t="s">
        <v>11818</v>
      </c>
      <c r="B1678" s="8" t="s">
        <v>3083</v>
      </c>
      <c r="C1678" s="9" t="s">
        <v>17250</v>
      </c>
      <c r="D1678" s="9" t="s">
        <v>17251</v>
      </c>
      <c r="E1678" s="10"/>
      <c r="F1678" s="10" t="s">
        <v>9403</v>
      </c>
      <c r="G1678" s="8" t="s">
        <v>17252</v>
      </c>
      <c r="H1678" s="8" t="s">
        <v>17253</v>
      </c>
      <c r="I1678" s="11">
        <v>43941</v>
      </c>
      <c r="J1678" s="11">
        <v>43941</v>
      </c>
      <c r="K1678" s="11">
        <v>46295</v>
      </c>
    </row>
    <row r="1679" spans="1:11" x14ac:dyDescent="0.4">
      <c r="A1679" s="8" t="s">
        <v>11818</v>
      </c>
      <c r="B1679" s="8" t="s">
        <v>698</v>
      </c>
      <c r="C1679" s="9" t="s">
        <v>17254</v>
      </c>
      <c r="D1679" s="9" t="s">
        <v>17255</v>
      </c>
      <c r="E1679" s="10"/>
      <c r="F1679" s="10" t="s">
        <v>6538</v>
      </c>
      <c r="G1679" s="8" t="s">
        <v>17256</v>
      </c>
      <c r="H1679" s="8" t="s">
        <v>17257</v>
      </c>
      <c r="I1679" s="11">
        <v>43941</v>
      </c>
      <c r="J1679" s="11">
        <v>43941</v>
      </c>
      <c r="K1679" s="11">
        <v>46295</v>
      </c>
    </row>
    <row r="1680" spans="1:11" x14ac:dyDescent="0.4">
      <c r="A1680" s="8" t="s">
        <v>11818</v>
      </c>
      <c r="B1680" s="8" t="s">
        <v>2044</v>
      </c>
      <c r="C1680" s="9" t="s">
        <v>17258</v>
      </c>
      <c r="D1680" s="9" t="s">
        <v>17255</v>
      </c>
      <c r="E1680" s="10"/>
      <c r="F1680" s="10" t="s">
        <v>17259</v>
      </c>
      <c r="G1680" s="8" t="s">
        <v>16687</v>
      </c>
      <c r="H1680" s="8" t="s">
        <v>17260</v>
      </c>
      <c r="I1680" s="11">
        <v>43941</v>
      </c>
      <c r="J1680" s="11">
        <v>43941</v>
      </c>
      <c r="K1680" s="11">
        <v>45930</v>
      </c>
    </row>
    <row r="1681" spans="1:11" x14ac:dyDescent="0.4">
      <c r="A1681" s="8" t="s">
        <v>11818</v>
      </c>
      <c r="B1681" s="8" t="s">
        <v>698</v>
      </c>
      <c r="C1681" s="9" t="s">
        <v>17261</v>
      </c>
      <c r="D1681" s="9" t="s">
        <v>17251</v>
      </c>
      <c r="E1681" s="10"/>
      <c r="F1681" s="10" t="s">
        <v>6342</v>
      </c>
      <c r="G1681" s="8" t="s">
        <v>17262</v>
      </c>
      <c r="H1681" s="8" t="s">
        <v>17263</v>
      </c>
      <c r="I1681" s="11">
        <v>43941</v>
      </c>
      <c r="J1681" s="11">
        <v>43941</v>
      </c>
      <c r="K1681" s="11">
        <v>46295</v>
      </c>
    </row>
    <row r="1682" spans="1:11" x14ac:dyDescent="0.4">
      <c r="A1682" s="8" t="s">
        <v>11818</v>
      </c>
      <c r="B1682" s="8" t="s">
        <v>3083</v>
      </c>
      <c r="C1682" s="9" t="s">
        <v>17264</v>
      </c>
      <c r="D1682" s="9" t="s">
        <v>17265</v>
      </c>
      <c r="E1682" s="10"/>
      <c r="F1682" s="10" t="s">
        <v>17266</v>
      </c>
      <c r="G1682" s="8" t="s">
        <v>17267</v>
      </c>
      <c r="H1682" s="8" t="s">
        <v>17268</v>
      </c>
      <c r="I1682" s="11">
        <v>43936</v>
      </c>
      <c r="J1682" s="11">
        <v>43936</v>
      </c>
      <c r="K1682" s="11">
        <v>45930</v>
      </c>
    </row>
    <row r="1683" spans="1:11" x14ac:dyDescent="0.4">
      <c r="A1683" s="8" t="s">
        <v>11818</v>
      </c>
      <c r="B1683" s="8" t="s">
        <v>48</v>
      </c>
      <c r="C1683" s="9" t="s">
        <v>17269</v>
      </c>
      <c r="D1683" s="9" t="s">
        <v>17270</v>
      </c>
      <c r="E1683" s="10"/>
      <c r="F1683" s="10"/>
      <c r="G1683" s="8"/>
      <c r="H1683" s="8" t="s">
        <v>17271</v>
      </c>
      <c r="I1683" s="11">
        <v>43937</v>
      </c>
      <c r="J1683" s="11">
        <v>43937</v>
      </c>
      <c r="K1683" s="11">
        <v>45808</v>
      </c>
    </row>
    <row r="1684" spans="1:11" x14ac:dyDescent="0.4">
      <c r="A1684" s="8" t="s">
        <v>11818</v>
      </c>
      <c r="B1684" s="8" t="s">
        <v>698</v>
      </c>
      <c r="C1684" s="9" t="s">
        <v>17272</v>
      </c>
      <c r="D1684" s="9" t="s">
        <v>17273</v>
      </c>
      <c r="E1684" s="10"/>
      <c r="F1684" s="10"/>
      <c r="G1684" s="8"/>
      <c r="H1684" s="8" t="s">
        <v>17274</v>
      </c>
      <c r="I1684" s="11">
        <v>43938</v>
      </c>
      <c r="J1684" s="11">
        <v>43938</v>
      </c>
      <c r="K1684" s="11">
        <v>45838</v>
      </c>
    </row>
    <row r="1685" spans="1:11" x14ac:dyDescent="0.4">
      <c r="A1685" s="8" t="s">
        <v>11818</v>
      </c>
      <c r="B1685" s="8" t="s">
        <v>6444</v>
      </c>
      <c r="C1685" s="9" t="s">
        <v>17275</v>
      </c>
      <c r="D1685" s="9" t="s">
        <v>17276</v>
      </c>
      <c r="E1685" s="10"/>
      <c r="F1685" s="10" t="s">
        <v>17277</v>
      </c>
      <c r="G1685" s="8" t="s">
        <v>17278</v>
      </c>
      <c r="H1685" s="8" t="s">
        <v>17279</v>
      </c>
      <c r="I1685" s="11">
        <v>43948</v>
      </c>
      <c r="J1685" s="11">
        <v>43948</v>
      </c>
      <c r="K1685" s="11">
        <v>46295</v>
      </c>
    </row>
    <row r="1686" spans="1:11" x14ac:dyDescent="0.4">
      <c r="A1686" s="8" t="s">
        <v>11818</v>
      </c>
      <c r="B1686" s="8" t="s">
        <v>633</v>
      </c>
      <c r="C1686" s="9" t="s">
        <v>17280</v>
      </c>
      <c r="D1686" s="9" t="s">
        <v>17281</v>
      </c>
      <c r="E1686" s="10" t="s">
        <v>17282</v>
      </c>
      <c r="F1686" s="10" t="s">
        <v>13559</v>
      </c>
      <c r="G1686" s="8" t="s">
        <v>17283</v>
      </c>
      <c r="H1686" s="8" t="s">
        <v>17284</v>
      </c>
      <c r="I1686" s="11">
        <v>43952</v>
      </c>
      <c r="J1686" s="11">
        <v>43952</v>
      </c>
      <c r="K1686" s="11">
        <v>45777</v>
      </c>
    </row>
    <row r="1687" spans="1:11" x14ac:dyDescent="0.4">
      <c r="A1687" s="8" t="s">
        <v>11818</v>
      </c>
      <c r="B1687" s="8" t="s">
        <v>698</v>
      </c>
      <c r="C1687" s="9" t="s">
        <v>17285</v>
      </c>
      <c r="D1687" s="9" t="s">
        <v>17286</v>
      </c>
      <c r="E1687" s="10"/>
      <c r="F1687" s="10" t="s">
        <v>16735</v>
      </c>
      <c r="G1687" s="8" t="s">
        <v>17287</v>
      </c>
      <c r="H1687" s="8" t="s">
        <v>17288</v>
      </c>
      <c r="I1687" s="11">
        <v>43952</v>
      </c>
      <c r="J1687" s="11">
        <v>43952</v>
      </c>
      <c r="K1687" s="11">
        <v>46142</v>
      </c>
    </row>
    <row r="1688" spans="1:11" x14ac:dyDescent="0.4">
      <c r="A1688" s="8" t="s">
        <v>11818</v>
      </c>
      <c r="B1688" s="8" t="s">
        <v>2044</v>
      </c>
      <c r="C1688" s="9" t="s">
        <v>11482</v>
      </c>
      <c r="D1688" s="9" t="s">
        <v>11483</v>
      </c>
      <c r="E1688" s="10" t="s">
        <v>11484</v>
      </c>
      <c r="F1688" s="10" t="s">
        <v>11433</v>
      </c>
      <c r="G1688" s="8" t="s">
        <v>11434</v>
      </c>
      <c r="H1688" s="8" t="s">
        <v>17289</v>
      </c>
      <c r="I1688" s="11">
        <v>43952</v>
      </c>
      <c r="J1688" s="11">
        <v>43952</v>
      </c>
      <c r="K1688" s="11">
        <v>46142</v>
      </c>
    </row>
    <row r="1689" spans="1:11" x14ac:dyDescent="0.4">
      <c r="A1689" s="8" t="s">
        <v>11818</v>
      </c>
      <c r="B1689" s="8" t="s">
        <v>48</v>
      </c>
      <c r="C1689" s="9" t="s">
        <v>17290</v>
      </c>
      <c r="D1689" s="9" t="s">
        <v>17291</v>
      </c>
      <c r="E1689" s="10" t="s">
        <v>17292</v>
      </c>
      <c r="F1689" s="10"/>
      <c r="G1689" s="8"/>
      <c r="H1689" s="8" t="s">
        <v>17293</v>
      </c>
      <c r="I1689" s="11">
        <v>43942</v>
      </c>
      <c r="J1689" s="11">
        <v>43942</v>
      </c>
      <c r="K1689" s="11">
        <v>46142</v>
      </c>
    </row>
    <row r="1690" spans="1:11" x14ac:dyDescent="0.4">
      <c r="A1690" s="8" t="s">
        <v>11818</v>
      </c>
      <c r="B1690" s="8" t="s">
        <v>48</v>
      </c>
      <c r="C1690" s="9" t="s">
        <v>17294</v>
      </c>
      <c r="D1690" s="9" t="s">
        <v>15071</v>
      </c>
      <c r="E1690" s="10" t="s">
        <v>14900</v>
      </c>
      <c r="F1690" s="10"/>
      <c r="G1690" s="8"/>
      <c r="H1690" s="8" t="s">
        <v>17295</v>
      </c>
      <c r="I1690" s="11">
        <v>43943</v>
      </c>
      <c r="J1690" s="11">
        <v>43943</v>
      </c>
      <c r="K1690" s="11">
        <v>45991</v>
      </c>
    </row>
    <row r="1691" spans="1:11" x14ac:dyDescent="0.4">
      <c r="A1691" s="8" t="s">
        <v>11818</v>
      </c>
      <c r="B1691" s="8" t="s">
        <v>3441</v>
      </c>
      <c r="C1691" s="9" t="s">
        <v>14476</v>
      </c>
      <c r="D1691" s="9" t="s">
        <v>14477</v>
      </c>
      <c r="E1691" s="10"/>
      <c r="F1691" s="10" t="s">
        <v>5428</v>
      </c>
      <c r="G1691" s="8" t="s">
        <v>14479</v>
      </c>
      <c r="H1691" s="8" t="s">
        <v>17296</v>
      </c>
      <c r="I1691" s="11">
        <v>43943</v>
      </c>
      <c r="J1691" s="11">
        <v>43943</v>
      </c>
      <c r="K1691" s="11">
        <v>46326</v>
      </c>
    </row>
    <row r="1692" spans="1:11" x14ac:dyDescent="0.4">
      <c r="A1692" s="8" t="s">
        <v>11818</v>
      </c>
      <c r="B1692" s="8" t="s">
        <v>6444</v>
      </c>
      <c r="C1692" s="9" t="s">
        <v>17297</v>
      </c>
      <c r="D1692" s="9" t="s">
        <v>17298</v>
      </c>
      <c r="E1692" s="10"/>
      <c r="F1692" s="10"/>
      <c r="G1692" s="8"/>
      <c r="H1692" s="8" t="s">
        <v>17299</v>
      </c>
      <c r="I1692" s="11">
        <v>43945</v>
      </c>
      <c r="J1692" s="11">
        <v>43945</v>
      </c>
      <c r="K1692" s="11">
        <v>46112</v>
      </c>
    </row>
    <row r="1693" spans="1:11" x14ac:dyDescent="0.4">
      <c r="A1693" s="8" t="s">
        <v>11818</v>
      </c>
      <c r="B1693" s="8" t="s">
        <v>6444</v>
      </c>
      <c r="C1693" s="9" t="s">
        <v>11486</v>
      </c>
      <c r="D1693" s="9" t="s">
        <v>11487</v>
      </c>
      <c r="E1693" s="10" t="s">
        <v>11488</v>
      </c>
      <c r="F1693" s="10" t="s">
        <v>11489</v>
      </c>
      <c r="G1693" s="8" t="s">
        <v>11490</v>
      </c>
      <c r="H1693" s="8" t="s">
        <v>17300</v>
      </c>
      <c r="I1693" s="11">
        <v>43945</v>
      </c>
      <c r="J1693" s="11">
        <v>43945</v>
      </c>
      <c r="K1693" s="11">
        <v>46173</v>
      </c>
    </row>
    <row r="1694" spans="1:11" x14ac:dyDescent="0.4">
      <c r="A1694" s="8" t="s">
        <v>11818</v>
      </c>
      <c r="B1694" s="8" t="s">
        <v>48</v>
      </c>
      <c r="C1694" s="9" t="s">
        <v>17301</v>
      </c>
      <c r="D1694" s="9" t="s">
        <v>12429</v>
      </c>
      <c r="E1694" s="10" t="s">
        <v>16035</v>
      </c>
      <c r="F1694" s="10"/>
      <c r="G1694" s="8"/>
      <c r="H1694" s="8" t="s">
        <v>17302</v>
      </c>
      <c r="I1694" s="11">
        <v>43945</v>
      </c>
      <c r="J1694" s="11">
        <v>43945</v>
      </c>
      <c r="K1694" s="11">
        <v>46173</v>
      </c>
    </row>
    <row r="1695" spans="1:11" x14ac:dyDescent="0.4">
      <c r="A1695" s="8" t="s">
        <v>11818</v>
      </c>
      <c r="B1695" s="8" t="s">
        <v>3083</v>
      </c>
      <c r="C1695" s="9" t="s">
        <v>17303</v>
      </c>
      <c r="D1695" s="9" t="s">
        <v>17304</v>
      </c>
      <c r="E1695" s="10"/>
      <c r="F1695" s="10" t="s">
        <v>4091</v>
      </c>
      <c r="G1695" s="8" t="s">
        <v>17305</v>
      </c>
      <c r="H1695" s="8" t="s">
        <v>17306</v>
      </c>
      <c r="I1695" s="11">
        <v>43945</v>
      </c>
      <c r="J1695" s="11">
        <v>43945</v>
      </c>
      <c r="K1695" s="11">
        <v>46173</v>
      </c>
    </row>
    <row r="1696" spans="1:11" x14ac:dyDescent="0.4">
      <c r="A1696" s="8" t="s">
        <v>11818</v>
      </c>
      <c r="B1696" s="8" t="s">
        <v>48</v>
      </c>
      <c r="C1696" s="9" t="s">
        <v>17307</v>
      </c>
      <c r="D1696" s="9" t="s">
        <v>14135</v>
      </c>
      <c r="E1696" s="10" t="s">
        <v>1162</v>
      </c>
      <c r="F1696" s="10"/>
      <c r="G1696" s="8"/>
      <c r="H1696" s="8" t="s">
        <v>17308</v>
      </c>
      <c r="I1696" s="11">
        <v>43972</v>
      </c>
      <c r="J1696" s="11">
        <v>43972</v>
      </c>
      <c r="K1696" s="11">
        <v>46173</v>
      </c>
    </row>
    <row r="1697" spans="1:11" x14ac:dyDescent="0.4">
      <c r="A1697" s="8" t="s">
        <v>11818</v>
      </c>
      <c r="B1697" s="8" t="s">
        <v>48</v>
      </c>
      <c r="C1697" s="9" t="s">
        <v>17309</v>
      </c>
      <c r="D1697" s="9" t="s">
        <v>12121</v>
      </c>
      <c r="E1697" s="10"/>
      <c r="F1697" s="10" t="s">
        <v>17310</v>
      </c>
      <c r="G1697" s="8" t="s">
        <v>17311</v>
      </c>
      <c r="H1697" s="8" t="s">
        <v>17312</v>
      </c>
      <c r="I1697" s="11">
        <v>43958</v>
      </c>
      <c r="J1697" s="11">
        <v>43958</v>
      </c>
      <c r="K1697" s="11">
        <v>45930</v>
      </c>
    </row>
    <row r="1698" spans="1:11" x14ac:dyDescent="0.4">
      <c r="A1698" s="8" t="s">
        <v>11818</v>
      </c>
      <c r="B1698" s="8" t="s">
        <v>3441</v>
      </c>
      <c r="C1698" s="9" t="s">
        <v>17313</v>
      </c>
      <c r="D1698" s="9" t="s">
        <v>17314</v>
      </c>
      <c r="E1698" s="10"/>
      <c r="F1698" s="10"/>
      <c r="G1698" s="8"/>
      <c r="H1698" s="8" t="s">
        <v>17315</v>
      </c>
      <c r="I1698" s="11">
        <v>43949</v>
      </c>
      <c r="J1698" s="11">
        <v>43949</v>
      </c>
      <c r="K1698" s="11">
        <v>45930</v>
      </c>
    </row>
    <row r="1699" spans="1:11" x14ac:dyDescent="0.4">
      <c r="A1699" s="8" t="s">
        <v>11818</v>
      </c>
      <c r="B1699" s="8" t="s">
        <v>1871</v>
      </c>
      <c r="C1699" s="9" t="s">
        <v>17316</v>
      </c>
      <c r="D1699" s="9" t="s">
        <v>1332</v>
      </c>
      <c r="E1699" s="10"/>
      <c r="F1699" s="10"/>
      <c r="G1699" s="8"/>
      <c r="H1699" s="8" t="s">
        <v>17317</v>
      </c>
      <c r="I1699" s="11">
        <v>43949</v>
      </c>
      <c r="J1699" s="11">
        <v>43949</v>
      </c>
      <c r="K1699" s="11">
        <v>45808</v>
      </c>
    </row>
    <row r="1700" spans="1:11" x14ac:dyDescent="0.4">
      <c r="A1700" s="8" t="s">
        <v>11818</v>
      </c>
      <c r="B1700" s="8" t="s">
        <v>1871</v>
      </c>
      <c r="C1700" s="9" t="s">
        <v>17318</v>
      </c>
      <c r="D1700" s="9" t="s">
        <v>1332</v>
      </c>
      <c r="E1700" s="10"/>
      <c r="F1700" s="10"/>
      <c r="G1700" s="8"/>
      <c r="H1700" s="8" t="s">
        <v>17319</v>
      </c>
      <c r="I1700" s="11">
        <v>43949</v>
      </c>
      <c r="J1700" s="11">
        <v>43949</v>
      </c>
      <c r="K1700" s="11">
        <v>45808</v>
      </c>
    </row>
    <row r="1701" spans="1:11" x14ac:dyDescent="0.4">
      <c r="A1701" s="8" t="s">
        <v>11818</v>
      </c>
      <c r="B1701" s="8" t="s">
        <v>3441</v>
      </c>
      <c r="C1701" s="9" t="s">
        <v>17320</v>
      </c>
      <c r="D1701" s="9" t="s">
        <v>17321</v>
      </c>
      <c r="E1701" s="10"/>
      <c r="F1701" s="10" t="s">
        <v>8324</v>
      </c>
      <c r="G1701" s="8" t="s">
        <v>17322</v>
      </c>
      <c r="H1701" s="8" t="s">
        <v>17323</v>
      </c>
      <c r="I1701" s="11">
        <v>43952</v>
      </c>
      <c r="J1701" s="11">
        <v>43952</v>
      </c>
      <c r="K1701" s="11">
        <v>45961</v>
      </c>
    </row>
    <row r="1702" spans="1:11" x14ac:dyDescent="0.4">
      <c r="A1702" s="8" t="s">
        <v>11818</v>
      </c>
      <c r="B1702" s="8" t="s">
        <v>48</v>
      </c>
      <c r="C1702" s="9" t="s">
        <v>17324</v>
      </c>
      <c r="D1702" s="9" t="s">
        <v>17325</v>
      </c>
      <c r="E1702" s="10"/>
      <c r="F1702" s="10"/>
      <c r="G1702" s="8"/>
      <c r="H1702" s="8" t="s">
        <v>17326</v>
      </c>
      <c r="I1702" s="11">
        <v>43952</v>
      </c>
      <c r="J1702" s="11">
        <v>43952</v>
      </c>
      <c r="K1702" s="11">
        <v>45808</v>
      </c>
    </row>
    <row r="1703" spans="1:11" x14ac:dyDescent="0.4">
      <c r="A1703" s="8" t="s">
        <v>11818</v>
      </c>
      <c r="B1703" s="8" t="s">
        <v>698</v>
      </c>
      <c r="C1703" s="9" t="s">
        <v>17327</v>
      </c>
      <c r="D1703" s="9" t="s">
        <v>17328</v>
      </c>
      <c r="E1703" s="10" t="s">
        <v>17329</v>
      </c>
      <c r="F1703" s="10"/>
      <c r="G1703" s="8"/>
      <c r="H1703" s="8" t="s">
        <v>17330</v>
      </c>
      <c r="I1703" s="11">
        <v>43953</v>
      </c>
      <c r="J1703" s="11">
        <v>43953</v>
      </c>
      <c r="K1703" s="11">
        <v>45991</v>
      </c>
    </row>
    <row r="1704" spans="1:11" x14ac:dyDescent="0.4">
      <c r="A1704" s="8" t="s">
        <v>11818</v>
      </c>
      <c r="B1704" s="8" t="s">
        <v>698</v>
      </c>
      <c r="C1704" s="9" t="s">
        <v>17331</v>
      </c>
      <c r="D1704" s="9" t="s">
        <v>17332</v>
      </c>
      <c r="E1704" s="10"/>
      <c r="F1704" s="10" t="s">
        <v>15724</v>
      </c>
      <c r="G1704" s="8" t="s">
        <v>15725</v>
      </c>
      <c r="H1704" s="8" t="s">
        <v>17333</v>
      </c>
      <c r="I1704" s="11">
        <v>43953</v>
      </c>
      <c r="J1704" s="11">
        <v>43953</v>
      </c>
      <c r="K1704" s="11">
        <v>46203</v>
      </c>
    </row>
    <row r="1705" spans="1:11" x14ac:dyDescent="0.4">
      <c r="A1705" s="8" t="s">
        <v>11818</v>
      </c>
      <c r="B1705" s="8" t="s">
        <v>633</v>
      </c>
      <c r="C1705" s="9" t="s">
        <v>17334</v>
      </c>
      <c r="D1705" s="9" t="s">
        <v>17335</v>
      </c>
      <c r="E1705" s="10"/>
      <c r="F1705" s="10" t="s">
        <v>17336</v>
      </c>
      <c r="G1705" s="8" t="s">
        <v>17337</v>
      </c>
      <c r="H1705" s="8" t="s">
        <v>17338</v>
      </c>
      <c r="I1705" s="11">
        <v>43959</v>
      </c>
      <c r="J1705" s="11">
        <v>43959</v>
      </c>
      <c r="K1705" s="11">
        <v>45838</v>
      </c>
    </row>
    <row r="1706" spans="1:11" x14ac:dyDescent="0.4">
      <c r="A1706" s="8" t="s">
        <v>11818</v>
      </c>
      <c r="B1706" s="8" t="s">
        <v>48</v>
      </c>
      <c r="C1706" s="9" t="s">
        <v>17339</v>
      </c>
      <c r="D1706" s="9" t="s">
        <v>17340</v>
      </c>
      <c r="E1706" s="10" t="s">
        <v>17341</v>
      </c>
      <c r="F1706" s="10"/>
      <c r="G1706" s="8"/>
      <c r="H1706" s="8" t="s">
        <v>17342</v>
      </c>
      <c r="I1706" s="11">
        <v>43959</v>
      </c>
      <c r="J1706" s="11">
        <v>43960</v>
      </c>
      <c r="K1706" s="11">
        <v>45991</v>
      </c>
    </row>
    <row r="1707" spans="1:11" x14ac:dyDescent="0.4">
      <c r="A1707" s="8" t="s">
        <v>11818</v>
      </c>
      <c r="B1707" s="8" t="s">
        <v>633</v>
      </c>
      <c r="C1707" s="9" t="s">
        <v>17343</v>
      </c>
      <c r="D1707" s="9" t="s">
        <v>17344</v>
      </c>
      <c r="E1707" s="10"/>
      <c r="F1707" s="10"/>
      <c r="G1707" s="8"/>
      <c r="H1707" s="8" t="s">
        <v>17345</v>
      </c>
      <c r="I1707" s="11">
        <v>43962</v>
      </c>
      <c r="J1707" s="11">
        <v>43962</v>
      </c>
      <c r="K1707" s="11">
        <v>45838</v>
      </c>
    </row>
    <row r="1708" spans="1:11" x14ac:dyDescent="0.4">
      <c r="A1708" s="8" t="s">
        <v>11818</v>
      </c>
      <c r="B1708" s="8" t="s">
        <v>48</v>
      </c>
      <c r="C1708" s="9" t="s">
        <v>17346</v>
      </c>
      <c r="D1708" s="9" t="s">
        <v>17347</v>
      </c>
      <c r="E1708" s="10" t="s">
        <v>15762</v>
      </c>
      <c r="F1708" s="10"/>
      <c r="G1708" s="8"/>
      <c r="H1708" s="8" t="s">
        <v>17348</v>
      </c>
      <c r="I1708" s="11">
        <v>43959</v>
      </c>
      <c r="J1708" s="11">
        <v>43959</v>
      </c>
      <c r="K1708" s="11">
        <v>46356</v>
      </c>
    </row>
    <row r="1709" spans="1:11" x14ac:dyDescent="0.4">
      <c r="A1709" s="8" t="s">
        <v>11818</v>
      </c>
      <c r="B1709" s="8" t="s">
        <v>698</v>
      </c>
      <c r="C1709" s="9" t="s">
        <v>17349</v>
      </c>
      <c r="D1709" s="9" t="s">
        <v>17350</v>
      </c>
      <c r="E1709" s="10"/>
      <c r="F1709" s="10" t="s">
        <v>11810</v>
      </c>
      <c r="G1709" s="8" t="s">
        <v>11811</v>
      </c>
      <c r="H1709" s="8" t="s">
        <v>17351</v>
      </c>
      <c r="I1709" s="11">
        <v>43963</v>
      </c>
      <c r="J1709" s="11">
        <v>43963</v>
      </c>
      <c r="K1709" s="11">
        <v>46326</v>
      </c>
    </row>
    <row r="1710" spans="1:11" x14ac:dyDescent="0.4">
      <c r="A1710" s="8" t="s">
        <v>11818</v>
      </c>
      <c r="B1710" s="8" t="s">
        <v>698</v>
      </c>
      <c r="C1710" s="9" t="s">
        <v>11813</v>
      </c>
      <c r="D1710" s="9" t="s">
        <v>11814</v>
      </c>
      <c r="E1710" s="10"/>
      <c r="F1710" s="10" t="s">
        <v>11815</v>
      </c>
      <c r="G1710" s="8" t="s">
        <v>11816</v>
      </c>
      <c r="H1710" s="8" t="s">
        <v>17352</v>
      </c>
      <c r="I1710" s="11">
        <v>43963</v>
      </c>
      <c r="J1710" s="11">
        <v>43963</v>
      </c>
      <c r="K1710" s="11">
        <v>46477</v>
      </c>
    </row>
    <row r="1711" spans="1:11" x14ac:dyDescent="0.4">
      <c r="A1711" s="8" t="s">
        <v>11818</v>
      </c>
      <c r="B1711" s="8" t="s">
        <v>633</v>
      </c>
      <c r="C1711" s="9" t="s">
        <v>17353</v>
      </c>
      <c r="D1711" s="9" t="s">
        <v>17354</v>
      </c>
      <c r="E1711" s="10"/>
      <c r="F1711" s="10" t="s">
        <v>17355</v>
      </c>
      <c r="G1711" s="8" t="s">
        <v>17356</v>
      </c>
      <c r="H1711" s="8" t="s">
        <v>17357</v>
      </c>
      <c r="I1711" s="11">
        <v>43963</v>
      </c>
      <c r="J1711" s="11">
        <v>43963</v>
      </c>
      <c r="K1711" s="11">
        <v>46112</v>
      </c>
    </row>
    <row r="1712" spans="1:11" x14ac:dyDescent="0.4">
      <c r="A1712" s="8" t="s">
        <v>11818</v>
      </c>
      <c r="B1712" s="8" t="s">
        <v>3441</v>
      </c>
      <c r="C1712" s="9" t="s">
        <v>17358</v>
      </c>
      <c r="D1712" s="9" t="s">
        <v>17359</v>
      </c>
      <c r="E1712" s="10"/>
      <c r="F1712" s="10" t="s">
        <v>4906</v>
      </c>
      <c r="G1712" s="8" t="s">
        <v>15687</v>
      </c>
      <c r="H1712" s="8" t="s">
        <v>17360</v>
      </c>
      <c r="I1712" s="11">
        <v>43964</v>
      </c>
      <c r="J1712" s="11">
        <v>43964</v>
      </c>
      <c r="K1712" s="11">
        <v>46507</v>
      </c>
    </row>
    <row r="1713" spans="1:11" x14ac:dyDescent="0.4">
      <c r="A1713" s="8" t="s">
        <v>11818</v>
      </c>
      <c r="B1713" s="8" t="s">
        <v>48</v>
      </c>
      <c r="C1713" s="9" t="s">
        <v>17361</v>
      </c>
      <c r="D1713" s="9" t="s">
        <v>17362</v>
      </c>
      <c r="E1713" s="10" t="s">
        <v>17363</v>
      </c>
      <c r="F1713" s="10" t="s">
        <v>17364</v>
      </c>
      <c r="G1713" s="8" t="s">
        <v>17365</v>
      </c>
      <c r="H1713" s="8" t="s">
        <v>17366</v>
      </c>
      <c r="I1713" s="11">
        <v>43965</v>
      </c>
      <c r="J1713" s="11">
        <v>43965</v>
      </c>
      <c r="K1713" s="11">
        <v>46356</v>
      </c>
    </row>
    <row r="1714" spans="1:11" x14ac:dyDescent="0.4">
      <c r="A1714" s="8" t="s">
        <v>11818</v>
      </c>
      <c r="B1714" s="8" t="s">
        <v>48</v>
      </c>
      <c r="C1714" s="9" t="s">
        <v>17367</v>
      </c>
      <c r="D1714" s="9" t="s">
        <v>17368</v>
      </c>
      <c r="E1714" s="10"/>
      <c r="F1714" s="10"/>
      <c r="G1714" s="8"/>
      <c r="H1714" s="8" t="s">
        <v>17369</v>
      </c>
      <c r="I1714" s="11">
        <v>43970</v>
      </c>
      <c r="J1714" s="11">
        <v>43970</v>
      </c>
      <c r="K1714" s="11">
        <v>45930</v>
      </c>
    </row>
    <row r="1715" spans="1:11" x14ac:dyDescent="0.4">
      <c r="A1715" s="8" t="s">
        <v>11818</v>
      </c>
      <c r="B1715" s="8" t="s">
        <v>633</v>
      </c>
      <c r="C1715" s="9" t="s">
        <v>17370</v>
      </c>
      <c r="D1715" s="9" t="s">
        <v>17371</v>
      </c>
      <c r="E1715" s="10"/>
      <c r="F1715" s="10" t="s">
        <v>11952</v>
      </c>
      <c r="G1715" s="8" t="s">
        <v>11953</v>
      </c>
      <c r="H1715" s="8" t="s">
        <v>17372</v>
      </c>
      <c r="I1715" s="11">
        <v>43976</v>
      </c>
      <c r="J1715" s="11">
        <v>43976</v>
      </c>
      <c r="K1715" s="11">
        <v>46477</v>
      </c>
    </row>
    <row r="1716" spans="1:11" x14ac:dyDescent="0.4">
      <c r="A1716" s="8" t="s">
        <v>11818</v>
      </c>
      <c r="B1716" s="8" t="s">
        <v>48</v>
      </c>
      <c r="C1716" s="9" t="s">
        <v>17373</v>
      </c>
      <c r="D1716" s="9" t="s">
        <v>17374</v>
      </c>
      <c r="E1716" s="10" t="s">
        <v>17375</v>
      </c>
      <c r="F1716" s="10"/>
      <c r="G1716" s="8"/>
      <c r="H1716" s="8" t="s">
        <v>17376</v>
      </c>
      <c r="I1716" s="11">
        <v>43970</v>
      </c>
      <c r="J1716" s="11">
        <v>43970</v>
      </c>
      <c r="K1716" s="11">
        <v>45808</v>
      </c>
    </row>
    <row r="1717" spans="1:11" x14ac:dyDescent="0.4">
      <c r="A1717" s="8" t="s">
        <v>11818</v>
      </c>
      <c r="B1717" s="8" t="s">
        <v>48</v>
      </c>
      <c r="C1717" s="9" t="s">
        <v>17377</v>
      </c>
      <c r="D1717" s="9" t="s">
        <v>17378</v>
      </c>
      <c r="E1717" s="10" t="s">
        <v>17379</v>
      </c>
      <c r="F1717" s="10"/>
      <c r="G1717" s="8"/>
      <c r="H1717" s="8" t="s">
        <v>17380</v>
      </c>
      <c r="I1717" s="11">
        <v>43971</v>
      </c>
      <c r="J1717" s="11">
        <v>43971</v>
      </c>
      <c r="K1717" s="11">
        <v>45991</v>
      </c>
    </row>
    <row r="1718" spans="1:11" x14ac:dyDescent="0.4">
      <c r="A1718" s="8" t="s">
        <v>11818</v>
      </c>
      <c r="B1718" s="8" t="s">
        <v>633</v>
      </c>
      <c r="C1718" s="9" t="s">
        <v>17381</v>
      </c>
      <c r="D1718" s="9" t="s">
        <v>11531</v>
      </c>
      <c r="E1718" s="10"/>
      <c r="F1718" s="10" t="s">
        <v>2913</v>
      </c>
      <c r="G1718" s="8" t="s">
        <v>14583</v>
      </c>
      <c r="H1718" s="8" t="s">
        <v>17382</v>
      </c>
      <c r="I1718" s="11">
        <v>43983</v>
      </c>
      <c r="J1718" s="11">
        <v>43983</v>
      </c>
      <c r="K1718" s="11">
        <v>46568</v>
      </c>
    </row>
    <row r="1719" spans="1:11" x14ac:dyDescent="0.4">
      <c r="A1719" s="8" t="s">
        <v>11818</v>
      </c>
      <c r="B1719" s="8" t="s">
        <v>48</v>
      </c>
      <c r="C1719" s="9" t="s">
        <v>17383</v>
      </c>
      <c r="D1719" s="9" t="s">
        <v>17384</v>
      </c>
      <c r="E1719" s="10"/>
      <c r="F1719" s="10"/>
      <c r="G1719" s="8"/>
      <c r="H1719" s="8" t="s">
        <v>17385</v>
      </c>
      <c r="I1719" s="11">
        <v>43972</v>
      </c>
      <c r="J1719" s="11">
        <v>43972</v>
      </c>
      <c r="K1719" s="11">
        <v>46142</v>
      </c>
    </row>
    <row r="1720" spans="1:11" x14ac:dyDescent="0.4">
      <c r="A1720" s="8" t="s">
        <v>11818</v>
      </c>
      <c r="B1720" s="8" t="s">
        <v>3441</v>
      </c>
      <c r="C1720" s="9" t="s">
        <v>17386</v>
      </c>
      <c r="D1720" s="9" t="s">
        <v>17387</v>
      </c>
      <c r="E1720" s="10"/>
      <c r="F1720" s="10"/>
      <c r="G1720" s="8"/>
      <c r="H1720" s="8" t="s">
        <v>17388</v>
      </c>
      <c r="I1720" s="11">
        <v>43983</v>
      </c>
      <c r="J1720" s="11">
        <v>43983</v>
      </c>
      <c r="K1720" s="11">
        <v>46477</v>
      </c>
    </row>
    <row r="1721" spans="1:11" x14ac:dyDescent="0.4">
      <c r="A1721" s="8" t="s">
        <v>11818</v>
      </c>
      <c r="B1721" s="8" t="s">
        <v>6444</v>
      </c>
      <c r="C1721" s="9" t="s">
        <v>17389</v>
      </c>
      <c r="D1721" s="9" t="s">
        <v>17390</v>
      </c>
      <c r="E1721" s="10"/>
      <c r="F1721" s="10"/>
      <c r="G1721" s="8"/>
      <c r="H1721" s="8" t="s">
        <v>17391</v>
      </c>
      <c r="I1721" s="11">
        <v>43977</v>
      </c>
      <c r="J1721" s="11">
        <v>43977</v>
      </c>
      <c r="K1721" s="11">
        <v>46326</v>
      </c>
    </row>
    <row r="1722" spans="1:11" x14ac:dyDescent="0.4">
      <c r="A1722" s="8" t="s">
        <v>11818</v>
      </c>
      <c r="B1722" s="8" t="s">
        <v>698</v>
      </c>
      <c r="C1722" s="9" t="s">
        <v>17392</v>
      </c>
      <c r="D1722" s="9" t="s">
        <v>17393</v>
      </c>
      <c r="E1722" s="10"/>
      <c r="F1722" s="10"/>
      <c r="G1722" s="8"/>
      <c r="H1722" s="8" t="s">
        <v>17394</v>
      </c>
      <c r="I1722" s="11">
        <v>43973</v>
      </c>
      <c r="J1722" s="11">
        <v>43973</v>
      </c>
      <c r="K1722" s="11">
        <v>46295</v>
      </c>
    </row>
    <row r="1723" spans="1:11" x14ac:dyDescent="0.4">
      <c r="A1723" s="8" t="s">
        <v>11818</v>
      </c>
      <c r="B1723" s="8" t="s">
        <v>48</v>
      </c>
      <c r="C1723" s="9" t="s">
        <v>17395</v>
      </c>
      <c r="D1723" s="9" t="s">
        <v>15746</v>
      </c>
      <c r="E1723" s="10" t="s">
        <v>3524</v>
      </c>
      <c r="F1723" s="10" t="s">
        <v>17396</v>
      </c>
      <c r="G1723" s="8" t="s">
        <v>17397</v>
      </c>
      <c r="H1723" s="8" t="s">
        <v>17398</v>
      </c>
      <c r="I1723" s="11">
        <v>43973</v>
      </c>
      <c r="J1723" s="11">
        <v>43973</v>
      </c>
      <c r="K1723" s="11">
        <v>46356</v>
      </c>
    </row>
    <row r="1724" spans="1:11" x14ac:dyDescent="0.4">
      <c r="A1724" s="8" t="s">
        <v>11818</v>
      </c>
      <c r="B1724" s="8" t="s">
        <v>48</v>
      </c>
      <c r="C1724" s="9" t="s">
        <v>17399</v>
      </c>
      <c r="D1724" s="9" t="s">
        <v>17340</v>
      </c>
      <c r="E1724" s="10" t="s">
        <v>17400</v>
      </c>
      <c r="F1724" s="10" t="s">
        <v>14144</v>
      </c>
      <c r="G1724" s="8" t="s">
        <v>14145</v>
      </c>
      <c r="H1724" s="8" t="s">
        <v>17401</v>
      </c>
      <c r="I1724" s="11">
        <v>43973</v>
      </c>
      <c r="J1724" s="11">
        <v>43973</v>
      </c>
      <c r="K1724" s="11">
        <v>45991</v>
      </c>
    </row>
    <row r="1725" spans="1:11" x14ac:dyDescent="0.4">
      <c r="A1725" s="8" t="s">
        <v>11818</v>
      </c>
      <c r="B1725" s="8" t="s">
        <v>1871</v>
      </c>
      <c r="C1725" s="9" t="s">
        <v>17402</v>
      </c>
      <c r="D1725" s="9" t="s">
        <v>1332</v>
      </c>
      <c r="E1725" s="10"/>
      <c r="F1725" s="10"/>
      <c r="G1725" s="8"/>
      <c r="H1725" s="8" t="s">
        <v>17403</v>
      </c>
      <c r="I1725" s="11">
        <v>43974</v>
      </c>
      <c r="J1725" s="11">
        <v>43974</v>
      </c>
      <c r="K1725" s="11">
        <v>45808</v>
      </c>
    </row>
    <row r="1726" spans="1:11" x14ac:dyDescent="0.4">
      <c r="A1726" s="8" t="s">
        <v>11818</v>
      </c>
      <c r="B1726" s="8" t="s">
        <v>1871</v>
      </c>
      <c r="C1726" s="9" t="s">
        <v>17404</v>
      </c>
      <c r="D1726" s="9" t="s">
        <v>1332</v>
      </c>
      <c r="E1726" s="10"/>
      <c r="F1726" s="10" t="s">
        <v>17405</v>
      </c>
      <c r="G1726" s="8" t="s">
        <v>17406</v>
      </c>
      <c r="H1726" s="8" t="s">
        <v>17407</v>
      </c>
      <c r="I1726" s="11">
        <v>43976</v>
      </c>
      <c r="J1726" s="11">
        <v>43976</v>
      </c>
      <c r="K1726" s="11">
        <v>45808</v>
      </c>
    </row>
    <row r="1727" spans="1:11" x14ac:dyDescent="0.4">
      <c r="A1727" s="8" t="s">
        <v>11818</v>
      </c>
      <c r="B1727" s="8" t="s">
        <v>2044</v>
      </c>
      <c r="C1727" s="9" t="s">
        <v>17408</v>
      </c>
      <c r="D1727" s="9" t="s">
        <v>16368</v>
      </c>
      <c r="E1727" s="10" t="s">
        <v>17409</v>
      </c>
      <c r="F1727" s="10" t="s">
        <v>11718</v>
      </c>
      <c r="G1727" s="8" t="s">
        <v>11719</v>
      </c>
      <c r="H1727" s="8" t="s">
        <v>17410</v>
      </c>
      <c r="I1727" s="11">
        <v>43977</v>
      </c>
      <c r="J1727" s="11">
        <v>43977</v>
      </c>
      <c r="K1727" s="11">
        <v>46295</v>
      </c>
    </row>
    <row r="1728" spans="1:11" x14ac:dyDescent="0.4">
      <c r="A1728" s="8" t="s">
        <v>11818</v>
      </c>
      <c r="B1728" s="8" t="s">
        <v>48</v>
      </c>
      <c r="C1728" s="9" t="s">
        <v>17411</v>
      </c>
      <c r="D1728" s="9" t="s">
        <v>17412</v>
      </c>
      <c r="E1728" s="10"/>
      <c r="F1728" s="10"/>
      <c r="G1728" s="8"/>
      <c r="H1728" s="8" t="s">
        <v>17413</v>
      </c>
      <c r="I1728" s="11">
        <v>43977</v>
      </c>
      <c r="J1728" s="11">
        <v>43977</v>
      </c>
      <c r="K1728" s="11">
        <v>46477</v>
      </c>
    </row>
    <row r="1729" spans="1:11" x14ac:dyDescent="0.4">
      <c r="A1729" s="8" t="s">
        <v>11818</v>
      </c>
      <c r="B1729" s="8" t="s">
        <v>48</v>
      </c>
      <c r="C1729" s="9" t="s">
        <v>17414</v>
      </c>
      <c r="D1729" s="9" t="s">
        <v>17415</v>
      </c>
      <c r="E1729" s="10"/>
      <c r="F1729" s="10"/>
      <c r="G1729" s="8"/>
      <c r="H1729" s="8" t="s">
        <v>17416</v>
      </c>
      <c r="I1729" s="11">
        <v>43976</v>
      </c>
      <c r="J1729" s="11">
        <v>43976</v>
      </c>
      <c r="K1729" s="11">
        <v>46295</v>
      </c>
    </row>
    <row r="1730" spans="1:11" x14ac:dyDescent="0.4">
      <c r="A1730" s="8" t="s">
        <v>11818</v>
      </c>
      <c r="B1730" s="8" t="s">
        <v>3441</v>
      </c>
      <c r="C1730" s="9" t="s">
        <v>17417</v>
      </c>
      <c r="D1730" s="9" t="s">
        <v>17418</v>
      </c>
      <c r="E1730" s="10"/>
      <c r="F1730" s="10"/>
      <c r="G1730" s="8"/>
      <c r="H1730" s="8" t="s">
        <v>17419</v>
      </c>
      <c r="I1730" s="11">
        <v>43977</v>
      </c>
      <c r="J1730" s="11">
        <v>43977</v>
      </c>
      <c r="K1730" s="11">
        <v>45961</v>
      </c>
    </row>
    <row r="1731" spans="1:11" x14ac:dyDescent="0.4">
      <c r="A1731" s="8" t="s">
        <v>11818</v>
      </c>
      <c r="B1731" s="8" t="s">
        <v>5454</v>
      </c>
      <c r="C1731" s="9" t="s">
        <v>17420</v>
      </c>
      <c r="D1731" s="9" t="s">
        <v>12361</v>
      </c>
      <c r="E1731" s="10" t="s">
        <v>17421</v>
      </c>
      <c r="F1731" s="10" t="s">
        <v>17422</v>
      </c>
      <c r="G1731" s="8" t="s">
        <v>17423</v>
      </c>
      <c r="H1731" s="8" t="s">
        <v>17424</v>
      </c>
      <c r="I1731" s="11">
        <v>43977</v>
      </c>
      <c r="J1731" s="11">
        <v>43977</v>
      </c>
      <c r="K1731" s="11">
        <v>45991</v>
      </c>
    </row>
    <row r="1732" spans="1:11" x14ac:dyDescent="0.4">
      <c r="A1732" s="8" t="s">
        <v>11818</v>
      </c>
      <c r="B1732" s="8" t="s">
        <v>5454</v>
      </c>
      <c r="C1732" s="9" t="s">
        <v>17425</v>
      </c>
      <c r="D1732" s="9" t="s">
        <v>17426</v>
      </c>
      <c r="E1732" s="10" t="s">
        <v>17427</v>
      </c>
      <c r="F1732" s="10" t="s">
        <v>17428</v>
      </c>
      <c r="G1732" s="8" t="s">
        <v>17429</v>
      </c>
      <c r="H1732" s="8" t="s">
        <v>17430</v>
      </c>
      <c r="I1732" s="11">
        <v>43978</v>
      </c>
      <c r="J1732" s="11">
        <v>43978</v>
      </c>
      <c r="K1732" s="11">
        <v>46173</v>
      </c>
    </row>
    <row r="1733" spans="1:11" x14ac:dyDescent="0.4">
      <c r="A1733" s="8" t="s">
        <v>11818</v>
      </c>
      <c r="B1733" s="8" t="s">
        <v>633</v>
      </c>
      <c r="C1733" s="9" t="s">
        <v>17431</v>
      </c>
      <c r="D1733" s="9" t="s">
        <v>17432</v>
      </c>
      <c r="E1733" s="10"/>
      <c r="F1733" s="10" t="s">
        <v>15724</v>
      </c>
      <c r="G1733" s="8" t="s">
        <v>15725</v>
      </c>
      <c r="H1733" s="8" t="s">
        <v>17433</v>
      </c>
      <c r="I1733" s="11">
        <v>43979</v>
      </c>
      <c r="J1733" s="11">
        <v>43979</v>
      </c>
      <c r="K1733" s="11">
        <v>46507</v>
      </c>
    </row>
    <row r="1734" spans="1:11" x14ac:dyDescent="0.4">
      <c r="A1734" s="8" t="s">
        <v>11818</v>
      </c>
      <c r="B1734" s="8" t="s">
        <v>48</v>
      </c>
      <c r="C1734" s="9" t="s">
        <v>17434</v>
      </c>
      <c r="D1734" s="9" t="s">
        <v>14255</v>
      </c>
      <c r="E1734" s="10" t="s">
        <v>17435</v>
      </c>
      <c r="F1734" s="10"/>
      <c r="G1734" s="8"/>
      <c r="H1734" s="8" t="s">
        <v>17436</v>
      </c>
      <c r="I1734" s="11">
        <v>43979</v>
      </c>
      <c r="J1734" s="11">
        <v>43979</v>
      </c>
      <c r="K1734" s="11">
        <v>45808</v>
      </c>
    </row>
    <row r="1735" spans="1:11" x14ac:dyDescent="0.4">
      <c r="A1735" s="8" t="s">
        <v>11818</v>
      </c>
      <c r="B1735" s="8" t="s">
        <v>48</v>
      </c>
      <c r="C1735" s="9" t="s">
        <v>17437</v>
      </c>
      <c r="D1735" s="9" t="s">
        <v>17438</v>
      </c>
      <c r="E1735" s="10" t="s">
        <v>17439</v>
      </c>
      <c r="F1735" s="10"/>
      <c r="G1735" s="8"/>
      <c r="H1735" s="8" t="s">
        <v>17440</v>
      </c>
      <c r="I1735" s="11">
        <v>43983</v>
      </c>
      <c r="J1735" s="11">
        <v>43983</v>
      </c>
      <c r="K1735" s="11">
        <v>45991</v>
      </c>
    </row>
    <row r="1736" spans="1:11" x14ac:dyDescent="0.4">
      <c r="A1736" s="8" t="s">
        <v>11818</v>
      </c>
      <c r="B1736" s="8" t="s">
        <v>3441</v>
      </c>
      <c r="C1736" s="9" t="s">
        <v>17441</v>
      </c>
      <c r="D1736" s="9" t="s">
        <v>17442</v>
      </c>
      <c r="E1736" s="10"/>
      <c r="F1736" s="10"/>
      <c r="G1736" s="8"/>
      <c r="H1736" s="8" t="s">
        <v>17443</v>
      </c>
      <c r="I1736" s="11">
        <v>43987</v>
      </c>
      <c r="J1736" s="11">
        <v>43987</v>
      </c>
      <c r="K1736" s="11">
        <v>46477</v>
      </c>
    </row>
    <row r="1737" spans="1:11" x14ac:dyDescent="0.4">
      <c r="A1737" s="8" t="s">
        <v>11818</v>
      </c>
      <c r="B1737" s="8" t="s">
        <v>48</v>
      </c>
      <c r="C1737" s="9" t="s">
        <v>17444</v>
      </c>
      <c r="D1737" s="9" t="s">
        <v>17445</v>
      </c>
      <c r="E1737" s="10" t="s">
        <v>17446</v>
      </c>
      <c r="F1737" s="10"/>
      <c r="G1737" s="8"/>
      <c r="H1737" s="8" t="s">
        <v>17447</v>
      </c>
      <c r="I1737" s="11">
        <v>43984</v>
      </c>
      <c r="J1737" s="11">
        <v>43984</v>
      </c>
      <c r="K1737" s="11">
        <v>46142</v>
      </c>
    </row>
    <row r="1738" spans="1:11" x14ac:dyDescent="0.4">
      <c r="A1738" s="8" t="s">
        <v>11818</v>
      </c>
      <c r="B1738" s="8" t="s">
        <v>6444</v>
      </c>
      <c r="C1738" s="9" t="s">
        <v>17448</v>
      </c>
      <c r="D1738" s="9" t="s">
        <v>17449</v>
      </c>
      <c r="E1738" s="10"/>
      <c r="F1738" s="10"/>
      <c r="G1738" s="8"/>
      <c r="H1738" s="8" t="s">
        <v>17450</v>
      </c>
      <c r="I1738" s="11">
        <v>43985</v>
      </c>
      <c r="J1738" s="11">
        <v>43985</v>
      </c>
      <c r="K1738" s="11">
        <v>46295</v>
      </c>
    </row>
    <row r="1739" spans="1:11" x14ac:dyDescent="0.4">
      <c r="A1739" s="8" t="s">
        <v>11818</v>
      </c>
      <c r="B1739" s="8" t="s">
        <v>9278</v>
      </c>
      <c r="C1739" s="9" t="s">
        <v>17451</v>
      </c>
      <c r="D1739" s="9" t="s">
        <v>17452</v>
      </c>
      <c r="E1739" s="10"/>
      <c r="F1739" s="10" t="s">
        <v>17453</v>
      </c>
      <c r="G1739" s="8" t="s">
        <v>17454</v>
      </c>
      <c r="H1739" s="8" t="s">
        <v>17455</v>
      </c>
      <c r="I1739" s="11">
        <v>43997</v>
      </c>
      <c r="J1739" s="11">
        <v>43997</v>
      </c>
      <c r="K1739" s="11">
        <v>45930</v>
      </c>
    </row>
    <row r="1740" spans="1:11" x14ac:dyDescent="0.4">
      <c r="A1740" s="8" t="s">
        <v>11818</v>
      </c>
      <c r="B1740" s="8" t="s">
        <v>2044</v>
      </c>
      <c r="C1740" s="9" t="s">
        <v>17456</v>
      </c>
      <c r="D1740" s="9" t="s">
        <v>17457</v>
      </c>
      <c r="E1740" s="10"/>
      <c r="F1740" s="10"/>
      <c r="G1740" s="8"/>
      <c r="H1740" s="8" t="s">
        <v>17458</v>
      </c>
      <c r="I1740" s="11">
        <v>43985</v>
      </c>
      <c r="J1740" s="11">
        <v>43985</v>
      </c>
      <c r="K1740" s="11">
        <v>45961</v>
      </c>
    </row>
    <row r="1741" spans="1:11" x14ac:dyDescent="0.4">
      <c r="A1741" s="8" t="s">
        <v>11818</v>
      </c>
      <c r="B1741" s="8" t="s">
        <v>633</v>
      </c>
      <c r="C1741" s="9" t="s">
        <v>17459</v>
      </c>
      <c r="D1741" s="9" t="s">
        <v>17460</v>
      </c>
      <c r="E1741" s="10"/>
      <c r="F1741" s="10"/>
      <c r="G1741" s="8"/>
      <c r="H1741" s="8" t="s">
        <v>17461</v>
      </c>
      <c r="I1741" s="11">
        <v>43986</v>
      </c>
      <c r="J1741" s="11">
        <v>43986</v>
      </c>
      <c r="K1741" s="11">
        <v>46173</v>
      </c>
    </row>
    <row r="1742" spans="1:11" x14ac:dyDescent="0.4">
      <c r="A1742" s="8" t="s">
        <v>11818</v>
      </c>
      <c r="B1742" s="8" t="s">
        <v>2044</v>
      </c>
      <c r="C1742" s="9" t="s">
        <v>17462</v>
      </c>
      <c r="D1742" s="9" t="s">
        <v>17463</v>
      </c>
      <c r="E1742" s="10"/>
      <c r="F1742" s="10" t="s">
        <v>17464</v>
      </c>
      <c r="G1742" s="8" t="s">
        <v>17465</v>
      </c>
      <c r="H1742" s="8" t="s">
        <v>17466</v>
      </c>
      <c r="I1742" s="11">
        <v>44014</v>
      </c>
      <c r="J1742" s="11">
        <v>44014</v>
      </c>
      <c r="K1742" s="11">
        <v>46568</v>
      </c>
    </row>
    <row r="1743" spans="1:11" x14ac:dyDescent="0.4">
      <c r="A1743" s="8" t="s">
        <v>11818</v>
      </c>
      <c r="B1743" s="8" t="s">
        <v>48</v>
      </c>
      <c r="C1743" s="9" t="s">
        <v>17467</v>
      </c>
      <c r="D1743" s="9" t="s">
        <v>17468</v>
      </c>
      <c r="E1743" s="10"/>
      <c r="F1743" s="10" t="s">
        <v>17469</v>
      </c>
      <c r="G1743" s="8" t="s">
        <v>17470</v>
      </c>
      <c r="H1743" s="8" t="s">
        <v>17471</v>
      </c>
      <c r="I1743" s="11">
        <v>43994</v>
      </c>
      <c r="J1743" s="11">
        <v>43994</v>
      </c>
      <c r="K1743" s="11">
        <v>45930</v>
      </c>
    </row>
    <row r="1744" spans="1:11" x14ac:dyDescent="0.4">
      <c r="A1744" s="8" t="s">
        <v>11818</v>
      </c>
      <c r="B1744" s="8" t="s">
        <v>48</v>
      </c>
      <c r="C1744" s="9" t="s">
        <v>17472</v>
      </c>
      <c r="D1744" s="9" t="s">
        <v>17473</v>
      </c>
      <c r="E1744" s="10"/>
      <c r="F1744" s="10"/>
      <c r="G1744" s="8"/>
      <c r="H1744" s="8" t="s">
        <v>17474</v>
      </c>
      <c r="I1744" s="11">
        <v>43992</v>
      </c>
      <c r="J1744" s="11">
        <v>43992</v>
      </c>
      <c r="K1744" s="11">
        <v>46538</v>
      </c>
    </row>
    <row r="1745" spans="1:11" x14ac:dyDescent="0.4">
      <c r="A1745" s="8" t="s">
        <v>11818</v>
      </c>
      <c r="B1745" s="8" t="s">
        <v>633</v>
      </c>
      <c r="C1745" s="9" t="s">
        <v>17475</v>
      </c>
      <c r="D1745" s="9" t="s">
        <v>17476</v>
      </c>
      <c r="E1745" s="10"/>
      <c r="F1745" s="10"/>
      <c r="G1745" s="8"/>
      <c r="H1745" s="8" t="s">
        <v>17477</v>
      </c>
      <c r="I1745" s="11">
        <v>44007</v>
      </c>
      <c r="J1745" s="11">
        <v>44007</v>
      </c>
      <c r="K1745" s="11">
        <v>46507</v>
      </c>
    </row>
    <row r="1746" spans="1:11" x14ac:dyDescent="0.4">
      <c r="A1746" s="8" t="s">
        <v>11818</v>
      </c>
      <c r="B1746" s="8" t="s">
        <v>5454</v>
      </c>
      <c r="C1746" s="9" t="s">
        <v>17478</v>
      </c>
      <c r="D1746" s="9" t="s">
        <v>15128</v>
      </c>
      <c r="E1746" s="10" t="s">
        <v>17479</v>
      </c>
      <c r="F1746" s="10" t="s">
        <v>17480</v>
      </c>
      <c r="G1746" s="8" t="s">
        <v>17481</v>
      </c>
      <c r="H1746" s="8" t="s">
        <v>17482</v>
      </c>
      <c r="I1746" s="11">
        <v>43993</v>
      </c>
      <c r="J1746" s="11">
        <v>43993</v>
      </c>
      <c r="K1746" s="11">
        <v>46356</v>
      </c>
    </row>
    <row r="1747" spans="1:11" x14ac:dyDescent="0.4">
      <c r="A1747" s="8" t="s">
        <v>11818</v>
      </c>
      <c r="B1747" s="8" t="s">
        <v>48</v>
      </c>
      <c r="C1747" s="9" t="s">
        <v>17483</v>
      </c>
      <c r="D1747" s="9" t="s">
        <v>14504</v>
      </c>
      <c r="E1747" s="10" t="s">
        <v>17484</v>
      </c>
      <c r="F1747" s="10"/>
      <c r="G1747" s="8"/>
      <c r="H1747" s="8" t="s">
        <v>17485</v>
      </c>
      <c r="I1747" s="11">
        <v>43993</v>
      </c>
      <c r="J1747" s="11">
        <v>43993</v>
      </c>
      <c r="K1747" s="11">
        <v>45991</v>
      </c>
    </row>
    <row r="1748" spans="1:11" x14ac:dyDescent="0.4">
      <c r="A1748" s="8" t="s">
        <v>11818</v>
      </c>
      <c r="B1748" s="8" t="s">
        <v>48</v>
      </c>
      <c r="C1748" s="9" t="s">
        <v>17486</v>
      </c>
      <c r="D1748" s="9" t="s">
        <v>17487</v>
      </c>
      <c r="E1748" s="10"/>
      <c r="F1748" s="10"/>
      <c r="G1748" s="8"/>
      <c r="H1748" s="8" t="s">
        <v>17488</v>
      </c>
      <c r="I1748" s="11">
        <v>43998</v>
      </c>
      <c r="J1748" s="11">
        <v>43998</v>
      </c>
      <c r="K1748" s="11">
        <v>46295</v>
      </c>
    </row>
    <row r="1749" spans="1:11" x14ac:dyDescent="0.4">
      <c r="A1749" s="8" t="s">
        <v>11818</v>
      </c>
      <c r="B1749" s="8" t="s">
        <v>48</v>
      </c>
      <c r="C1749" s="9" t="s">
        <v>17489</v>
      </c>
      <c r="D1749" s="9" t="s">
        <v>15071</v>
      </c>
      <c r="E1749" s="10" t="s">
        <v>15615</v>
      </c>
      <c r="F1749" s="10"/>
      <c r="G1749" s="8"/>
      <c r="H1749" s="8" t="s">
        <v>17490</v>
      </c>
      <c r="I1749" s="11">
        <v>44000</v>
      </c>
      <c r="J1749" s="11">
        <v>44000</v>
      </c>
      <c r="K1749" s="11">
        <v>46356</v>
      </c>
    </row>
    <row r="1750" spans="1:11" x14ac:dyDescent="0.4">
      <c r="A1750" s="8" t="s">
        <v>11818</v>
      </c>
      <c r="B1750" s="8" t="s">
        <v>48</v>
      </c>
      <c r="C1750" s="9" t="s">
        <v>17491</v>
      </c>
      <c r="D1750" s="9" t="s">
        <v>17492</v>
      </c>
      <c r="E1750" s="10" t="s">
        <v>17493</v>
      </c>
      <c r="F1750" s="10"/>
      <c r="G1750" s="8"/>
      <c r="H1750" s="8" t="s">
        <v>17494</v>
      </c>
      <c r="I1750" s="11">
        <v>44000</v>
      </c>
      <c r="J1750" s="11">
        <v>44000</v>
      </c>
      <c r="K1750" s="11">
        <v>45991</v>
      </c>
    </row>
    <row r="1751" spans="1:11" x14ac:dyDescent="0.4">
      <c r="A1751" s="8" t="s">
        <v>11818</v>
      </c>
      <c r="B1751" s="8" t="s">
        <v>48</v>
      </c>
      <c r="C1751" s="9" t="s">
        <v>17495</v>
      </c>
      <c r="D1751" s="9" t="s">
        <v>17496</v>
      </c>
      <c r="E1751" s="10"/>
      <c r="F1751" s="10"/>
      <c r="G1751" s="8"/>
      <c r="H1751" s="8" t="s">
        <v>17497</v>
      </c>
      <c r="I1751" s="11">
        <v>44001</v>
      </c>
      <c r="J1751" s="11">
        <v>44001</v>
      </c>
      <c r="K1751" s="11">
        <v>46538</v>
      </c>
    </row>
    <row r="1752" spans="1:11" x14ac:dyDescent="0.4">
      <c r="A1752" s="8" t="s">
        <v>11818</v>
      </c>
      <c r="B1752" s="8" t="s">
        <v>48</v>
      </c>
      <c r="C1752" s="9" t="s">
        <v>17498</v>
      </c>
      <c r="D1752" s="9" t="s">
        <v>17499</v>
      </c>
      <c r="E1752" s="10"/>
      <c r="F1752" s="10"/>
      <c r="G1752" s="8"/>
      <c r="H1752" s="8" t="s">
        <v>17500</v>
      </c>
      <c r="I1752" s="11">
        <v>44001</v>
      </c>
      <c r="J1752" s="11">
        <v>44001</v>
      </c>
      <c r="K1752" s="11">
        <v>45838</v>
      </c>
    </row>
    <row r="1753" spans="1:11" x14ac:dyDescent="0.4">
      <c r="A1753" s="8" t="s">
        <v>11818</v>
      </c>
      <c r="B1753" s="8" t="s">
        <v>48</v>
      </c>
      <c r="C1753" s="9" t="s">
        <v>17501</v>
      </c>
      <c r="D1753" s="9" t="s">
        <v>17502</v>
      </c>
      <c r="E1753" s="10" t="s">
        <v>17503</v>
      </c>
      <c r="F1753" s="10"/>
      <c r="G1753" s="8"/>
      <c r="H1753" s="8" t="s">
        <v>17504</v>
      </c>
      <c r="I1753" s="11">
        <v>44004</v>
      </c>
      <c r="J1753" s="11">
        <v>44004</v>
      </c>
      <c r="K1753" s="11">
        <v>46356</v>
      </c>
    </row>
    <row r="1754" spans="1:11" x14ac:dyDescent="0.4">
      <c r="A1754" s="8" t="s">
        <v>11818</v>
      </c>
      <c r="B1754" s="8" t="s">
        <v>3441</v>
      </c>
      <c r="C1754" s="9" t="s">
        <v>17505</v>
      </c>
      <c r="D1754" s="9" t="s">
        <v>17506</v>
      </c>
      <c r="E1754" s="10" t="s">
        <v>17507</v>
      </c>
      <c r="F1754" s="10" t="s">
        <v>17508</v>
      </c>
      <c r="G1754" s="8" t="s">
        <v>17509</v>
      </c>
      <c r="H1754" s="8" t="s">
        <v>17510</v>
      </c>
      <c r="I1754" s="11">
        <v>44005</v>
      </c>
      <c r="J1754" s="11">
        <v>44005</v>
      </c>
      <c r="K1754" s="11">
        <v>46356</v>
      </c>
    </row>
    <row r="1755" spans="1:11" x14ac:dyDescent="0.4">
      <c r="A1755" s="8" t="s">
        <v>11818</v>
      </c>
      <c r="B1755" s="8" t="s">
        <v>6444</v>
      </c>
      <c r="C1755" s="9" t="s">
        <v>17511</v>
      </c>
      <c r="D1755" s="9" t="s">
        <v>17506</v>
      </c>
      <c r="E1755" s="10" t="s">
        <v>17507</v>
      </c>
      <c r="F1755" s="10" t="s">
        <v>17512</v>
      </c>
      <c r="G1755" s="8" t="s">
        <v>17513</v>
      </c>
      <c r="H1755" s="8" t="s">
        <v>17514</v>
      </c>
      <c r="I1755" s="11">
        <v>44005</v>
      </c>
      <c r="J1755" s="11">
        <v>44005</v>
      </c>
      <c r="K1755" s="11">
        <v>46356</v>
      </c>
    </row>
    <row r="1756" spans="1:11" x14ac:dyDescent="0.4">
      <c r="A1756" s="8" t="s">
        <v>11818</v>
      </c>
      <c r="B1756" s="8" t="s">
        <v>3441</v>
      </c>
      <c r="C1756" s="9" t="s">
        <v>17515</v>
      </c>
      <c r="D1756" s="9" t="s">
        <v>17506</v>
      </c>
      <c r="E1756" s="10" t="s">
        <v>17507</v>
      </c>
      <c r="F1756" s="10"/>
      <c r="G1756" s="8"/>
      <c r="H1756" s="8" t="s">
        <v>17516</v>
      </c>
      <c r="I1756" s="11">
        <v>44005</v>
      </c>
      <c r="J1756" s="11">
        <v>44005</v>
      </c>
      <c r="K1756" s="11">
        <v>46356</v>
      </c>
    </row>
    <row r="1757" spans="1:11" x14ac:dyDescent="0.4">
      <c r="A1757" s="8" t="s">
        <v>11818</v>
      </c>
      <c r="B1757" s="8" t="s">
        <v>48</v>
      </c>
      <c r="C1757" s="9" t="s">
        <v>17517</v>
      </c>
      <c r="D1757" s="9" t="s">
        <v>17506</v>
      </c>
      <c r="E1757" s="10" t="s">
        <v>17507</v>
      </c>
      <c r="F1757" s="10" t="s">
        <v>17518</v>
      </c>
      <c r="G1757" s="8" t="s">
        <v>17519</v>
      </c>
      <c r="H1757" s="8" t="s">
        <v>17520</v>
      </c>
      <c r="I1757" s="11">
        <v>44005</v>
      </c>
      <c r="J1757" s="11">
        <v>44005</v>
      </c>
      <c r="K1757" s="11">
        <v>46356</v>
      </c>
    </row>
    <row r="1758" spans="1:11" x14ac:dyDescent="0.4">
      <c r="A1758" s="8" t="s">
        <v>11818</v>
      </c>
      <c r="B1758" s="8" t="s">
        <v>633</v>
      </c>
      <c r="C1758" s="9" t="s">
        <v>17521</v>
      </c>
      <c r="D1758" s="9" t="s">
        <v>17506</v>
      </c>
      <c r="E1758" s="10" t="s">
        <v>17507</v>
      </c>
      <c r="F1758" s="10" t="s">
        <v>11718</v>
      </c>
      <c r="G1758" s="8" t="s">
        <v>11719</v>
      </c>
      <c r="H1758" s="8" t="s">
        <v>17522</v>
      </c>
      <c r="I1758" s="11">
        <v>44005</v>
      </c>
      <c r="J1758" s="11">
        <v>44005</v>
      </c>
      <c r="K1758" s="11">
        <v>46356</v>
      </c>
    </row>
    <row r="1759" spans="1:11" x14ac:dyDescent="0.4">
      <c r="A1759" s="8" t="s">
        <v>11818</v>
      </c>
      <c r="B1759" s="8" t="s">
        <v>633</v>
      </c>
      <c r="C1759" s="9" t="s">
        <v>17523</v>
      </c>
      <c r="D1759" s="9" t="s">
        <v>17506</v>
      </c>
      <c r="E1759" s="10" t="s">
        <v>17507</v>
      </c>
      <c r="F1759" s="10"/>
      <c r="G1759" s="8"/>
      <c r="H1759" s="8" t="s">
        <v>17524</v>
      </c>
      <c r="I1759" s="11">
        <v>44005</v>
      </c>
      <c r="J1759" s="11">
        <v>44005</v>
      </c>
      <c r="K1759" s="11">
        <v>46356</v>
      </c>
    </row>
    <row r="1760" spans="1:11" x14ac:dyDescent="0.4">
      <c r="A1760" s="8" t="s">
        <v>11818</v>
      </c>
      <c r="B1760" s="8" t="s">
        <v>48</v>
      </c>
      <c r="C1760" s="9" t="s">
        <v>17525</v>
      </c>
      <c r="D1760" s="9" t="s">
        <v>17506</v>
      </c>
      <c r="E1760" s="10" t="s">
        <v>17507</v>
      </c>
      <c r="F1760" s="10" t="s">
        <v>17526</v>
      </c>
      <c r="G1760" s="8" t="s">
        <v>17527</v>
      </c>
      <c r="H1760" s="8" t="s">
        <v>17528</v>
      </c>
      <c r="I1760" s="11">
        <v>44005</v>
      </c>
      <c r="J1760" s="11">
        <v>44005</v>
      </c>
      <c r="K1760" s="11">
        <v>46356</v>
      </c>
    </row>
    <row r="1761" spans="1:11" x14ac:dyDescent="0.4">
      <c r="A1761" s="8" t="s">
        <v>11818</v>
      </c>
      <c r="B1761" s="8" t="s">
        <v>48</v>
      </c>
      <c r="C1761" s="9" t="s">
        <v>17529</v>
      </c>
      <c r="D1761" s="9" t="s">
        <v>15342</v>
      </c>
      <c r="E1761" s="10" t="s">
        <v>17530</v>
      </c>
      <c r="F1761" s="10"/>
      <c r="G1761" s="8"/>
      <c r="H1761" s="8" t="s">
        <v>17531</v>
      </c>
      <c r="I1761" s="11">
        <v>44008</v>
      </c>
      <c r="J1761" s="11">
        <v>44008</v>
      </c>
      <c r="K1761" s="11">
        <v>45991</v>
      </c>
    </row>
    <row r="1762" spans="1:11" x14ac:dyDescent="0.4">
      <c r="A1762" s="8" t="s">
        <v>11818</v>
      </c>
      <c r="B1762" s="8" t="s">
        <v>48</v>
      </c>
      <c r="C1762" s="9" t="s">
        <v>17532</v>
      </c>
      <c r="D1762" s="9" t="s">
        <v>12645</v>
      </c>
      <c r="E1762" s="10" t="s">
        <v>17533</v>
      </c>
      <c r="F1762" s="10" t="s">
        <v>17534</v>
      </c>
      <c r="G1762" s="8" t="s">
        <v>17535</v>
      </c>
      <c r="H1762" s="8" t="s">
        <v>17536</v>
      </c>
      <c r="I1762" s="11">
        <v>44008</v>
      </c>
      <c r="J1762" s="11">
        <v>44008</v>
      </c>
      <c r="K1762" s="11">
        <v>45991</v>
      </c>
    </row>
    <row r="1763" spans="1:11" x14ac:dyDescent="0.4">
      <c r="A1763" s="8" t="s">
        <v>11818</v>
      </c>
      <c r="B1763" s="8" t="s">
        <v>633</v>
      </c>
      <c r="C1763" s="9" t="s">
        <v>17537</v>
      </c>
      <c r="D1763" s="9" t="s">
        <v>17538</v>
      </c>
      <c r="E1763" s="10"/>
      <c r="F1763" s="10" t="s">
        <v>11866</v>
      </c>
      <c r="G1763" s="8" t="s">
        <v>17539</v>
      </c>
      <c r="H1763" s="8" t="s">
        <v>17540</v>
      </c>
      <c r="I1763" s="11">
        <v>44008</v>
      </c>
      <c r="J1763" s="11">
        <v>44008</v>
      </c>
      <c r="K1763" s="11">
        <v>46295</v>
      </c>
    </row>
    <row r="1764" spans="1:11" x14ac:dyDescent="0.4">
      <c r="A1764" s="8" t="s">
        <v>11818</v>
      </c>
      <c r="B1764" s="8" t="s">
        <v>48</v>
      </c>
      <c r="C1764" s="9" t="s">
        <v>17541</v>
      </c>
      <c r="D1764" s="9" t="s">
        <v>15220</v>
      </c>
      <c r="E1764" s="10" t="s">
        <v>17542</v>
      </c>
      <c r="F1764" s="10"/>
      <c r="G1764" s="8"/>
      <c r="H1764" s="8" t="s">
        <v>17543</v>
      </c>
      <c r="I1764" s="11">
        <v>44012</v>
      </c>
      <c r="J1764" s="11">
        <v>44012</v>
      </c>
      <c r="K1764" s="11">
        <v>46356</v>
      </c>
    </row>
    <row r="1765" spans="1:11" x14ac:dyDescent="0.4">
      <c r="A1765" s="8" t="s">
        <v>11818</v>
      </c>
      <c r="B1765" s="8" t="s">
        <v>2044</v>
      </c>
      <c r="C1765" s="9" t="s">
        <v>17544</v>
      </c>
      <c r="D1765" s="9" t="s">
        <v>17545</v>
      </c>
      <c r="E1765" s="10"/>
      <c r="F1765" s="10"/>
      <c r="G1765" s="8"/>
      <c r="H1765" s="8" t="s">
        <v>17546</v>
      </c>
      <c r="I1765" s="11">
        <v>44013</v>
      </c>
      <c r="J1765" s="11">
        <v>44013</v>
      </c>
      <c r="K1765" s="11">
        <v>45961</v>
      </c>
    </row>
    <row r="1766" spans="1:11" x14ac:dyDescent="0.4">
      <c r="A1766" s="8" t="s">
        <v>11818</v>
      </c>
      <c r="B1766" s="8" t="s">
        <v>48</v>
      </c>
      <c r="C1766" s="9" t="s">
        <v>17547</v>
      </c>
      <c r="D1766" s="9" t="s">
        <v>15955</v>
      </c>
      <c r="E1766" s="10" t="s">
        <v>17548</v>
      </c>
      <c r="F1766" s="10"/>
      <c r="G1766" s="8"/>
      <c r="H1766" s="8" t="s">
        <v>17549</v>
      </c>
      <c r="I1766" s="11">
        <v>44019</v>
      </c>
      <c r="J1766" s="11">
        <v>44019</v>
      </c>
      <c r="K1766" s="11">
        <v>46356</v>
      </c>
    </row>
    <row r="1767" spans="1:11" x14ac:dyDescent="0.4">
      <c r="A1767" s="8" t="s">
        <v>11818</v>
      </c>
      <c r="B1767" s="8" t="s">
        <v>48</v>
      </c>
      <c r="C1767" s="9" t="s">
        <v>17550</v>
      </c>
      <c r="D1767" s="9" t="s">
        <v>17551</v>
      </c>
      <c r="E1767" s="10"/>
      <c r="F1767" s="10" t="s">
        <v>17552</v>
      </c>
      <c r="G1767" s="8" t="s">
        <v>17553</v>
      </c>
      <c r="H1767" s="8" t="s">
        <v>17554</v>
      </c>
      <c r="I1767" s="11">
        <v>44022</v>
      </c>
      <c r="J1767" s="11">
        <v>44022</v>
      </c>
      <c r="K1767" s="11">
        <v>46356</v>
      </c>
    </row>
    <row r="1768" spans="1:11" x14ac:dyDescent="0.4">
      <c r="A1768" s="8" t="s">
        <v>11818</v>
      </c>
      <c r="B1768" s="8" t="s">
        <v>633</v>
      </c>
      <c r="C1768" s="9" t="s">
        <v>17555</v>
      </c>
      <c r="D1768" s="9" t="s">
        <v>17556</v>
      </c>
      <c r="E1768" s="10" t="s">
        <v>17363</v>
      </c>
      <c r="F1768" s="10" t="s">
        <v>17557</v>
      </c>
      <c r="G1768" s="8" t="s">
        <v>17558</v>
      </c>
      <c r="H1768" s="8" t="s">
        <v>17559</v>
      </c>
      <c r="I1768" s="11">
        <v>44022</v>
      </c>
      <c r="J1768" s="11">
        <v>44022</v>
      </c>
      <c r="K1768" s="11">
        <v>46356</v>
      </c>
    </row>
    <row r="1769" spans="1:11" x14ac:dyDescent="0.4">
      <c r="A1769" s="8" t="s">
        <v>11818</v>
      </c>
      <c r="B1769" s="8" t="s">
        <v>1926</v>
      </c>
      <c r="C1769" s="9" t="s">
        <v>17560</v>
      </c>
      <c r="D1769" s="9" t="s">
        <v>12517</v>
      </c>
      <c r="E1769" s="10" t="s">
        <v>17561</v>
      </c>
      <c r="F1769" s="10" t="s">
        <v>17562</v>
      </c>
      <c r="G1769" s="8" t="s">
        <v>17563</v>
      </c>
      <c r="H1769" s="8" t="s">
        <v>17564</v>
      </c>
      <c r="I1769" s="11">
        <v>44025</v>
      </c>
      <c r="J1769" s="11">
        <v>44025</v>
      </c>
      <c r="K1769" s="11">
        <v>46507</v>
      </c>
    </row>
    <row r="1770" spans="1:11" x14ac:dyDescent="0.4">
      <c r="A1770" s="8" t="s">
        <v>11818</v>
      </c>
      <c r="B1770" s="8" t="s">
        <v>633</v>
      </c>
      <c r="C1770" s="9" t="s">
        <v>17565</v>
      </c>
      <c r="D1770" s="9" t="s">
        <v>17566</v>
      </c>
      <c r="E1770" s="10" t="s">
        <v>17567</v>
      </c>
      <c r="F1770" s="10"/>
      <c r="G1770" s="8"/>
      <c r="H1770" s="8" t="s">
        <v>17568</v>
      </c>
      <c r="I1770" s="11">
        <v>44027</v>
      </c>
      <c r="J1770" s="11">
        <v>44027</v>
      </c>
      <c r="K1770" s="11">
        <v>46507</v>
      </c>
    </row>
    <row r="1771" spans="1:11" x14ac:dyDescent="0.4">
      <c r="A1771" s="8" t="s">
        <v>11818</v>
      </c>
      <c r="B1771" s="8" t="s">
        <v>793</v>
      </c>
      <c r="C1771" s="9" t="s">
        <v>17569</v>
      </c>
      <c r="D1771" s="9" t="s">
        <v>16799</v>
      </c>
      <c r="E1771" s="10" t="s">
        <v>17570</v>
      </c>
      <c r="F1771" s="10"/>
      <c r="G1771" s="8"/>
      <c r="H1771" s="8" t="s">
        <v>17571</v>
      </c>
      <c r="I1771" s="11">
        <v>44027</v>
      </c>
      <c r="J1771" s="11">
        <v>44027</v>
      </c>
      <c r="K1771" s="11">
        <v>46356</v>
      </c>
    </row>
    <row r="1772" spans="1:11" x14ac:dyDescent="0.4">
      <c r="A1772" s="8" t="s">
        <v>11818</v>
      </c>
      <c r="B1772" s="8" t="s">
        <v>633</v>
      </c>
      <c r="C1772" s="9" t="s">
        <v>17572</v>
      </c>
      <c r="D1772" s="9" t="s">
        <v>13224</v>
      </c>
      <c r="E1772" s="10"/>
      <c r="F1772" s="10" t="s">
        <v>17573</v>
      </c>
      <c r="G1772" s="8" t="s">
        <v>17574</v>
      </c>
      <c r="H1772" s="8" t="s">
        <v>17575</v>
      </c>
      <c r="I1772" s="11">
        <v>44028</v>
      </c>
      <c r="J1772" s="11">
        <v>44028</v>
      </c>
      <c r="K1772" s="11">
        <v>46295</v>
      </c>
    </row>
    <row r="1773" spans="1:11" x14ac:dyDescent="0.4">
      <c r="A1773" s="8" t="s">
        <v>11818</v>
      </c>
      <c r="B1773" s="8" t="s">
        <v>633</v>
      </c>
      <c r="C1773" s="9" t="s">
        <v>17576</v>
      </c>
      <c r="D1773" s="9" t="s">
        <v>17577</v>
      </c>
      <c r="E1773" s="10" t="s">
        <v>17578</v>
      </c>
      <c r="F1773" s="10" t="s">
        <v>17579</v>
      </c>
      <c r="G1773" s="8" t="s">
        <v>17580</v>
      </c>
      <c r="H1773" s="8" t="s">
        <v>17581</v>
      </c>
      <c r="I1773" s="11">
        <v>44028</v>
      </c>
      <c r="J1773" s="11">
        <v>44028</v>
      </c>
      <c r="K1773" s="11">
        <v>46112</v>
      </c>
    </row>
    <row r="1774" spans="1:11" x14ac:dyDescent="0.4">
      <c r="A1774" s="8" t="s">
        <v>11818</v>
      </c>
      <c r="B1774" s="8" t="s">
        <v>48</v>
      </c>
      <c r="C1774" s="9" t="s">
        <v>6508</v>
      </c>
      <c r="D1774" s="9" t="s">
        <v>17582</v>
      </c>
      <c r="E1774" s="10"/>
      <c r="F1774" s="10" t="s">
        <v>16449</v>
      </c>
      <c r="G1774" s="8" t="s">
        <v>16450</v>
      </c>
      <c r="H1774" s="8" t="s">
        <v>17583</v>
      </c>
      <c r="I1774" s="11">
        <v>44033</v>
      </c>
      <c r="J1774" s="11">
        <v>44033</v>
      </c>
      <c r="K1774" s="11">
        <v>46477</v>
      </c>
    </row>
    <row r="1775" spans="1:11" x14ac:dyDescent="0.4">
      <c r="A1775" s="8" t="s">
        <v>11818</v>
      </c>
      <c r="B1775" s="8" t="s">
        <v>6444</v>
      </c>
      <c r="C1775" s="9" t="s">
        <v>17584</v>
      </c>
      <c r="D1775" s="9" t="s">
        <v>17585</v>
      </c>
      <c r="E1775" s="10"/>
      <c r="F1775" s="10"/>
      <c r="G1775" s="8"/>
      <c r="H1775" s="8" t="s">
        <v>17586</v>
      </c>
      <c r="I1775" s="11">
        <v>44033</v>
      </c>
      <c r="J1775" s="11">
        <v>44033</v>
      </c>
      <c r="K1775" s="11">
        <v>46477</v>
      </c>
    </row>
    <row r="1776" spans="1:11" x14ac:dyDescent="0.4">
      <c r="A1776" s="8" t="s">
        <v>11818</v>
      </c>
      <c r="B1776" s="8" t="s">
        <v>633</v>
      </c>
      <c r="C1776" s="9" t="s">
        <v>17587</v>
      </c>
      <c r="D1776" s="9" t="s">
        <v>17588</v>
      </c>
      <c r="E1776" s="10"/>
      <c r="F1776" s="10"/>
      <c r="G1776" s="8"/>
      <c r="H1776" s="8" t="s">
        <v>17589</v>
      </c>
      <c r="I1776" s="11">
        <v>44034</v>
      </c>
      <c r="J1776" s="11">
        <v>44034</v>
      </c>
      <c r="K1776" s="11">
        <v>45961</v>
      </c>
    </row>
    <row r="1777" spans="1:11" x14ac:dyDescent="0.4">
      <c r="A1777" s="8" t="s">
        <v>11818</v>
      </c>
      <c r="B1777" s="8" t="s">
        <v>48</v>
      </c>
      <c r="C1777" s="9" t="s">
        <v>17590</v>
      </c>
      <c r="D1777" s="9" t="s">
        <v>15342</v>
      </c>
      <c r="E1777" s="10" t="s">
        <v>17591</v>
      </c>
      <c r="F1777" s="10"/>
      <c r="G1777" s="8"/>
      <c r="H1777" s="8" t="s">
        <v>17592</v>
      </c>
      <c r="I1777" s="11">
        <v>44040</v>
      </c>
      <c r="J1777" s="11">
        <v>44041</v>
      </c>
      <c r="K1777" s="11">
        <v>46356</v>
      </c>
    </row>
    <row r="1778" spans="1:11" x14ac:dyDescent="0.4">
      <c r="A1778" s="8" t="s">
        <v>11818</v>
      </c>
      <c r="B1778" s="8" t="s">
        <v>5454</v>
      </c>
      <c r="C1778" s="9" t="s">
        <v>17593</v>
      </c>
      <c r="D1778" s="9" t="s">
        <v>17594</v>
      </c>
      <c r="E1778" s="10" t="s">
        <v>17595</v>
      </c>
      <c r="F1778" s="10" t="s">
        <v>17480</v>
      </c>
      <c r="G1778" s="8" t="s">
        <v>17596</v>
      </c>
      <c r="H1778" s="8" t="s">
        <v>17597</v>
      </c>
      <c r="I1778" s="11">
        <v>44041</v>
      </c>
      <c r="J1778" s="11">
        <v>44041</v>
      </c>
      <c r="K1778" s="11">
        <v>46356</v>
      </c>
    </row>
    <row r="1779" spans="1:11" x14ac:dyDescent="0.4">
      <c r="A1779" s="8" t="s">
        <v>11818</v>
      </c>
      <c r="B1779" s="8" t="s">
        <v>6444</v>
      </c>
      <c r="C1779" s="9" t="s">
        <v>17598</v>
      </c>
      <c r="D1779" s="9" t="s">
        <v>17599</v>
      </c>
      <c r="E1779" s="10"/>
      <c r="F1779" s="10"/>
      <c r="G1779" s="8"/>
      <c r="H1779" s="8" t="s">
        <v>17600</v>
      </c>
      <c r="I1779" s="11">
        <v>44046</v>
      </c>
      <c r="J1779" s="11">
        <v>44046</v>
      </c>
      <c r="K1779" s="11">
        <v>45930</v>
      </c>
    </row>
    <row r="1780" spans="1:11" x14ac:dyDescent="0.4">
      <c r="A1780" s="8" t="s">
        <v>11818</v>
      </c>
      <c r="B1780" s="8" t="s">
        <v>48</v>
      </c>
      <c r="C1780" s="9" t="s">
        <v>17601</v>
      </c>
      <c r="D1780" s="9" t="s">
        <v>13877</v>
      </c>
      <c r="E1780" s="10"/>
      <c r="F1780" s="10"/>
      <c r="G1780" s="8"/>
      <c r="H1780" s="8" t="s">
        <v>17602</v>
      </c>
      <c r="I1780" s="11">
        <v>44042</v>
      </c>
      <c r="J1780" s="11">
        <v>44042</v>
      </c>
      <c r="K1780" s="11">
        <v>45961</v>
      </c>
    </row>
    <row r="1781" spans="1:11" x14ac:dyDescent="0.4">
      <c r="A1781" s="8" t="s">
        <v>11818</v>
      </c>
      <c r="B1781" s="8" t="s">
        <v>48</v>
      </c>
      <c r="C1781" s="9" t="s">
        <v>17603</v>
      </c>
      <c r="D1781" s="9" t="s">
        <v>12361</v>
      </c>
      <c r="E1781" s="10" t="s">
        <v>17604</v>
      </c>
      <c r="F1781" s="10"/>
      <c r="G1781" s="8"/>
      <c r="H1781" s="8" t="s">
        <v>17605</v>
      </c>
      <c r="I1781" s="11">
        <v>44042</v>
      </c>
      <c r="J1781" s="11">
        <v>44042</v>
      </c>
      <c r="K1781" s="11">
        <v>45991</v>
      </c>
    </row>
    <row r="1782" spans="1:11" x14ac:dyDescent="0.4">
      <c r="A1782" s="8" t="s">
        <v>11818</v>
      </c>
      <c r="B1782" s="8" t="s">
        <v>48</v>
      </c>
      <c r="C1782" s="9" t="s">
        <v>17606</v>
      </c>
      <c r="D1782" s="9" t="s">
        <v>14518</v>
      </c>
      <c r="E1782" s="10" t="s">
        <v>17607</v>
      </c>
      <c r="F1782" s="10"/>
      <c r="G1782" s="8"/>
      <c r="H1782" s="8" t="s">
        <v>17608</v>
      </c>
      <c r="I1782" s="11">
        <v>44042</v>
      </c>
      <c r="J1782" s="11">
        <v>44042</v>
      </c>
      <c r="K1782" s="11">
        <v>46356</v>
      </c>
    </row>
    <row r="1783" spans="1:11" x14ac:dyDescent="0.4">
      <c r="A1783" s="8" t="s">
        <v>11818</v>
      </c>
      <c r="B1783" s="8" t="s">
        <v>3441</v>
      </c>
      <c r="C1783" s="9" t="s">
        <v>17609</v>
      </c>
      <c r="D1783" s="9" t="s">
        <v>15305</v>
      </c>
      <c r="E1783" s="10"/>
      <c r="F1783" s="10"/>
      <c r="G1783" s="8"/>
      <c r="H1783" s="8" t="s">
        <v>17610</v>
      </c>
      <c r="I1783" s="11">
        <v>44044</v>
      </c>
      <c r="J1783" s="11">
        <v>44044</v>
      </c>
      <c r="K1783" s="11">
        <v>46295</v>
      </c>
    </row>
    <row r="1784" spans="1:11" x14ac:dyDescent="0.4">
      <c r="A1784" s="8" t="s">
        <v>11818</v>
      </c>
      <c r="B1784" s="8" t="s">
        <v>633</v>
      </c>
      <c r="C1784" s="9" t="s">
        <v>17611</v>
      </c>
      <c r="D1784" s="9" t="s">
        <v>17612</v>
      </c>
      <c r="E1784" s="10" t="s">
        <v>17613</v>
      </c>
      <c r="F1784" s="10" t="s">
        <v>2634</v>
      </c>
      <c r="G1784" s="8" t="s">
        <v>12325</v>
      </c>
      <c r="H1784" s="8" t="s">
        <v>17614</v>
      </c>
      <c r="I1784" s="11">
        <v>44047</v>
      </c>
      <c r="J1784" s="11">
        <v>44047</v>
      </c>
      <c r="K1784" s="11">
        <v>46568</v>
      </c>
    </row>
    <row r="1785" spans="1:11" x14ac:dyDescent="0.4">
      <c r="A1785" s="8" t="s">
        <v>11818</v>
      </c>
      <c r="B1785" s="8" t="s">
        <v>48</v>
      </c>
      <c r="C1785" s="9" t="s">
        <v>17615</v>
      </c>
      <c r="D1785" s="9" t="s">
        <v>17616</v>
      </c>
      <c r="E1785" s="10" t="s">
        <v>17617</v>
      </c>
      <c r="F1785" s="10"/>
      <c r="G1785" s="8"/>
      <c r="H1785" s="8" t="s">
        <v>17618</v>
      </c>
      <c r="I1785" s="11">
        <v>44047</v>
      </c>
      <c r="J1785" s="11">
        <v>44047</v>
      </c>
      <c r="K1785" s="11">
        <v>46173</v>
      </c>
    </row>
    <row r="1786" spans="1:11" x14ac:dyDescent="0.4">
      <c r="A1786" s="8" t="s">
        <v>11818</v>
      </c>
      <c r="B1786" s="8" t="s">
        <v>2044</v>
      </c>
      <c r="C1786" s="9" t="s">
        <v>17619</v>
      </c>
      <c r="D1786" s="9" t="s">
        <v>14920</v>
      </c>
      <c r="E1786" s="10" t="s">
        <v>7346</v>
      </c>
      <c r="F1786" s="10"/>
      <c r="G1786" s="8"/>
      <c r="H1786" s="8" t="s">
        <v>17620</v>
      </c>
      <c r="I1786" s="11">
        <v>44047</v>
      </c>
      <c r="J1786" s="11">
        <v>44047</v>
      </c>
      <c r="K1786" s="11">
        <v>46538</v>
      </c>
    </row>
    <row r="1787" spans="1:11" x14ac:dyDescent="0.4">
      <c r="A1787" s="8" t="s">
        <v>11818</v>
      </c>
      <c r="B1787" s="8" t="s">
        <v>48</v>
      </c>
      <c r="C1787" s="9" t="s">
        <v>17621</v>
      </c>
      <c r="D1787" s="9" t="s">
        <v>17622</v>
      </c>
      <c r="E1787" s="10" t="s">
        <v>17623</v>
      </c>
      <c r="F1787" s="10" t="s">
        <v>6422</v>
      </c>
      <c r="G1787" s="8" t="s">
        <v>17624</v>
      </c>
      <c r="H1787" s="8" t="s">
        <v>17625</v>
      </c>
      <c r="I1787" s="11">
        <v>44048</v>
      </c>
      <c r="J1787" s="11">
        <v>44048</v>
      </c>
      <c r="K1787" s="11">
        <v>46538</v>
      </c>
    </row>
    <row r="1788" spans="1:11" x14ac:dyDescent="0.4">
      <c r="A1788" s="8" t="s">
        <v>11818</v>
      </c>
      <c r="B1788" s="8" t="s">
        <v>633</v>
      </c>
      <c r="C1788" s="9" t="s">
        <v>17626</v>
      </c>
      <c r="D1788" s="9" t="s">
        <v>17627</v>
      </c>
      <c r="E1788" s="10"/>
      <c r="F1788" s="10"/>
      <c r="G1788" s="8"/>
      <c r="H1788" s="8" t="s">
        <v>17628</v>
      </c>
      <c r="I1788" s="11">
        <v>44049</v>
      </c>
      <c r="J1788" s="11">
        <v>44049</v>
      </c>
      <c r="K1788" s="11">
        <v>46477</v>
      </c>
    </row>
    <row r="1789" spans="1:11" x14ac:dyDescent="0.4">
      <c r="A1789" s="8" t="s">
        <v>11818</v>
      </c>
      <c r="B1789" s="8" t="s">
        <v>48</v>
      </c>
      <c r="C1789" s="9" t="s">
        <v>17629</v>
      </c>
      <c r="D1789" s="9" t="s">
        <v>17630</v>
      </c>
      <c r="E1789" s="10"/>
      <c r="F1789" s="10"/>
      <c r="G1789" s="8"/>
      <c r="H1789" s="8" t="s">
        <v>17631</v>
      </c>
      <c r="I1789" s="11">
        <v>44050</v>
      </c>
      <c r="J1789" s="11">
        <v>44050</v>
      </c>
      <c r="K1789" s="11">
        <v>46203</v>
      </c>
    </row>
    <row r="1790" spans="1:11" x14ac:dyDescent="0.4">
      <c r="A1790" s="8" t="s">
        <v>11818</v>
      </c>
      <c r="B1790" s="8" t="s">
        <v>6444</v>
      </c>
      <c r="C1790" s="9" t="s">
        <v>17632</v>
      </c>
      <c r="D1790" s="9" t="s">
        <v>14324</v>
      </c>
      <c r="E1790" s="10" t="s">
        <v>17633</v>
      </c>
      <c r="F1790" s="10" t="s">
        <v>2299</v>
      </c>
      <c r="G1790" s="8" t="s">
        <v>17634</v>
      </c>
      <c r="H1790" s="8" t="s">
        <v>17635</v>
      </c>
      <c r="I1790" s="11">
        <v>44050</v>
      </c>
      <c r="J1790" s="11">
        <v>44050</v>
      </c>
      <c r="K1790" s="11">
        <v>46356</v>
      </c>
    </row>
    <row r="1791" spans="1:11" x14ac:dyDescent="0.4">
      <c r="A1791" s="8" t="s">
        <v>11818</v>
      </c>
      <c r="B1791" s="8" t="s">
        <v>48</v>
      </c>
      <c r="C1791" s="9" t="s">
        <v>17636</v>
      </c>
      <c r="D1791" s="9" t="s">
        <v>13295</v>
      </c>
      <c r="E1791" s="10" t="s">
        <v>17637</v>
      </c>
      <c r="F1791" s="10"/>
      <c r="G1791" s="8"/>
      <c r="H1791" s="8" t="s">
        <v>17638</v>
      </c>
      <c r="I1791" s="11">
        <v>44056</v>
      </c>
      <c r="J1791" s="11">
        <v>44056</v>
      </c>
      <c r="K1791" s="11">
        <v>46356</v>
      </c>
    </row>
    <row r="1792" spans="1:11" x14ac:dyDescent="0.4">
      <c r="A1792" s="8" t="s">
        <v>11818</v>
      </c>
      <c r="B1792" s="8" t="s">
        <v>2044</v>
      </c>
      <c r="C1792" s="9" t="s">
        <v>17639</v>
      </c>
      <c r="D1792" s="9" t="s">
        <v>17640</v>
      </c>
      <c r="E1792" s="10"/>
      <c r="F1792" s="10"/>
      <c r="G1792" s="8"/>
      <c r="H1792" s="8" t="s">
        <v>17641</v>
      </c>
      <c r="I1792" s="11">
        <v>44056</v>
      </c>
      <c r="J1792" s="11">
        <v>44056</v>
      </c>
      <c r="K1792" s="11">
        <v>46326</v>
      </c>
    </row>
    <row r="1793" spans="1:11" x14ac:dyDescent="0.4">
      <c r="A1793" s="8" t="s">
        <v>11818</v>
      </c>
      <c r="B1793" s="8" t="s">
        <v>2044</v>
      </c>
      <c r="C1793" s="9" t="s">
        <v>17642</v>
      </c>
      <c r="D1793" s="9" t="s">
        <v>17643</v>
      </c>
      <c r="E1793" s="10"/>
      <c r="F1793" s="10" t="s">
        <v>17644</v>
      </c>
      <c r="G1793" s="8" t="s">
        <v>17645</v>
      </c>
      <c r="H1793" s="8" t="s">
        <v>17646</v>
      </c>
      <c r="I1793" s="11">
        <v>44063</v>
      </c>
      <c r="J1793" s="11">
        <v>44063</v>
      </c>
      <c r="K1793" s="11">
        <v>45961</v>
      </c>
    </row>
    <row r="1794" spans="1:11" x14ac:dyDescent="0.4">
      <c r="A1794" s="8" t="s">
        <v>11818</v>
      </c>
      <c r="B1794" s="8" t="s">
        <v>5454</v>
      </c>
      <c r="C1794" s="9" t="s">
        <v>17647</v>
      </c>
      <c r="D1794" s="9" t="s">
        <v>16768</v>
      </c>
      <c r="E1794" s="10" t="s">
        <v>17648</v>
      </c>
      <c r="F1794" s="10"/>
      <c r="G1794" s="8"/>
      <c r="H1794" s="8" t="s">
        <v>17649</v>
      </c>
      <c r="I1794" s="11">
        <v>44068</v>
      </c>
      <c r="J1794" s="11">
        <v>44068</v>
      </c>
      <c r="K1794" s="11">
        <v>45991</v>
      </c>
    </row>
    <row r="1795" spans="1:11" x14ac:dyDescent="0.4">
      <c r="A1795" s="8" t="s">
        <v>11818</v>
      </c>
      <c r="B1795" s="8" t="s">
        <v>633</v>
      </c>
      <c r="C1795" s="9" t="s">
        <v>7185</v>
      </c>
      <c r="D1795" s="9" t="s">
        <v>17650</v>
      </c>
      <c r="E1795" s="10"/>
      <c r="F1795" s="10" t="s">
        <v>17651</v>
      </c>
      <c r="G1795" s="8" t="s">
        <v>17652</v>
      </c>
      <c r="H1795" s="8" t="s">
        <v>17653</v>
      </c>
      <c r="I1795" s="11">
        <v>44069</v>
      </c>
      <c r="J1795" s="11">
        <v>44069</v>
      </c>
      <c r="K1795" s="11">
        <v>46568</v>
      </c>
    </row>
    <row r="1796" spans="1:11" x14ac:dyDescent="0.4">
      <c r="A1796" s="8" t="s">
        <v>11818</v>
      </c>
      <c r="B1796" s="8" t="s">
        <v>698</v>
      </c>
      <c r="C1796" s="9" t="s">
        <v>17654</v>
      </c>
      <c r="D1796" s="9" t="s">
        <v>17655</v>
      </c>
      <c r="E1796" s="10"/>
      <c r="F1796" s="10" t="s">
        <v>16411</v>
      </c>
      <c r="G1796" s="8" t="s">
        <v>16412</v>
      </c>
      <c r="H1796" s="8" t="s">
        <v>17656</v>
      </c>
      <c r="I1796" s="11">
        <v>44069</v>
      </c>
      <c r="J1796" s="11">
        <v>44069</v>
      </c>
      <c r="K1796" s="11">
        <v>46477</v>
      </c>
    </row>
    <row r="1797" spans="1:11" x14ac:dyDescent="0.4">
      <c r="A1797" s="8" t="s">
        <v>11818</v>
      </c>
      <c r="B1797" s="8" t="s">
        <v>698</v>
      </c>
      <c r="C1797" s="9" t="s">
        <v>17657</v>
      </c>
      <c r="D1797" s="9" t="s">
        <v>17658</v>
      </c>
      <c r="E1797" s="10"/>
      <c r="F1797" s="10"/>
      <c r="G1797" s="8"/>
      <c r="H1797" s="8" t="s">
        <v>17659</v>
      </c>
      <c r="I1797" s="11">
        <v>44075</v>
      </c>
      <c r="J1797" s="11">
        <v>44075</v>
      </c>
      <c r="K1797" s="11">
        <v>45961</v>
      </c>
    </row>
    <row r="1798" spans="1:11" x14ac:dyDescent="0.4">
      <c r="A1798" s="8" t="s">
        <v>11818</v>
      </c>
      <c r="B1798" s="8" t="s">
        <v>48</v>
      </c>
      <c r="C1798" s="9" t="s">
        <v>17660</v>
      </c>
      <c r="D1798" s="9" t="s">
        <v>15573</v>
      </c>
      <c r="E1798" s="10" t="s">
        <v>17661</v>
      </c>
      <c r="F1798" s="10"/>
      <c r="G1798" s="8"/>
      <c r="H1798" s="8" t="s">
        <v>17662</v>
      </c>
      <c r="I1798" s="11">
        <v>44069</v>
      </c>
      <c r="J1798" s="11">
        <v>44069</v>
      </c>
      <c r="K1798" s="11">
        <v>46356</v>
      </c>
    </row>
    <row r="1799" spans="1:11" x14ac:dyDescent="0.4">
      <c r="A1799" s="8" t="s">
        <v>11818</v>
      </c>
      <c r="B1799" s="8" t="s">
        <v>2044</v>
      </c>
      <c r="C1799" s="9" t="s">
        <v>17663</v>
      </c>
      <c r="D1799" s="9" t="s">
        <v>17664</v>
      </c>
      <c r="E1799" s="10"/>
      <c r="F1799" s="10" t="s">
        <v>17665</v>
      </c>
      <c r="G1799" s="8" t="s">
        <v>17666</v>
      </c>
      <c r="H1799" s="8" t="s">
        <v>17667</v>
      </c>
      <c r="I1799" s="11">
        <v>44069</v>
      </c>
      <c r="J1799" s="11">
        <v>44069</v>
      </c>
      <c r="K1799" s="11">
        <v>46477</v>
      </c>
    </row>
    <row r="1800" spans="1:11" x14ac:dyDescent="0.4">
      <c r="A1800" s="8" t="s">
        <v>11818</v>
      </c>
      <c r="B1800" s="8" t="s">
        <v>48</v>
      </c>
      <c r="C1800" s="9" t="s">
        <v>17668</v>
      </c>
      <c r="D1800" s="9" t="s">
        <v>17669</v>
      </c>
      <c r="E1800" s="10" t="s">
        <v>17670</v>
      </c>
      <c r="F1800" s="10" t="s">
        <v>17671</v>
      </c>
      <c r="G1800" s="8" t="s">
        <v>17672</v>
      </c>
      <c r="H1800" s="8" t="s">
        <v>17673</v>
      </c>
      <c r="I1800" s="11">
        <v>44075</v>
      </c>
      <c r="J1800" s="11">
        <v>44075</v>
      </c>
      <c r="K1800" s="11">
        <v>46356</v>
      </c>
    </row>
    <row r="1801" spans="1:11" x14ac:dyDescent="0.4">
      <c r="A1801" s="8" t="s">
        <v>11818</v>
      </c>
      <c r="B1801" s="8" t="s">
        <v>5454</v>
      </c>
      <c r="C1801" s="9" t="s">
        <v>17674</v>
      </c>
      <c r="D1801" s="9" t="s">
        <v>17675</v>
      </c>
      <c r="E1801" s="10" t="s">
        <v>17676</v>
      </c>
      <c r="F1801" s="10"/>
      <c r="G1801" s="8"/>
      <c r="H1801" s="8" t="s">
        <v>17677</v>
      </c>
      <c r="I1801" s="11">
        <v>44075</v>
      </c>
      <c r="J1801" s="11">
        <v>44075</v>
      </c>
      <c r="K1801" s="11">
        <v>45991</v>
      </c>
    </row>
    <row r="1802" spans="1:11" x14ac:dyDescent="0.4">
      <c r="A1802" s="8" t="s">
        <v>11818</v>
      </c>
      <c r="B1802" s="8" t="s">
        <v>2044</v>
      </c>
      <c r="C1802" s="9" t="s">
        <v>17678</v>
      </c>
      <c r="D1802" s="9" t="s">
        <v>17131</v>
      </c>
      <c r="E1802" s="10"/>
      <c r="F1802" s="10" t="s">
        <v>17132</v>
      </c>
      <c r="G1802" s="8" t="s">
        <v>17133</v>
      </c>
      <c r="H1802" s="8" t="s">
        <v>17679</v>
      </c>
      <c r="I1802" s="11">
        <v>44075</v>
      </c>
      <c r="J1802" s="11">
        <v>44075</v>
      </c>
      <c r="K1802" s="11">
        <v>46326</v>
      </c>
    </row>
    <row r="1803" spans="1:11" x14ac:dyDescent="0.4">
      <c r="A1803" s="8" t="s">
        <v>11818</v>
      </c>
      <c r="B1803" s="8" t="s">
        <v>633</v>
      </c>
      <c r="C1803" s="9" t="s">
        <v>17680</v>
      </c>
      <c r="D1803" s="9" t="s">
        <v>17681</v>
      </c>
      <c r="E1803" s="10"/>
      <c r="F1803" s="10" t="s">
        <v>17682</v>
      </c>
      <c r="G1803" s="8" t="s">
        <v>17683</v>
      </c>
      <c r="H1803" s="8" t="s">
        <v>17684</v>
      </c>
      <c r="I1803" s="11">
        <v>44076</v>
      </c>
      <c r="J1803" s="11">
        <v>44076</v>
      </c>
      <c r="K1803" s="11">
        <v>46477</v>
      </c>
    </row>
    <row r="1804" spans="1:11" x14ac:dyDescent="0.4">
      <c r="A1804" s="8" t="s">
        <v>11818</v>
      </c>
      <c r="B1804" s="8" t="s">
        <v>48</v>
      </c>
      <c r="C1804" s="9" t="s">
        <v>15370</v>
      </c>
      <c r="D1804" s="9" t="s">
        <v>17685</v>
      </c>
      <c r="E1804" s="10"/>
      <c r="F1804" s="10"/>
      <c r="G1804" s="8"/>
      <c r="H1804" s="8" t="s">
        <v>17686</v>
      </c>
      <c r="I1804" s="11">
        <v>44076</v>
      </c>
      <c r="J1804" s="11">
        <v>44076</v>
      </c>
      <c r="K1804" s="11">
        <v>45930</v>
      </c>
    </row>
    <row r="1805" spans="1:11" x14ac:dyDescent="0.4">
      <c r="A1805" s="8" t="s">
        <v>11818</v>
      </c>
      <c r="B1805" s="8" t="s">
        <v>1926</v>
      </c>
      <c r="C1805" s="9" t="s">
        <v>17687</v>
      </c>
      <c r="D1805" s="9" t="s">
        <v>17688</v>
      </c>
      <c r="E1805" s="10"/>
      <c r="F1805" s="10"/>
      <c r="G1805" s="8"/>
      <c r="H1805" s="8" t="s">
        <v>17689</v>
      </c>
      <c r="I1805" s="11">
        <v>44077</v>
      </c>
      <c r="J1805" s="11">
        <v>44077</v>
      </c>
      <c r="K1805" s="11">
        <v>46295</v>
      </c>
    </row>
    <row r="1806" spans="1:11" x14ac:dyDescent="0.4">
      <c r="A1806" s="8" t="s">
        <v>11818</v>
      </c>
      <c r="B1806" s="8" t="s">
        <v>48</v>
      </c>
      <c r="C1806" s="9" t="s">
        <v>17690</v>
      </c>
      <c r="D1806" s="9" t="s">
        <v>17688</v>
      </c>
      <c r="E1806" s="10"/>
      <c r="F1806" s="10"/>
      <c r="G1806" s="8"/>
      <c r="H1806" s="8" t="s">
        <v>17691</v>
      </c>
      <c r="I1806" s="11">
        <v>44077</v>
      </c>
      <c r="J1806" s="11">
        <v>44077</v>
      </c>
      <c r="K1806" s="11">
        <v>46295</v>
      </c>
    </row>
    <row r="1807" spans="1:11" x14ac:dyDescent="0.4">
      <c r="A1807" s="8" t="s">
        <v>11818</v>
      </c>
      <c r="B1807" s="8" t="s">
        <v>5454</v>
      </c>
      <c r="C1807" s="9" t="s">
        <v>17692</v>
      </c>
      <c r="D1807" s="9" t="s">
        <v>17693</v>
      </c>
      <c r="E1807" s="10" t="s">
        <v>17694</v>
      </c>
      <c r="F1807" s="10" t="s">
        <v>17428</v>
      </c>
      <c r="G1807" s="8" t="s">
        <v>17429</v>
      </c>
      <c r="H1807" s="8" t="s">
        <v>17695</v>
      </c>
      <c r="I1807" s="11">
        <v>44078</v>
      </c>
      <c r="J1807" s="11">
        <v>44078</v>
      </c>
      <c r="K1807" s="11">
        <v>46173</v>
      </c>
    </row>
    <row r="1808" spans="1:11" x14ac:dyDescent="0.4">
      <c r="A1808" s="8" t="s">
        <v>11818</v>
      </c>
      <c r="B1808" s="8" t="s">
        <v>5383</v>
      </c>
      <c r="C1808" s="9" t="s">
        <v>17696</v>
      </c>
      <c r="D1808" s="9" t="s">
        <v>17697</v>
      </c>
      <c r="E1808" s="10"/>
      <c r="F1808" s="10"/>
      <c r="G1808" s="8"/>
      <c r="H1808" s="8" t="s">
        <v>17698</v>
      </c>
      <c r="I1808" s="11">
        <v>44079</v>
      </c>
      <c r="J1808" s="11">
        <v>44079</v>
      </c>
      <c r="K1808" s="11">
        <v>46326</v>
      </c>
    </row>
    <row r="1809" spans="1:11" x14ac:dyDescent="0.4">
      <c r="A1809" s="8" t="s">
        <v>11818</v>
      </c>
      <c r="B1809" s="8" t="s">
        <v>633</v>
      </c>
      <c r="C1809" s="9" t="s">
        <v>17699</v>
      </c>
      <c r="D1809" s="9" t="s">
        <v>17700</v>
      </c>
      <c r="E1809" s="10"/>
      <c r="F1809" s="10"/>
      <c r="G1809" s="8"/>
      <c r="H1809" s="8" t="s">
        <v>17701</v>
      </c>
      <c r="I1809" s="11">
        <v>44082</v>
      </c>
      <c r="J1809" s="11">
        <v>44082</v>
      </c>
      <c r="K1809" s="11">
        <v>46112</v>
      </c>
    </row>
    <row r="1810" spans="1:11" x14ac:dyDescent="0.4">
      <c r="A1810" s="8" t="s">
        <v>11818</v>
      </c>
      <c r="B1810" s="8" t="s">
        <v>1871</v>
      </c>
      <c r="C1810" s="9" t="s">
        <v>17702</v>
      </c>
      <c r="D1810" s="9" t="s">
        <v>1332</v>
      </c>
      <c r="E1810" s="10"/>
      <c r="F1810" s="10" t="s">
        <v>2247</v>
      </c>
      <c r="G1810" s="8" t="s">
        <v>12792</v>
      </c>
      <c r="H1810" s="8" t="s">
        <v>17703</v>
      </c>
      <c r="I1810" s="11">
        <v>44082</v>
      </c>
      <c r="J1810" s="11">
        <v>44082</v>
      </c>
      <c r="K1810" s="11">
        <v>46173</v>
      </c>
    </row>
    <row r="1811" spans="1:11" x14ac:dyDescent="0.4">
      <c r="A1811" s="8" t="s">
        <v>11818</v>
      </c>
      <c r="B1811" s="8" t="s">
        <v>48</v>
      </c>
      <c r="C1811" s="9" t="s">
        <v>17704</v>
      </c>
      <c r="D1811" s="9" t="s">
        <v>17705</v>
      </c>
      <c r="E1811" s="10"/>
      <c r="F1811" s="10"/>
      <c r="G1811" s="8"/>
      <c r="H1811" s="8" t="s">
        <v>17706</v>
      </c>
      <c r="I1811" s="11">
        <v>44083</v>
      </c>
      <c r="J1811" s="11">
        <v>44083</v>
      </c>
      <c r="K1811" s="11">
        <v>46142</v>
      </c>
    </row>
    <row r="1812" spans="1:11" x14ac:dyDescent="0.4">
      <c r="A1812" s="8" t="s">
        <v>11818</v>
      </c>
      <c r="B1812" s="8" t="s">
        <v>48</v>
      </c>
      <c r="C1812" s="9" t="s">
        <v>17707</v>
      </c>
      <c r="D1812" s="9" t="s">
        <v>14881</v>
      </c>
      <c r="E1812" s="10" t="s">
        <v>17708</v>
      </c>
      <c r="F1812" s="10" t="s">
        <v>12363</v>
      </c>
      <c r="G1812" s="8" t="s">
        <v>12364</v>
      </c>
      <c r="H1812" s="8" t="s">
        <v>17709</v>
      </c>
      <c r="I1812" s="11">
        <v>44084</v>
      </c>
      <c r="J1812" s="11">
        <v>44084</v>
      </c>
      <c r="K1812" s="11">
        <v>46356</v>
      </c>
    </row>
    <row r="1813" spans="1:11" x14ac:dyDescent="0.4">
      <c r="A1813" s="8" t="s">
        <v>11818</v>
      </c>
      <c r="B1813" s="8" t="s">
        <v>48</v>
      </c>
      <c r="C1813" s="9" t="s">
        <v>17710</v>
      </c>
      <c r="D1813" s="9" t="s">
        <v>17711</v>
      </c>
      <c r="E1813" s="10" t="s">
        <v>17712</v>
      </c>
      <c r="F1813" s="10"/>
      <c r="G1813" s="8"/>
      <c r="H1813" s="8" t="s">
        <v>17713</v>
      </c>
      <c r="I1813" s="11">
        <v>44102</v>
      </c>
      <c r="J1813" s="11">
        <v>44102</v>
      </c>
      <c r="K1813" s="11">
        <v>46173</v>
      </c>
    </row>
    <row r="1814" spans="1:11" x14ac:dyDescent="0.4">
      <c r="A1814" s="8" t="s">
        <v>11818</v>
      </c>
      <c r="B1814" s="8" t="s">
        <v>633</v>
      </c>
      <c r="C1814" s="9" t="s">
        <v>17714</v>
      </c>
      <c r="D1814" s="9" t="s">
        <v>14239</v>
      </c>
      <c r="E1814" s="10" t="s">
        <v>17715</v>
      </c>
      <c r="F1814" s="10"/>
      <c r="G1814" s="8"/>
      <c r="H1814" s="8" t="s">
        <v>17716</v>
      </c>
      <c r="I1814" s="11">
        <v>44090</v>
      </c>
      <c r="J1814" s="11">
        <v>44090</v>
      </c>
      <c r="K1814" s="11">
        <v>46507</v>
      </c>
    </row>
    <row r="1815" spans="1:11" x14ac:dyDescent="0.4">
      <c r="A1815" s="8" t="s">
        <v>11818</v>
      </c>
      <c r="B1815" s="8" t="s">
        <v>793</v>
      </c>
      <c r="C1815" s="9" t="s">
        <v>7031</v>
      </c>
      <c r="D1815" s="9" t="s">
        <v>17717</v>
      </c>
      <c r="E1815" s="10"/>
      <c r="F1815" s="10"/>
      <c r="G1815" s="8"/>
      <c r="H1815" s="8" t="s">
        <v>17718</v>
      </c>
      <c r="I1815" s="11">
        <v>44090</v>
      </c>
      <c r="J1815" s="11">
        <v>44090</v>
      </c>
      <c r="K1815" s="11">
        <v>46477</v>
      </c>
    </row>
    <row r="1816" spans="1:11" x14ac:dyDescent="0.4">
      <c r="A1816" s="8" t="s">
        <v>11818</v>
      </c>
      <c r="B1816" s="8" t="s">
        <v>2044</v>
      </c>
      <c r="C1816" s="9" t="s">
        <v>17719</v>
      </c>
      <c r="D1816" s="9" t="s">
        <v>17720</v>
      </c>
      <c r="E1816" s="10"/>
      <c r="F1816" s="10"/>
      <c r="G1816" s="8"/>
      <c r="H1816" s="8" t="s">
        <v>17721</v>
      </c>
      <c r="I1816" s="11">
        <v>44090</v>
      </c>
      <c r="J1816" s="11">
        <v>44090</v>
      </c>
      <c r="K1816" s="11">
        <v>46873</v>
      </c>
    </row>
    <row r="1817" spans="1:11" x14ac:dyDescent="0.4">
      <c r="A1817" s="8" t="s">
        <v>11818</v>
      </c>
      <c r="B1817" s="8" t="s">
        <v>6444</v>
      </c>
      <c r="C1817" s="9" t="s">
        <v>8310</v>
      </c>
      <c r="D1817" s="9" t="s">
        <v>17722</v>
      </c>
      <c r="E1817" s="10"/>
      <c r="F1817" s="10"/>
      <c r="G1817" s="8"/>
      <c r="H1817" s="8" t="s">
        <v>17723</v>
      </c>
      <c r="I1817" s="11">
        <v>44092</v>
      </c>
      <c r="J1817" s="11">
        <v>44092</v>
      </c>
      <c r="K1817" s="11">
        <v>46568</v>
      </c>
    </row>
    <row r="1818" spans="1:11" x14ac:dyDescent="0.4">
      <c r="A1818" s="8" t="s">
        <v>11818</v>
      </c>
      <c r="B1818" s="8" t="s">
        <v>3441</v>
      </c>
      <c r="C1818" s="9" t="s">
        <v>17724</v>
      </c>
      <c r="D1818" s="9" t="s">
        <v>17725</v>
      </c>
      <c r="E1818" s="10"/>
      <c r="F1818" s="10" t="s">
        <v>17726</v>
      </c>
      <c r="G1818" s="8" t="s">
        <v>17727</v>
      </c>
      <c r="H1818" s="8" t="s">
        <v>17728</v>
      </c>
      <c r="I1818" s="11">
        <v>44100</v>
      </c>
      <c r="J1818" s="11">
        <v>44100</v>
      </c>
      <c r="K1818" s="11">
        <v>46477</v>
      </c>
    </row>
    <row r="1819" spans="1:11" x14ac:dyDescent="0.4">
      <c r="A1819" s="8" t="s">
        <v>11818</v>
      </c>
      <c r="B1819" s="8" t="s">
        <v>633</v>
      </c>
      <c r="C1819" s="9" t="s">
        <v>17729</v>
      </c>
      <c r="D1819" s="9" t="s">
        <v>17730</v>
      </c>
      <c r="E1819" s="10"/>
      <c r="F1819" s="10"/>
      <c r="G1819" s="8"/>
      <c r="H1819" s="8" t="s">
        <v>17731</v>
      </c>
      <c r="I1819" s="11">
        <v>44105</v>
      </c>
      <c r="J1819" s="11">
        <v>44105</v>
      </c>
      <c r="K1819" s="11">
        <v>46173</v>
      </c>
    </row>
    <row r="1820" spans="1:11" x14ac:dyDescent="0.4">
      <c r="A1820" s="8" t="s">
        <v>11818</v>
      </c>
      <c r="B1820" s="8" t="s">
        <v>48</v>
      </c>
      <c r="C1820" s="9" t="s">
        <v>17732</v>
      </c>
      <c r="D1820" s="9" t="s">
        <v>14231</v>
      </c>
      <c r="E1820" s="10" t="s">
        <v>17733</v>
      </c>
      <c r="F1820" s="10" t="s">
        <v>17734</v>
      </c>
      <c r="G1820" s="8" t="s">
        <v>17735</v>
      </c>
      <c r="H1820" s="8" t="s">
        <v>17736</v>
      </c>
      <c r="I1820" s="11">
        <v>44098</v>
      </c>
      <c r="J1820" s="11">
        <v>44098</v>
      </c>
      <c r="K1820" s="11">
        <v>46173</v>
      </c>
    </row>
    <row r="1821" spans="1:11" x14ac:dyDescent="0.4">
      <c r="A1821" s="8" t="s">
        <v>11818</v>
      </c>
      <c r="B1821" s="8" t="s">
        <v>48</v>
      </c>
      <c r="C1821" s="9" t="s">
        <v>2535</v>
      </c>
      <c r="D1821" s="9" t="s">
        <v>11460</v>
      </c>
      <c r="E1821" s="10" t="s">
        <v>17737</v>
      </c>
      <c r="F1821" s="10" t="s">
        <v>17738</v>
      </c>
      <c r="G1821" s="8" t="s">
        <v>17739</v>
      </c>
      <c r="H1821" s="8" t="s">
        <v>17740</v>
      </c>
      <c r="I1821" s="11">
        <v>44099</v>
      </c>
      <c r="J1821" s="11">
        <v>44099</v>
      </c>
      <c r="K1821" s="11">
        <v>46356</v>
      </c>
    </row>
    <row r="1822" spans="1:11" x14ac:dyDescent="0.4">
      <c r="A1822" s="8" t="s">
        <v>11818</v>
      </c>
      <c r="B1822" s="8" t="s">
        <v>3441</v>
      </c>
      <c r="C1822" s="9" t="s">
        <v>17741</v>
      </c>
      <c r="D1822" s="9" t="s">
        <v>17742</v>
      </c>
      <c r="E1822" s="10"/>
      <c r="F1822" s="10"/>
      <c r="G1822" s="8"/>
      <c r="H1822" s="8" t="s">
        <v>17743</v>
      </c>
      <c r="I1822" s="11">
        <v>44106</v>
      </c>
      <c r="J1822" s="11">
        <v>44106</v>
      </c>
      <c r="K1822" s="11">
        <v>46507</v>
      </c>
    </row>
    <row r="1823" spans="1:11" x14ac:dyDescent="0.4">
      <c r="A1823" s="8" t="s">
        <v>11818</v>
      </c>
      <c r="B1823" s="8" t="s">
        <v>2044</v>
      </c>
      <c r="C1823" s="9" t="s">
        <v>17744</v>
      </c>
      <c r="D1823" s="9" t="s">
        <v>17745</v>
      </c>
      <c r="E1823" s="10" t="s">
        <v>17746</v>
      </c>
      <c r="F1823" s="10" t="s">
        <v>17747</v>
      </c>
      <c r="G1823" s="8" t="s">
        <v>17748</v>
      </c>
      <c r="H1823" s="8" t="s">
        <v>17749</v>
      </c>
      <c r="I1823" s="11">
        <v>44105</v>
      </c>
      <c r="J1823" s="11">
        <v>44105</v>
      </c>
      <c r="K1823" s="11">
        <v>45930</v>
      </c>
    </row>
    <row r="1824" spans="1:11" x14ac:dyDescent="0.4">
      <c r="A1824" s="8" t="s">
        <v>11818</v>
      </c>
      <c r="B1824" s="8" t="s">
        <v>48</v>
      </c>
      <c r="C1824" s="9" t="s">
        <v>17750</v>
      </c>
      <c r="D1824" s="9" t="s">
        <v>17751</v>
      </c>
      <c r="E1824" s="10" t="s">
        <v>17752</v>
      </c>
      <c r="F1824" s="10" t="s">
        <v>17753</v>
      </c>
      <c r="G1824" s="8" t="s">
        <v>17754</v>
      </c>
      <c r="H1824" s="8" t="s">
        <v>17755</v>
      </c>
      <c r="I1824" s="11">
        <v>44105</v>
      </c>
      <c r="J1824" s="11">
        <v>44105</v>
      </c>
      <c r="K1824" s="11">
        <v>46295</v>
      </c>
    </row>
    <row r="1825" spans="1:11" x14ac:dyDescent="0.4">
      <c r="A1825" s="8" t="s">
        <v>11818</v>
      </c>
      <c r="B1825" s="8" t="s">
        <v>48</v>
      </c>
      <c r="C1825" s="9" t="s">
        <v>17756</v>
      </c>
      <c r="D1825" s="9" t="s">
        <v>15032</v>
      </c>
      <c r="E1825" s="10" t="s">
        <v>8531</v>
      </c>
      <c r="F1825" s="10" t="s">
        <v>17757</v>
      </c>
      <c r="G1825" s="8" t="s">
        <v>15767</v>
      </c>
      <c r="H1825" s="8" t="s">
        <v>17758</v>
      </c>
      <c r="I1825" s="11">
        <v>44105</v>
      </c>
      <c r="J1825" s="11">
        <v>44105</v>
      </c>
      <c r="K1825" s="11">
        <v>46538</v>
      </c>
    </row>
    <row r="1826" spans="1:11" x14ac:dyDescent="0.4">
      <c r="A1826" s="8" t="s">
        <v>11818</v>
      </c>
      <c r="B1826" s="8" t="s">
        <v>48</v>
      </c>
      <c r="C1826" s="9" t="s">
        <v>3562</v>
      </c>
      <c r="D1826" s="9" t="s">
        <v>17759</v>
      </c>
      <c r="E1826" s="10" t="s">
        <v>17760</v>
      </c>
      <c r="F1826" s="10"/>
      <c r="G1826" s="8"/>
      <c r="H1826" s="8" t="s">
        <v>611</v>
      </c>
      <c r="I1826" s="11">
        <v>44105</v>
      </c>
      <c r="J1826" s="11">
        <v>44105</v>
      </c>
      <c r="K1826" s="11">
        <v>46356</v>
      </c>
    </row>
    <row r="1827" spans="1:11" x14ac:dyDescent="0.4">
      <c r="A1827" s="8" t="s">
        <v>11818</v>
      </c>
      <c r="B1827" s="8" t="s">
        <v>48</v>
      </c>
      <c r="C1827" s="9" t="s">
        <v>17761</v>
      </c>
      <c r="D1827" s="9" t="s">
        <v>17762</v>
      </c>
      <c r="E1827" s="10" t="s">
        <v>16257</v>
      </c>
      <c r="F1827" s="10" t="s">
        <v>17763</v>
      </c>
      <c r="G1827" s="8" t="s">
        <v>17764</v>
      </c>
      <c r="H1827" s="8" t="s">
        <v>17765</v>
      </c>
      <c r="I1827" s="11">
        <v>44110</v>
      </c>
      <c r="J1827" s="11">
        <v>44110</v>
      </c>
      <c r="K1827" s="11">
        <v>46660</v>
      </c>
    </row>
    <row r="1828" spans="1:11" x14ac:dyDescent="0.4">
      <c r="A1828" s="8" t="s">
        <v>11818</v>
      </c>
      <c r="B1828" s="8" t="s">
        <v>1926</v>
      </c>
      <c r="C1828" s="9" t="s">
        <v>17766</v>
      </c>
      <c r="D1828" s="9" t="s">
        <v>17767</v>
      </c>
      <c r="E1828" s="10"/>
      <c r="F1828" s="10"/>
      <c r="G1828" s="8"/>
      <c r="H1828" s="8" t="s">
        <v>17768</v>
      </c>
      <c r="I1828" s="11">
        <v>44111</v>
      </c>
      <c r="J1828" s="11">
        <v>44111</v>
      </c>
      <c r="K1828" s="11">
        <v>46568</v>
      </c>
    </row>
    <row r="1829" spans="1:11" x14ac:dyDescent="0.4">
      <c r="A1829" s="8" t="s">
        <v>11818</v>
      </c>
      <c r="B1829" s="8" t="s">
        <v>2044</v>
      </c>
      <c r="C1829" s="9" t="s">
        <v>17769</v>
      </c>
      <c r="D1829" s="9" t="s">
        <v>17556</v>
      </c>
      <c r="E1829" s="10"/>
      <c r="F1829" s="10" t="s">
        <v>17770</v>
      </c>
      <c r="G1829" s="8" t="s">
        <v>17771</v>
      </c>
      <c r="H1829" s="8" t="s">
        <v>17772</v>
      </c>
      <c r="I1829" s="11">
        <v>44111</v>
      </c>
      <c r="J1829" s="11">
        <v>44111</v>
      </c>
      <c r="K1829" s="11">
        <v>46356</v>
      </c>
    </row>
    <row r="1830" spans="1:11" x14ac:dyDescent="0.4">
      <c r="A1830" s="8" t="s">
        <v>11818</v>
      </c>
      <c r="B1830" s="8" t="s">
        <v>48</v>
      </c>
      <c r="C1830" s="9" t="s">
        <v>17773</v>
      </c>
      <c r="D1830" s="9" t="s">
        <v>12812</v>
      </c>
      <c r="E1830" s="10" t="s">
        <v>13826</v>
      </c>
      <c r="F1830" s="10" t="s">
        <v>17774</v>
      </c>
      <c r="G1830" s="8" t="s">
        <v>17775</v>
      </c>
      <c r="H1830" s="8" t="s">
        <v>17776</v>
      </c>
      <c r="I1830" s="11">
        <v>44111</v>
      </c>
      <c r="J1830" s="11">
        <v>44111</v>
      </c>
      <c r="K1830" s="11">
        <v>46538</v>
      </c>
    </row>
    <row r="1831" spans="1:11" x14ac:dyDescent="0.4">
      <c r="A1831" s="8" t="s">
        <v>11818</v>
      </c>
      <c r="B1831" s="8" t="s">
        <v>48</v>
      </c>
      <c r="C1831" s="9" t="s">
        <v>17777</v>
      </c>
      <c r="D1831" s="9" t="s">
        <v>12812</v>
      </c>
      <c r="E1831" s="10" t="s">
        <v>13826</v>
      </c>
      <c r="F1831" s="10" t="s">
        <v>17774</v>
      </c>
      <c r="G1831" s="8" t="s">
        <v>17775</v>
      </c>
      <c r="H1831" s="8" t="s">
        <v>17778</v>
      </c>
      <c r="I1831" s="11">
        <v>44111</v>
      </c>
      <c r="J1831" s="11">
        <v>44111</v>
      </c>
      <c r="K1831" s="11">
        <v>46538</v>
      </c>
    </row>
    <row r="1832" spans="1:11" x14ac:dyDescent="0.4">
      <c r="A1832" s="8" t="s">
        <v>11818</v>
      </c>
      <c r="B1832" s="8" t="s">
        <v>633</v>
      </c>
      <c r="C1832" s="9" t="s">
        <v>17779</v>
      </c>
      <c r="D1832" s="9" t="s">
        <v>17780</v>
      </c>
      <c r="E1832" s="10"/>
      <c r="F1832" s="10" t="s">
        <v>17781</v>
      </c>
      <c r="G1832" s="8" t="s">
        <v>17782</v>
      </c>
      <c r="H1832" s="8" t="s">
        <v>17783</v>
      </c>
      <c r="I1832" s="11">
        <v>44112</v>
      </c>
      <c r="J1832" s="11">
        <v>44112</v>
      </c>
      <c r="K1832" s="11">
        <v>46477</v>
      </c>
    </row>
    <row r="1833" spans="1:11" x14ac:dyDescent="0.4">
      <c r="A1833" s="8" t="s">
        <v>11818</v>
      </c>
      <c r="B1833" s="8" t="s">
        <v>698</v>
      </c>
      <c r="C1833" s="9" t="s">
        <v>17784</v>
      </c>
      <c r="D1833" s="9" t="s">
        <v>17785</v>
      </c>
      <c r="E1833" s="10"/>
      <c r="F1833" s="10"/>
      <c r="G1833" s="8"/>
      <c r="H1833" s="8" t="s">
        <v>17786</v>
      </c>
      <c r="I1833" s="11">
        <v>44113</v>
      </c>
      <c r="J1833" s="11">
        <v>44113</v>
      </c>
      <c r="K1833" s="11">
        <v>46326</v>
      </c>
    </row>
    <row r="1834" spans="1:11" x14ac:dyDescent="0.4">
      <c r="A1834" s="8" t="s">
        <v>11818</v>
      </c>
      <c r="B1834" s="8" t="s">
        <v>48</v>
      </c>
      <c r="C1834" s="9" t="s">
        <v>17787</v>
      </c>
      <c r="D1834" s="9" t="s">
        <v>14366</v>
      </c>
      <c r="E1834" s="10" t="s">
        <v>17788</v>
      </c>
      <c r="F1834" s="10"/>
      <c r="G1834" s="8"/>
      <c r="H1834" s="8" t="s">
        <v>17789</v>
      </c>
      <c r="I1834" s="11">
        <v>44113</v>
      </c>
      <c r="J1834" s="11">
        <v>44113</v>
      </c>
      <c r="K1834" s="11">
        <v>45991</v>
      </c>
    </row>
    <row r="1835" spans="1:11" x14ac:dyDescent="0.4">
      <c r="A1835" s="8" t="s">
        <v>11818</v>
      </c>
      <c r="B1835" s="8" t="s">
        <v>633</v>
      </c>
      <c r="C1835" s="9" t="s">
        <v>17790</v>
      </c>
      <c r="D1835" s="9" t="s">
        <v>17594</v>
      </c>
      <c r="E1835" s="10" t="s">
        <v>17791</v>
      </c>
      <c r="F1835" s="10"/>
      <c r="G1835" s="8"/>
      <c r="H1835" s="8" t="s">
        <v>17792</v>
      </c>
      <c r="I1835" s="11">
        <v>44117</v>
      </c>
      <c r="J1835" s="11">
        <v>44117</v>
      </c>
      <c r="K1835" s="11">
        <v>46356</v>
      </c>
    </row>
    <row r="1836" spans="1:11" x14ac:dyDescent="0.4">
      <c r="A1836" s="8" t="s">
        <v>11818</v>
      </c>
      <c r="B1836" s="8" t="s">
        <v>5454</v>
      </c>
      <c r="C1836" s="9" t="s">
        <v>17793</v>
      </c>
      <c r="D1836" s="9" t="s">
        <v>12973</v>
      </c>
      <c r="E1836" s="10" t="s">
        <v>17794</v>
      </c>
      <c r="F1836" s="10"/>
      <c r="G1836" s="8"/>
      <c r="H1836" s="8" t="s">
        <v>17795</v>
      </c>
      <c r="I1836" s="11">
        <v>44117</v>
      </c>
      <c r="J1836" s="11">
        <v>44117</v>
      </c>
      <c r="K1836" s="11">
        <v>46356</v>
      </c>
    </row>
    <row r="1837" spans="1:11" x14ac:dyDescent="0.4">
      <c r="A1837" s="8" t="s">
        <v>11818</v>
      </c>
      <c r="B1837" s="8" t="s">
        <v>633</v>
      </c>
      <c r="C1837" s="9" t="s">
        <v>17796</v>
      </c>
      <c r="D1837" s="9" t="s">
        <v>17797</v>
      </c>
      <c r="E1837" s="10"/>
      <c r="F1837" s="10"/>
      <c r="G1837" s="8"/>
      <c r="H1837" s="8" t="s">
        <v>17798</v>
      </c>
      <c r="I1837" s="11">
        <v>44117</v>
      </c>
      <c r="J1837" s="11">
        <v>44117</v>
      </c>
      <c r="K1837" s="11">
        <v>46295</v>
      </c>
    </row>
    <row r="1838" spans="1:11" x14ac:dyDescent="0.4">
      <c r="A1838" s="8" t="s">
        <v>11818</v>
      </c>
      <c r="B1838" s="8" t="s">
        <v>48</v>
      </c>
      <c r="C1838" s="9" t="s">
        <v>17799</v>
      </c>
      <c r="D1838" s="9" t="s">
        <v>12078</v>
      </c>
      <c r="E1838" s="10"/>
      <c r="F1838" s="10"/>
      <c r="G1838" s="8"/>
      <c r="H1838" s="8" t="s">
        <v>17800</v>
      </c>
      <c r="I1838" s="11">
        <v>44118</v>
      </c>
      <c r="J1838" s="11">
        <v>44118</v>
      </c>
      <c r="K1838" s="11">
        <v>46295</v>
      </c>
    </row>
    <row r="1839" spans="1:11" x14ac:dyDescent="0.4">
      <c r="A1839" s="8" t="s">
        <v>11818</v>
      </c>
      <c r="B1839" s="8" t="s">
        <v>633</v>
      </c>
      <c r="C1839" s="9" t="s">
        <v>17801</v>
      </c>
      <c r="D1839" s="9" t="s">
        <v>17802</v>
      </c>
      <c r="E1839" s="10"/>
      <c r="F1839" s="10"/>
      <c r="G1839" s="8"/>
      <c r="H1839" s="8" t="s">
        <v>17803</v>
      </c>
      <c r="I1839" s="11">
        <v>44118</v>
      </c>
      <c r="J1839" s="11">
        <v>44118</v>
      </c>
      <c r="K1839" s="11">
        <v>46660</v>
      </c>
    </row>
    <row r="1840" spans="1:11" x14ac:dyDescent="0.4">
      <c r="A1840" s="8" t="s">
        <v>11818</v>
      </c>
      <c r="B1840" s="8" t="s">
        <v>2044</v>
      </c>
      <c r="C1840" s="9" t="s">
        <v>17804</v>
      </c>
      <c r="D1840" s="9" t="s">
        <v>17805</v>
      </c>
      <c r="E1840" s="10"/>
      <c r="F1840" s="10"/>
      <c r="G1840" s="8"/>
      <c r="H1840" s="8" t="s">
        <v>17806</v>
      </c>
      <c r="I1840" s="11">
        <v>44120</v>
      </c>
      <c r="J1840" s="11">
        <v>44120</v>
      </c>
      <c r="K1840" s="11">
        <v>46356</v>
      </c>
    </row>
    <row r="1841" spans="1:11" x14ac:dyDescent="0.4">
      <c r="A1841" s="8" t="s">
        <v>11818</v>
      </c>
      <c r="B1841" s="8" t="s">
        <v>1871</v>
      </c>
      <c r="C1841" s="9" t="s">
        <v>17807</v>
      </c>
      <c r="D1841" s="9" t="s">
        <v>1332</v>
      </c>
      <c r="E1841" s="10"/>
      <c r="F1841" s="10" t="s">
        <v>17808</v>
      </c>
      <c r="G1841" s="8" t="s">
        <v>14490</v>
      </c>
      <c r="H1841" s="8" t="s">
        <v>17809</v>
      </c>
      <c r="I1841" s="11">
        <v>44124</v>
      </c>
      <c r="J1841" s="11">
        <v>44124</v>
      </c>
      <c r="K1841" s="11">
        <v>46173</v>
      </c>
    </row>
    <row r="1842" spans="1:11" x14ac:dyDescent="0.4">
      <c r="A1842" s="8" t="s">
        <v>11818</v>
      </c>
      <c r="B1842" s="8" t="s">
        <v>1926</v>
      </c>
      <c r="C1842" s="9" t="s">
        <v>17810</v>
      </c>
      <c r="D1842" s="9" t="s">
        <v>17811</v>
      </c>
      <c r="E1842" s="10"/>
      <c r="F1842" s="10" t="s">
        <v>17812</v>
      </c>
      <c r="G1842" s="8" t="s">
        <v>17813</v>
      </c>
      <c r="H1842" s="8" t="s">
        <v>17814</v>
      </c>
      <c r="I1842" s="11">
        <v>44126</v>
      </c>
      <c r="J1842" s="11">
        <v>44126</v>
      </c>
      <c r="K1842" s="11">
        <v>46203</v>
      </c>
    </row>
    <row r="1843" spans="1:11" x14ac:dyDescent="0.4">
      <c r="A1843" s="8" t="s">
        <v>11818</v>
      </c>
      <c r="B1843" s="8" t="s">
        <v>6444</v>
      </c>
      <c r="C1843" s="9" t="s">
        <v>17815</v>
      </c>
      <c r="D1843" s="9" t="s">
        <v>17816</v>
      </c>
      <c r="E1843" s="10" t="s">
        <v>17817</v>
      </c>
      <c r="F1843" s="10"/>
      <c r="G1843" s="8"/>
      <c r="H1843" s="8" t="s">
        <v>17818</v>
      </c>
      <c r="I1843" s="11">
        <v>44126</v>
      </c>
      <c r="J1843" s="11">
        <v>44126</v>
      </c>
      <c r="K1843" s="11">
        <v>46326</v>
      </c>
    </row>
    <row r="1844" spans="1:11" x14ac:dyDescent="0.4">
      <c r="A1844" s="8" t="s">
        <v>11818</v>
      </c>
      <c r="B1844" s="8" t="s">
        <v>48</v>
      </c>
      <c r="C1844" s="9" t="s">
        <v>10465</v>
      </c>
      <c r="D1844" s="9" t="s">
        <v>17819</v>
      </c>
      <c r="E1844" s="10" t="s">
        <v>3613</v>
      </c>
      <c r="F1844" s="10"/>
      <c r="G1844" s="8"/>
      <c r="H1844" s="8" t="s">
        <v>17820</v>
      </c>
      <c r="I1844" s="11">
        <v>44127</v>
      </c>
      <c r="J1844" s="11">
        <v>44127</v>
      </c>
      <c r="K1844" s="11">
        <v>46356</v>
      </c>
    </row>
    <row r="1845" spans="1:11" x14ac:dyDescent="0.4">
      <c r="A1845" s="8" t="s">
        <v>11818</v>
      </c>
      <c r="B1845" s="8" t="s">
        <v>3441</v>
      </c>
      <c r="C1845" s="9" t="s">
        <v>17821</v>
      </c>
      <c r="D1845" s="9" t="s">
        <v>17822</v>
      </c>
      <c r="E1845" s="10"/>
      <c r="F1845" s="10" t="s">
        <v>17823</v>
      </c>
      <c r="G1845" s="8" t="s">
        <v>17824</v>
      </c>
      <c r="H1845" s="8" t="s">
        <v>17825</v>
      </c>
      <c r="I1845" s="11">
        <v>44127</v>
      </c>
      <c r="J1845" s="11">
        <v>44127</v>
      </c>
      <c r="K1845" s="11">
        <v>46477</v>
      </c>
    </row>
    <row r="1846" spans="1:11" x14ac:dyDescent="0.4">
      <c r="A1846" s="8" t="s">
        <v>11818</v>
      </c>
      <c r="B1846" s="8" t="s">
        <v>48</v>
      </c>
      <c r="C1846" s="9" t="s">
        <v>17826</v>
      </c>
      <c r="D1846" s="9" t="s">
        <v>12818</v>
      </c>
      <c r="E1846" s="10" t="s">
        <v>17827</v>
      </c>
      <c r="F1846" s="10"/>
      <c r="G1846" s="8"/>
      <c r="H1846" s="8" t="s">
        <v>17828</v>
      </c>
      <c r="I1846" s="11">
        <v>44127</v>
      </c>
      <c r="J1846" s="11">
        <v>44127</v>
      </c>
      <c r="K1846" s="11">
        <v>46660</v>
      </c>
    </row>
    <row r="1847" spans="1:11" x14ac:dyDescent="0.4">
      <c r="A1847" s="8" t="s">
        <v>11818</v>
      </c>
      <c r="B1847" s="8" t="s">
        <v>48</v>
      </c>
      <c r="C1847" s="9" t="s">
        <v>17829</v>
      </c>
      <c r="D1847" s="9" t="s">
        <v>14504</v>
      </c>
      <c r="E1847" s="10" t="s">
        <v>17830</v>
      </c>
      <c r="F1847" s="10"/>
      <c r="G1847" s="8"/>
      <c r="H1847" s="8" t="s">
        <v>17831</v>
      </c>
      <c r="I1847" s="11">
        <v>44127</v>
      </c>
      <c r="J1847" s="11">
        <v>44127</v>
      </c>
      <c r="K1847" s="11">
        <v>46356</v>
      </c>
    </row>
    <row r="1848" spans="1:11" x14ac:dyDescent="0.4">
      <c r="A1848" s="8" t="s">
        <v>11818</v>
      </c>
      <c r="B1848" s="8" t="s">
        <v>5454</v>
      </c>
      <c r="C1848" s="9" t="s">
        <v>17832</v>
      </c>
      <c r="D1848" s="9" t="s">
        <v>14231</v>
      </c>
      <c r="E1848" s="10" t="s">
        <v>17833</v>
      </c>
      <c r="F1848" s="10"/>
      <c r="G1848" s="8"/>
      <c r="H1848" s="8" t="s">
        <v>17834</v>
      </c>
      <c r="I1848" s="11">
        <v>44131</v>
      </c>
      <c r="J1848" s="11">
        <v>44131</v>
      </c>
      <c r="K1848" s="11">
        <v>46173</v>
      </c>
    </row>
    <row r="1849" spans="1:11" x14ac:dyDescent="0.4">
      <c r="A1849" s="8" t="s">
        <v>11818</v>
      </c>
      <c r="B1849" s="8" t="s">
        <v>48</v>
      </c>
      <c r="C1849" s="9" t="s">
        <v>17835</v>
      </c>
      <c r="D1849" s="9" t="s">
        <v>17836</v>
      </c>
      <c r="E1849" s="10"/>
      <c r="F1849" s="10" t="s">
        <v>17837</v>
      </c>
      <c r="G1849" s="8"/>
      <c r="H1849" s="8" t="s">
        <v>17838</v>
      </c>
      <c r="I1849" s="11">
        <v>44133</v>
      </c>
      <c r="J1849" s="11">
        <v>44133</v>
      </c>
      <c r="K1849" s="11">
        <v>46477</v>
      </c>
    </row>
    <row r="1850" spans="1:11" x14ac:dyDescent="0.4">
      <c r="A1850" s="8" t="s">
        <v>11818</v>
      </c>
      <c r="B1850" s="8" t="s">
        <v>48</v>
      </c>
      <c r="C1850" s="9" t="s">
        <v>17839</v>
      </c>
      <c r="D1850" s="9" t="s">
        <v>17840</v>
      </c>
      <c r="E1850" s="10"/>
      <c r="F1850" s="10"/>
      <c r="G1850" s="8"/>
      <c r="H1850" s="8" t="s">
        <v>17841</v>
      </c>
      <c r="I1850" s="11">
        <v>44133</v>
      </c>
      <c r="J1850" s="11">
        <v>44133</v>
      </c>
      <c r="K1850" s="11">
        <v>45991</v>
      </c>
    </row>
    <row r="1851" spans="1:11" x14ac:dyDescent="0.4">
      <c r="A1851" s="8" t="s">
        <v>11818</v>
      </c>
      <c r="B1851" s="8" t="s">
        <v>698</v>
      </c>
      <c r="C1851" s="9" t="s">
        <v>17842</v>
      </c>
      <c r="D1851" s="9" t="s">
        <v>17843</v>
      </c>
      <c r="E1851" s="10"/>
      <c r="F1851" s="10" t="s">
        <v>17844</v>
      </c>
      <c r="G1851" s="8" t="s">
        <v>17845</v>
      </c>
      <c r="H1851" s="8" t="s">
        <v>17846</v>
      </c>
      <c r="I1851" s="11">
        <v>44147</v>
      </c>
      <c r="J1851" s="11">
        <v>44147</v>
      </c>
      <c r="K1851" s="11">
        <v>46568</v>
      </c>
    </row>
    <row r="1852" spans="1:11" x14ac:dyDescent="0.4">
      <c r="A1852" s="8" t="s">
        <v>11818</v>
      </c>
      <c r="B1852" s="8" t="s">
        <v>5383</v>
      </c>
      <c r="C1852" s="9" t="s">
        <v>17847</v>
      </c>
      <c r="D1852" s="9" t="s">
        <v>17848</v>
      </c>
      <c r="E1852" s="10"/>
      <c r="F1852" s="10" t="s">
        <v>17849</v>
      </c>
      <c r="G1852" s="8" t="s">
        <v>17850</v>
      </c>
      <c r="H1852" s="8" t="s">
        <v>17851</v>
      </c>
      <c r="I1852" s="11">
        <v>44136</v>
      </c>
      <c r="J1852" s="11">
        <v>44136</v>
      </c>
      <c r="K1852" s="11">
        <v>46477</v>
      </c>
    </row>
    <row r="1853" spans="1:11" x14ac:dyDescent="0.4">
      <c r="A1853" s="8" t="s">
        <v>11818</v>
      </c>
      <c r="B1853" s="8" t="s">
        <v>5454</v>
      </c>
      <c r="C1853" s="9" t="s">
        <v>17852</v>
      </c>
      <c r="D1853" s="9" t="s">
        <v>17340</v>
      </c>
      <c r="E1853" s="10" t="s">
        <v>17853</v>
      </c>
      <c r="F1853" s="10"/>
      <c r="G1853" s="8"/>
      <c r="H1853" s="8" t="s">
        <v>17854</v>
      </c>
      <c r="I1853" s="11">
        <v>44135</v>
      </c>
      <c r="J1853" s="11">
        <v>44135</v>
      </c>
      <c r="K1853" s="11">
        <v>46356</v>
      </c>
    </row>
    <row r="1854" spans="1:11" x14ac:dyDescent="0.4">
      <c r="A1854" s="8" t="s">
        <v>11818</v>
      </c>
      <c r="B1854" s="8" t="s">
        <v>48</v>
      </c>
      <c r="C1854" s="9" t="s">
        <v>17855</v>
      </c>
      <c r="D1854" s="9" t="s">
        <v>17856</v>
      </c>
      <c r="E1854" s="10"/>
      <c r="F1854" s="10"/>
      <c r="G1854" s="8"/>
      <c r="H1854" s="8" t="s">
        <v>17857</v>
      </c>
      <c r="I1854" s="11">
        <v>44145</v>
      </c>
      <c r="J1854" s="11">
        <v>44145</v>
      </c>
      <c r="K1854" s="11">
        <v>46295</v>
      </c>
    </row>
    <row r="1855" spans="1:11" x14ac:dyDescent="0.4">
      <c r="A1855" s="8" t="s">
        <v>11818</v>
      </c>
      <c r="B1855" s="8" t="s">
        <v>1871</v>
      </c>
      <c r="C1855" s="9" t="s">
        <v>17858</v>
      </c>
      <c r="D1855" s="9" t="s">
        <v>1332</v>
      </c>
      <c r="E1855" s="10"/>
      <c r="F1855" s="10"/>
      <c r="G1855" s="8"/>
      <c r="H1855" s="8" t="s">
        <v>17859</v>
      </c>
      <c r="I1855" s="11">
        <v>44140</v>
      </c>
      <c r="J1855" s="11">
        <v>44140</v>
      </c>
      <c r="K1855" s="11">
        <v>46173</v>
      </c>
    </row>
    <row r="1856" spans="1:11" x14ac:dyDescent="0.4">
      <c r="A1856" s="8" t="s">
        <v>11818</v>
      </c>
      <c r="B1856" s="8" t="s">
        <v>48</v>
      </c>
      <c r="C1856" s="9" t="s">
        <v>17860</v>
      </c>
      <c r="D1856" s="9" t="s">
        <v>17861</v>
      </c>
      <c r="E1856" s="10" t="s">
        <v>7078</v>
      </c>
      <c r="F1856" s="10"/>
      <c r="G1856" s="8"/>
      <c r="H1856" s="8" t="s">
        <v>17862</v>
      </c>
      <c r="I1856" s="11">
        <v>44140</v>
      </c>
      <c r="J1856" s="11">
        <v>44140</v>
      </c>
      <c r="K1856" s="11">
        <v>45991</v>
      </c>
    </row>
    <row r="1857" spans="1:11" x14ac:dyDescent="0.4">
      <c r="A1857" s="8" t="s">
        <v>11818</v>
      </c>
      <c r="B1857" s="8" t="s">
        <v>48</v>
      </c>
      <c r="C1857" s="9" t="s">
        <v>17863</v>
      </c>
      <c r="D1857" s="9" t="s">
        <v>14135</v>
      </c>
      <c r="E1857" s="10" t="s">
        <v>17864</v>
      </c>
      <c r="F1857" s="10" t="s">
        <v>17865</v>
      </c>
      <c r="G1857" s="8" t="s">
        <v>16903</v>
      </c>
      <c r="H1857" s="8" t="s">
        <v>17866</v>
      </c>
      <c r="I1857" s="11">
        <v>44145</v>
      </c>
      <c r="J1857" s="11">
        <v>44145</v>
      </c>
      <c r="K1857" s="11">
        <v>46538</v>
      </c>
    </row>
    <row r="1858" spans="1:11" x14ac:dyDescent="0.4">
      <c r="A1858" s="8" t="s">
        <v>11818</v>
      </c>
      <c r="B1858" s="8" t="s">
        <v>48</v>
      </c>
      <c r="C1858" s="9" t="s">
        <v>17867</v>
      </c>
      <c r="D1858" s="9" t="s">
        <v>15955</v>
      </c>
      <c r="E1858" s="10" t="s">
        <v>17868</v>
      </c>
      <c r="F1858" s="10"/>
      <c r="G1858" s="8"/>
      <c r="H1858" s="8" t="s">
        <v>17869</v>
      </c>
      <c r="I1858" s="11">
        <v>44145</v>
      </c>
      <c r="J1858" s="11">
        <v>44145</v>
      </c>
      <c r="K1858" s="11">
        <v>45991</v>
      </c>
    </row>
    <row r="1859" spans="1:11" x14ac:dyDescent="0.4">
      <c r="A1859" s="8" t="s">
        <v>11818</v>
      </c>
      <c r="B1859" s="8" t="s">
        <v>3441</v>
      </c>
      <c r="C1859" s="9" t="s">
        <v>17870</v>
      </c>
      <c r="D1859" s="9" t="s">
        <v>17871</v>
      </c>
      <c r="E1859" s="10"/>
      <c r="F1859" s="10"/>
      <c r="G1859" s="8"/>
      <c r="H1859" s="8" t="s">
        <v>17872</v>
      </c>
      <c r="I1859" s="11">
        <v>44146</v>
      </c>
      <c r="J1859" s="11">
        <v>44146</v>
      </c>
      <c r="K1859" s="11">
        <v>46568</v>
      </c>
    </row>
    <row r="1860" spans="1:11" x14ac:dyDescent="0.4">
      <c r="A1860" s="8" t="s">
        <v>11818</v>
      </c>
      <c r="B1860" s="8" t="s">
        <v>48</v>
      </c>
      <c r="C1860" s="9" t="s">
        <v>17873</v>
      </c>
      <c r="D1860" s="9" t="s">
        <v>17874</v>
      </c>
      <c r="E1860" s="10" t="s">
        <v>17875</v>
      </c>
      <c r="F1860" s="10"/>
      <c r="G1860" s="8"/>
      <c r="H1860" s="8" t="s">
        <v>17876</v>
      </c>
      <c r="I1860" s="11">
        <v>44147</v>
      </c>
      <c r="J1860" s="11">
        <v>44147</v>
      </c>
      <c r="K1860" s="11">
        <v>46660</v>
      </c>
    </row>
    <row r="1861" spans="1:11" x14ac:dyDescent="0.4">
      <c r="A1861" s="8" t="s">
        <v>11818</v>
      </c>
      <c r="B1861" s="8" t="s">
        <v>2044</v>
      </c>
      <c r="C1861" s="9" t="s">
        <v>17877</v>
      </c>
      <c r="D1861" s="9" t="s">
        <v>17878</v>
      </c>
      <c r="E1861" s="10"/>
      <c r="F1861" s="10"/>
      <c r="G1861" s="8"/>
      <c r="H1861" s="8" t="s">
        <v>17879</v>
      </c>
      <c r="I1861" s="11">
        <v>44146</v>
      </c>
      <c r="J1861" s="11">
        <v>44146</v>
      </c>
      <c r="K1861" s="11">
        <v>45991</v>
      </c>
    </row>
    <row r="1862" spans="1:11" x14ac:dyDescent="0.4">
      <c r="A1862" s="8" t="s">
        <v>11818</v>
      </c>
      <c r="B1862" s="8" t="s">
        <v>2044</v>
      </c>
      <c r="C1862" s="9" t="s">
        <v>3431</v>
      </c>
      <c r="D1862" s="9" t="s">
        <v>13931</v>
      </c>
      <c r="E1862" s="10"/>
      <c r="F1862" s="10"/>
      <c r="G1862" s="8"/>
      <c r="H1862" s="8" t="s">
        <v>17880</v>
      </c>
      <c r="I1862" s="11">
        <v>44160</v>
      </c>
      <c r="J1862" s="11">
        <v>44160</v>
      </c>
      <c r="K1862" s="11">
        <v>45991</v>
      </c>
    </row>
    <row r="1863" spans="1:11" x14ac:dyDescent="0.4">
      <c r="A1863" s="8" t="s">
        <v>11818</v>
      </c>
      <c r="B1863" s="8" t="s">
        <v>48</v>
      </c>
      <c r="C1863" s="9" t="s">
        <v>17881</v>
      </c>
      <c r="D1863" s="9" t="s">
        <v>17882</v>
      </c>
      <c r="E1863" s="10" t="s">
        <v>17883</v>
      </c>
      <c r="F1863" s="10" t="s">
        <v>17884</v>
      </c>
      <c r="G1863" s="8" t="s">
        <v>17885</v>
      </c>
      <c r="H1863" s="8" t="s">
        <v>17886</v>
      </c>
      <c r="I1863" s="11">
        <v>44148</v>
      </c>
      <c r="J1863" s="11">
        <v>44148</v>
      </c>
      <c r="K1863" s="11">
        <v>46356</v>
      </c>
    </row>
    <row r="1864" spans="1:11" x14ac:dyDescent="0.4">
      <c r="A1864" s="8" t="s">
        <v>11818</v>
      </c>
      <c r="B1864" s="8" t="s">
        <v>48</v>
      </c>
      <c r="C1864" s="9" t="s">
        <v>17887</v>
      </c>
      <c r="D1864" s="9" t="s">
        <v>17720</v>
      </c>
      <c r="E1864" s="10" t="s">
        <v>17888</v>
      </c>
      <c r="F1864" s="10"/>
      <c r="G1864" s="8"/>
      <c r="H1864" s="8" t="s">
        <v>17889</v>
      </c>
      <c r="I1864" s="11">
        <v>44148</v>
      </c>
      <c r="J1864" s="11">
        <v>44148</v>
      </c>
      <c r="K1864" s="11">
        <v>46507</v>
      </c>
    </row>
    <row r="1865" spans="1:11" x14ac:dyDescent="0.4">
      <c r="A1865" s="8" t="s">
        <v>11818</v>
      </c>
      <c r="B1865" s="8" t="s">
        <v>9278</v>
      </c>
      <c r="C1865" s="9" t="s">
        <v>17890</v>
      </c>
      <c r="D1865" s="9" t="s">
        <v>17720</v>
      </c>
      <c r="E1865" s="10" t="s">
        <v>17891</v>
      </c>
      <c r="F1865" s="10"/>
      <c r="G1865" s="8"/>
      <c r="H1865" s="8" t="s">
        <v>17892</v>
      </c>
      <c r="I1865" s="11">
        <v>44148</v>
      </c>
      <c r="J1865" s="11">
        <v>44148</v>
      </c>
      <c r="K1865" s="11">
        <v>46507</v>
      </c>
    </row>
    <row r="1866" spans="1:11" x14ac:dyDescent="0.4">
      <c r="A1866" s="8" t="s">
        <v>11818</v>
      </c>
      <c r="B1866" s="8" t="s">
        <v>633</v>
      </c>
      <c r="C1866" s="9" t="s">
        <v>17893</v>
      </c>
      <c r="D1866" s="9" t="s">
        <v>11437</v>
      </c>
      <c r="E1866" s="10" t="s">
        <v>6388</v>
      </c>
      <c r="F1866" s="10" t="s">
        <v>17894</v>
      </c>
      <c r="G1866" s="8" t="s">
        <v>17895</v>
      </c>
      <c r="H1866" s="8" t="s">
        <v>17896</v>
      </c>
      <c r="I1866" s="11">
        <v>44151</v>
      </c>
      <c r="J1866" s="11">
        <v>44151</v>
      </c>
      <c r="K1866" s="11">
        <v>47026</v>
      </c>
    </row>
    <row r="1867" spans="1:11" x14ac:dyDescent="0.4">
      <c r="A1867" s="8" t="s">
        <v>11818</v>
      </c>
      <c r="B1867" s="8" t="s">
        <v>48</v>
      </c>
      <c r="C1867" s="9" t="s">
        <v>17897</v>
      </c>
      <c r="D1867" s="9" t="s">
        <v>17898</v>
      </c>
      <c r="E1867" s="10" t="s">
        <v>17899</v>
      </c>
      <c r="F1867" s="10" t="s">
        <v>15963</v>
      </c>
      <c r="G1867" s="8" t="s">
        <v>15964</v>
      </c>
      <c r="H1867" s="8" t="s">
        <v>17900</v>
      </c>
      <c r="I1867" s="11">
        <v>44153</v>
      </c>
      <c r="J1867" s="11">
        <v>44153</v>
      </c>
      <c r="K1867" s="11">
        <v>46295</v>
      </c>
    </row>
    <row r="1868" spans="1:11" x14ac:dyDescent="0.4">
      <c r="A1868" s="8" t="s">
        <v>11818</v>
      </c>
      <c r="B1868" s="8" t="s">
        <v>1926</v>
      </c>
      <c r="C1868" s="9" t="s">
        <v>17901</v>
      </c>
      <c r="D1868" s="9" t="s">
        <v>14239</v>
      </c>
      <c r="E1868" s="10" t="s">
        <v>17902</v>
      </c>
      <c r="F1868" s="10" t="s">
        <v>17903</v>
      </c>
      <c r="G1868" s="8" t="s">
        <v>17904</v>
      </c>
      <c r="H1868" s="8" t="s">
        <v>17905</v>
      </c>
      <c r="I1868" s="11">
        <v>44152</v>
      </c>
      <c r="J1868" s="11">
        <v>44152</v>
      </c>
      <c r="K1868" s="11">
        <v>46507</v>
      </c>
    </row>
    <row r="1869" spans="1:11" x14ac:dyDescent="0.4">
      <c r="A1869" s="8" t="s">
        <v>11818</v>
      </c>
      <c r="B1869" s="8" t="s">
        <v>2044</v>
      </c>
      <c r="C1869" s="9" t="s">
        <v>796</v>
      </c>
      <c r="D1869" s="9" t="s">
        <v>17906</v>
      </c>
      <c r="E1869" s="10"/>
      <c r="F1869" s="10"/>
      <c r="G1869" s="8"/>
      <c r="H1869" s="8" t="s">
        <v>17907</v>
      </c>
      <c r="I1869" s="11">
        <v>44157</v>
      </c>
      <c r="J1869" s="11">
        <v>44157</v>
      </c>
      <c r="K1869" s="11">
        <v>46112</v>
      </c>
    </row>
    <row r="1870" spans="1:11" x14ac:dyDescent="0.4">
      <c r="A1870" s="8" t="s">
        <v>11818</v>
      </c>
      <c r="B1870" s="8" t="s">
        <v>2044</v>
      </c>
      <c r="C1870" s="9" t="s">
        <v>17908</v>
      </c>
      <c r="D1870" s="9" t="s">
        <v>17909</v>
      </c>
      <c r="E1870" s="10"/>
      <c r="F1870" s="10" t="s">
        <v>17910</v>
      </c>
      <c r="G1870" s="8" t="s">
        <v>17911</v>
      </c>
      <c r="H1870" s="8" t="s">
        <v>17912</v>
      </c>
      <c r="I1870" s="11">
        <v>44158</v>
      </c>
      <c r="J1870" s="11">
        <v>44158</v>
      </c>
      <c r="K1870" s="11">
        <v>46477</v>
      </c>
    </row>
    <row r="1871" spans="1:11" x14ac:dyDescent="0.4">
      <c r="A1871" s="8" t="s">
        <v>11818</v>
      </c>
      <c r="B1871" s="8" t="s">
        <v>633</v>
      </c>
      <c r="C1871" s="9" t="s">
        <v>17913</v>
      </c>
      <c r="D1871" s="9" t="s">
        <v>17914</v>
      </c>
      <c r="E1871" s="10"/>
      <c r="F1871" s="10"/>
      <c r="G1871" s="8"/>
      <c r="H1871" s="8" t="s">
        <v>17915</v>
      </c>
      <c r="I1871" s="11">
        <v>44154</v>
      </c>
      <c r="J1871" s="11">
        <v>44154</v>
      </c>
      <c r="K1871" s="11">
        <v>46112</v>
      </c>
    </row>
    <row r="1872" spans="1:11" x14ac:dyDescent="0.4">
      <c r="A1872" s="8" t="s">
        <v>11818</v>
      </c>
      <c r="B1872" s="8" t="s">
        <v>48</v>
      </c>
      <c r="C1872" s="9" t="s">
        <v>17916</v>
      </c>
      <c r="D1872" s="9" t="s">
        <v>17917</v>
      </c>
      <c r="E1872" s="10" t="s">
        <v>17918</v>
      </c>
      <c r="F1872" s="10" t="s">
        <v>17919</v>
      </c>
      <c r="G1872" s="8" t="s">
        <v>17920</v>
      </c>
      <c r="H1872" s="8" t="s">
        <v>17921</v>
      </c>
      <c r="I1872" s="11">
        <v>44160</v>
      </c>
      <c r="J1872" s="11">
        <v>44160</v>
      </c>
      <c r="K1872" s="11">
        <v>46538</v>
      </c>
    </row>
    <row r="1873" spans="1:11" x14ac:dyDescent="0.4">
      <c r="A1873" s="8" t="s">
        <v>11818</v>
      </c>
      <c r="B1873" s="8" t="s">
        <v>48</v>
      </c>
      <c r="C1873" s="9" t="s">
        <v>17922</v>
      </c>
      <c r="D1873" s="9" t="s">
        <v>14504</v>
      </c>
      <c r="E1873" s="10" t="s">
        <v>17923</v>
      </c>
      <c r="F1873" s="10"/>
      <c r="G1873" s="8"/>
      <c r="H1873" s="8" t="s">
        <v>17924</v>
      </c>
      <c r="I1873" s="11">
        <v>44160</v>
      </c>
      <c r="J1873" s="11">
        <v>44160</v>
      </c>
      <c r="K1873" s="11">
        <v>45991</v>
      </c>
    </row>
    <row r="1874" spans="1:11" x14ac:dyDescent="0.4">
      <c r="A1874" s="8" t="s">
        <v>11818</v>
      </c>
      <c r="B1874" s="8" t="s">
        <v>633</v>
      </c>
      <c r="C1874" s="9" t="s">
        <v>17925</v>
      </c>
      <c r="D1874" s="9" t="s">
        <v>17926</v>
      </c>
      <c r="E1874" s="10" t="s">
        <v>17927</v>
      </c>
      <c r="F1874" s="10" t="s">
        <v>2913</v>
      </c>
      <c r="G1874" s="8" t="s">
        <v>14583</v>
      </c>
      <c r="H1874" s="8" t="s">
        <v>17928</v>
      </c>
      <c r="I1874" s="11">
        <v>44166</v>
      </c>
      <c r="J1874" s="11">
        <v>44166</v>
      </c>
      <c r="K1874" s="11">
        <v>46873</v>
      </c>
    </row>
    <row r="1875" spans="1:11" x14ac:dyDescent="0.4">
      <c r="A1875" s="8" t="s">
        <v>11818</v>
      </c>
      <c r="B1875" s="8" t="s">
        <v>48</v>
      </c>
      <c r="C1875" s="9" t="s">
        <v>17929</v>
      </c>
      <c r="D1875" s="9" t="s">
        <v>13738</v>
      </c>
      <c r="E1875" s="10" t="s">
        <v>17930</v>
      </c>
      <c r="F1875" s="10"/>
      <c r="G1875" s="8"/>
      <c r="H1875" s="8" t="s">
        <v>17931</v>
      </c>
      <c r="I1875" s="11">
        <v>44166</v>
      </c>
      <c r="J1875" s="11">
        <v>44166</v>
      </c>
      <c r="K1875" s="11">
        <v>46356</v>
      </c>
    </row>
    <row r="1876" spans="1:11" x14ac:dyDescent="0.4">
      <c r="A1876" s="8" t="s">
        <v>11818</v>
      </c>
      <c r="B1876" s="8" t="s">
        <v>48</v>
      </c>
      <c r="C1876" s="9" t="s">
        <v>17932</v>
      </c>
      <c r="D1876" s="9" t="s">
        <v>17933</v>
      </c>
      <c r="E1876" s="10" t="s">
        <v>17934</v>
      </c>
      <c r="F1876" s="10"/>
      <c r="G1876" s="8"/>
      <c r="H1876" s="8" t="s">
        <v>17935</v>
      </c>
      <c r="I1876" s="11">
        <v>44166</v>
      </c>
      <c r="J1876" s="11">
        <v>44166</v>
      </c>
      <c r="K1876" s="11">
        <v>46356</v>
      </c>
    </row>
    <row r="1877" spans="1:11" x14ac:dyDescent="0.4">
      <c r="A1877" s="8" t="s">
        <v>11818</v>
      </c>
      <c r="B1877" s="8" t="s">
        <v>2044</v>
      </c>
      <c r="C1877" s="9" t="s">
        <v>1047</v>
      </c>
      <c r="D1877" s="9" t="s">
        <v>17936</v>
      </c>
      <c r="E1877" s="10" t="s">
        <v>47</v>
      </c>
      <c r="F1877" s="10" t="s">
        <v>1045</v>
      </c>
      <c r="G1877" s="8" t="s">
        <v>17937</v>
      </c>
      <c r="H1877" s="8" t="s">
        <v>17938</v>
      </c>
      <c r="I1877" s="11">
        <v>44167</v>
      </c>
      <c r="J1877" s="11">
        <v>44167</v>
      </c>
      <c r="K1877" s="11">
        <v>46326</v>
      </c>
    </row>
    <row r="1878" spans="1:11" x14ac:dyDescent="0.4">
      <c r="A1878" s="8" t="s">
        <v>11818</v>
      </c>
      <c r="B1878" s="8" t="s">
        <v>1871</v>
      </c>
      <c r="C1878" s="9" t="s">
        <v>17939</v>
      </c>
      <c r="D1878" s="9" t="s">
        <v>15365</v>
      </c>
      <c r="E1878" s="10"/>
      <c r="F1878" s="10"/>
      <c r="G1878" s="8"/>
      <c r="H1878" s="8" t="s">
        <v>17940</v>
      </c>
      <c r="I1878" s="11">
        <v>44167</v>
      </c>
      <c r="J1878" s="11">
        <v>44167</v>
      </c>
      <c r="K1878" s="11">
        <v>46173</v>
      </c>
    </row>
    <row r="1879" spans="1:11" x14ac:dyDescent="0.4">
      <c r="A1879" s="8" t="s">
        <v>11818</v>
      </c>
      <c r="B1879" s="8" t="s">
        <v>48</v>
      </c>
      <c r="C1879" s="9" t="s">
        <v>17941</v>
      </c>
      <c r="D1879" s="9" t="s">
        <v>17942</v>
      </c>
      <c r="E1879" s="10"/>
      <c r="F1879" s="10"/>
      <c r="G1879" s="8"/>
      <c r="H1879" s="8" t="s">
        <v>17943</v>
      </c>
      <c r="I1879" s="11">
        <v>44167</v>
      </c>
      <c r="J1879" s="11">
        <v>44167</v>
      </c>
      <c r="K1879" s="11">
        <v>46142</v>
      </c>
    </row>
    <row r="1880" spans="1:11" x14ac:dyDescent="0.4">
      <c r="A1880" s="8" t="s">
        <v>11818</v>
      </c>
      <c r="B1880" s="8" t="s">
        <v>48</v>
      </c>
      <c r="C1880" s="9" t="s">
        <v>17944</v>
      </c>
      <c r="D1880" s="9" t="s">
        <v>15386</v>
      </c>
      <c r="E1880" s="10" t="s">
        <v>17945</v>
      </c>
      <c r="F1880" s="10"/>
      <c r="G1880" s="8"/>
      <c r="H1880" s="8" t="s">
        <v>17946</v>
      </c>
      <c r="I1880" s="11">
        <v>44167</v>
      </c>
      <c r="J1880" s="11">
        <v>44167</v>
      </c>
      <c r="K1880" s="11">
        <v>46356</v>
      </c>
    </row>
    <row r="1881" spans="1:11" x14ac:dyDescent="0.4">
      <c r="A1881" s="8" t="s">
        <v>11818</v>
      </c>
      <c r="B1881" s="8" t="s">
        <v>5454</v>
      </c>
      <c r="C1881" s="9" t="s">
        <v>17947</v>
      </c>
      <c r="D1881" s="9" t="s">
        <v>17948</v>
      </c>
      <c r="E1881" s="10" t="s">
        <v>17949</v>
      </c>
      <c r="F1881" s="10" t="s">
        <v>17950</v>
      </c>
      <c r="G1881" s="8" t="s">
        <v>17951</v>
      </c>
      <c r="H1881" s="8" t="s">
        <v>17952</v>
      </c>
      <c r="I1881" s="11">
        <v>44168</v>
      </c>
      <c r="J1881" s="11">
        <v>44168</v>
      </c>
      <c r="K1881" s="11">
        <v>46721</v>
      </c>
    </row>
    <row r="1882" spans="1:11" x14ac:dyDescent="0.4">
      <c r="A1882" s="8" t="s">
        <v>11818</v>
      </c>
      <c r="B1882" s="8" t="s">
        <v>698</v>
      </c>
      <c r="C1882" s="9" t="s">
        <v>17953</v>
      </c>
      <c r="D1882" s="9" t="s">
        <v>17954</v>
      </c>
      <c r="E1882" s="10"/>
      <c r="F1882" s="10" t="s">
        <v>17955</v>
      </c>
      <c r="G1882" s="8" t="s">
        <v>17956</v>
      </c>
      <c r="H1882" s="8" t="s">
        <v>17957</v>
      </c>
      <c r="I1882" s="11">
        <v>44169</v>
      </c>
      <c r="J1882" s="11">
        <v>44169</v>
      </c>
      <c r="K1882" s="11">
        <v>46660</v>
      </c>
    </row>
    <row r="1883" spans="1:11" x14ac:dyDescent="0.4">
      <c r="A1883" s="8" t="s">
        <v>11818</v>
      </c>
      <c r="B1883" s="8" t="s">
        <v>2044</v>
      </c>
      <c r="C1883" s="9" t="s">
        <v>17958</v>
      </c>
      <c r="D1883" s="9" t="s">
        <v>11444</v>
      </c>
      <c r="E1883" s="10"/>
      <c r="F1883" s="10"/>
      <c r="G1883" s="8"/>
      <c r="H1883" s="8" t="s">
        <v>17959</v>
      </c>
      <c r="I1883" s="11">
        <v>44169</v>
      </c>
      <c r="J1883" s="11">
        <v>44169</v>
      </c>
      <c r="K1883" s="11">
        <v>46507</v>
      </c>
    </row>
    <row r="1884" spans="1:11" x14ac:dyDescent="0.4">
      <c r="A1884" s="8" t="s">
        <v>11818</v>
      </c>
      <c r="B1884" s="8" t="s">
        <v>633</v>
      </c>
      <c r="C1884" s="9" t="s">
        <v>17960</v>
      </c>
      <c r="D1884" s="9" t="s">
        <v>17961</v>
      </c>
      <c r="E1884" s="10"/>
      <c r="F1884" s="10" t="s">
        <v>15274</v>
      </c>
      <c r="G1884" s="8" t="s">
        <v>15275</v>
      </c>
      <c r="H1884" s="8" t="s">
        <v>17962</v>
      </c>
      <c r="I1884" s="11">
        <v>44173</v>
      </c>
      <c r="J1884" s="11">
        <v>44173</v>
      </c>
      <c r="K1884" s="11">
        <v>46477</v>
      </c>
    </row>
    <row r="1885" spans="1:11" x14ac:dyDescent="0.4">
      <c r="A1885" s="8" t="s">
        <v>11818</v>
      </c>
      <c r="B1885" s="8" t="s">
        <v>48</v>
      </c>
      <c r="C1885" s="9" t="s">
        <v>17963</v>
      </c>
      <c r="D1885" s="9" t="s">
        <v>14861</v>
      </c>
      <c r="E1885" s="10"/>
      <c r="F1885" s="10"/>
      <c r="G1885" s="8"/>
      <c r="H1885" s="8" t="s">
        <v>17964</v>
      </c>
      <c r="I1885" s="11">
        <v>44173</v>
      </c>
      <c r="J1885" s="11">
        <v>44173</v>
      </c>
      <c r="K1885" s="11">
        <v>46295</v>
      </c>
    </row>
    <row r="1886" spans="1:11" x14ac:dyDescent="0.4">
      <c r="A1886" s="8" t="s">
        <v>11818</v>
      </c>
      <c r="B1886" s="8" t="s">
        <v>3083</v>
      </c>
      <c r="C1886" s="9" t="s">
        <v>17965</v>
      </c>
      <c r="D1886" s="9" t="s">
        <v>17966</v>
      </c>
      <c r="E1886" s="10"/>
      <c r="F1886" s="10"/>
      <c r="G1886" s="8"/>
      <c r="H1886" s="8" t="s">
        <v>17967</v>
      </c>
      <c r="I1886" s="11">
        <v>44173</v>
      </c>
      <c r="J1886" s="11">
        <v>44173</v>
      </c>
      <c r="K1886" s="11">
        <v>46356</v>
      </c>
    </row>
    <row r="1887" spans="1:11" x14ac:dyDescent="0.4">
      <c r="A1887" s="8" t="s">
        <v>11818</v>
      </c>
      <c r="B1887" s="8" t="s">
        <v>48</v>
      </c>
      <c r="C1887" s="9" t="s">
        <v>17968</v>
      </c>
      <c r="D1887" s="9" t="s">
        <v>15955</v>
      </c>
      <c r="E1887" s="10" t="s">
        <v>17969</v>
      </c>
      <c r="F1887" s="10"/>
      <c r="G1887" s="8"/>
      <c r="H1887" s="8" t="s">
        <v>17970</v>
      </c>
      <c r="I1887" s="11">
        <v>44174</v>
      </c>
      <c r="J1887" s="11">
        <v>44174</v>
      </c>
      <c r="K1887" s="11">
        <v>46356</v>
      </c>
    </row>
    <row r="1888" spans="1:11" x14ac:dyDescent="0.4">
      <c r="A1888" s="8" t="s">
        <v>11818</v>
      </c>
      <c r="B1888" s="8" t="s">
        <v>793</v>
      </c>
      <c r="C1888" s="9" t="s">
        <v>17971</v>
      </c>
      <c r="D1888" s="9" t="s">
        <v>17972</v>
      </c>
      <c r="E1888" s="10"/>
      <c r="F1888" s="10"/>
      <c r="G1888" s="8"/>
      <c r="H1888" s="8" t="s">
        <v>17973</v>
      </c>
      <c r="I1888" s="11">
        <v>44175</v>
      </c>
      <c r="J1888" s="11">
        <v>44175</v>
      </c>
      <c r="K1888" s="11">
        <v>46507</v>
      </c>
    </row>
    <row r="1889" spans="1:11" x14ac:dyDescent="0.4">
      <c r="A1889" s="8" t="s">
        <v>11818</v>
      </c>
      <c r="B1889" s="8" t="s">
        <v>2044</v>
      </c>
      <c r="C1889" s="9" t="s">
        <v>2294</v>
      </c>
      <c r="D1889" s="9" t="s">
        <v>11505</v>
      </c>
      <c r="E1889" s="10"/>
      <c r="F1889" s="10" t="s">
        <v>2291</v>
      </c>
      <c r="G1889" s="8" t="s">
        <v>11506</v>
      </c>
      <c r="H1889" s="8" t="s">
        <v>17974</v>
      </c>
      <c r="I1889" s="11">
        <v>44175</v>
      </c>
      <c r="J1889" s="11">
        <v>44175</v>
      </c>
      <c r="K1889" s="11">
        <v>46691</v>
      </c>
    </row>
    <row r="1890" spans="1:11" x14ac:dyDescent="0.4">
      <c r="A1890" s="8" t="s">
        <v>11818</v>
      </c>
      <c r="B1890" s="8" t="s">
        <v>6444</v>
      </c>
      <c r="C1890" s="9" t="s">
        <v>17975</v>
      </c>
      <c r="D1890" s="9" t="s">
        <v>17976</v>
      </c>
      <c r="E1890" s="10" t="s">
        <v>17977</v>
      </c>
      <c r="F1890" s="10" t="s">
        <v>16397</v>
      </c>
      <c r="G1890" s="8" t="s">
        <v>17978</v>
      </c>
      <c r="H1890" s="8" t="s">
        <v>17979</v>
      </c>
      <c r="I1890" s="11">
        <v>44175</v>
      </c>
      <c r="J1890" s="11">
        <v>44175</v>
      </c>
      <c r="K1890" s="11">
        <v>46477</v>
      </c>
    </row>
    <row r="1891" spans="1:11" x14ac:dyDescent="0.4">
      <c r="A1891" s="8" t="s">
        <v>11818</v>
      </c>
      <c r="B1891" s="8" t="s">
        <v>48</v>
      </c>
      <c r="C1891" s="9" t="s">
        <v>17980</v>
      </c>
      <c r="D1891" s="9" t="s">
        <v>14518</v>
      </c>
      <c r="E1891" s="10" t="s">
        <v>17981</v>
      </c>
      <c r="F1891" s="10"/>
      <c r="G1891" s="8"/>
      <c r="H1891" s="8" t="s">
        <v>17982</v>
      </c>
      <c r="I1891" s="11">
        <v>44175</v>
      </c>
      <c r="J1891" s="11">
        <v>44175</v>
      </c>
      <c r="K1891" s="11">
        <v>46721</v>
      </c>
    </row>
    <row r="1892" spans="1:11" x14ac:dyDescent="0.4">
      <c r="A1892" s="8" t="s">
        <v>11818</v>
      </c>
      <c r="B1892" s="8" t="s">
        <v>1926</v>
      </c>
      <c r="C1892" s="9" t="s">
        <v>17983</v>
      </c>
      <c r="D1892" s="9" t="s">
        <v>17984</v>
      </c>
      <c r="E1892" s="10"/>
      <c r="F1892" s="10"/>
      <c r="G1892" s="8"/>
      <c r="H1892" s="8" t="s">
        <v>17985</v>
      </c>
      <c r="I1892" s="11">
        <v>44256</v>
      </c>
      <c r="J1892" s="11">
        <v>44256</v>
      </c>
      <c r="K1892" s="11">
        <v>46326</v>
      </c>
    </row>
    <row r="1893" spans="1:11" x14ac:dyDescent="0.4">
      <c r="A1893" s="8" t="s">
        <v>11818</v>
      </c>
      <c r="B1893" s="8" t="s">
        <v>2044</v>
      </c>
      <c r="C1893" s="9" t="s">
        <v>17986</v>
      </c>
      <c r="D1893" s="9" t="s">
        <v>17987</v>
      </c>
      <c r="E1893" s="10"/>
      <c r="F1893" s="10" t="s">
        <v>17747</v>
      </c>
      <c r="G1893" s="8" t="s">
        <v>17748</v>
      </c>
      <c r="H1893" s="8" t="s">
        <v>17988</v>
      </c>
      <c r="I1893" s="11">
        <v>44178</v>
      </c>
      <c r="J1893" s="11">
        <v>44178</v>
      </c>
      <c r="K1893" s="11">
        <v>46295</v>
      </c>
    </row>
    <row r="1894" spans="1:11" x14ac:dyDescent="0.4">
      <c r="A1894" s="8" t="s">
        <v>11818</v>
      </c>
      <c r="B1894" s="8" t="s">
        <v>633</v>
      </c>
      <c r="C1894" s="9" t="s">
        <v>17989</v>
      </c>
      <c r="D1894" s="9" t="s">
        <v>17990</v>
      </c>
      <c r="E1894" s="10" t="s">
        <v>17991</v>
      </c>
      <c r="F1894" s="10" t="s">
        <v>17992</v>
      </c>
      <c r="G1894" s="8" t="s">
        <v>17993</v>
      </c>
      <c r="H1894" s="8" t="s">
        <v>17994</v>
      </c>
      <c r="I1894" s="11">
        <v>44180</v>
      </c>
      <c r="J1894" s="11">
        <v>44180</v>
      </c>
      <c r="K1894" s="11">
        <v>46568</v>
      </c>
    </row>
    <row r="1895" spans="1:11" x14ac:dyDescent="0.4">
      <c r="A1895" s="8" t="s">
        <v>11818</v>
      </c>
      <c r="B1895" s="8" t="s">
        <v>2044</v>
      </c>
      <c r="C1895" s="9" t="s">
        <v>17995</v>
      </c>
      <c r="D1895" s="9" t="s">
        <v>17996</v>
      </c>
      <c r="E1895" s="10"/>
      <c r="F1895" s="10"/>
      <c r="G1895" s="8"/>
      <c r="H1895" s="8" t="s">
        <v>17997</v>
      </c>
      <c r="I1895" s="11">
        <v>44180</v>
      </c>
      <c r="J1895" s="11">
        <v>44180</v>
      </c>
      <c r="K1895" s="11">
        <v>46507</v>
      </c>
    </row>
    <row r="1896" spans="1:11" x14ac:dyDescent="0.4">
      <c r="A1896" s="8" t="s">
        <v>11818</v>
      </c>
      <c r="B1896" s="8" t="s">
        <v>48</v>
      </c>
      <c r="C1896" s="9" t="s">
        <v>17998</v>
      </c>
      <c r="D1896" s="9" t="s">
        <v>13288</v>
      </c>
      <c r="E1896" s="10" t="s">
        <v>255</v>
      </c>
      <c r="F1896" s="10" t="s">
        <v>17999</v>
      </c>
      <c r="G1896" s="8" t="s">
        <v>18000</v>
      </c>
      <c r="H1896" s="8" t="s">
        <v>18001</v>
      </c>
      <c r="I1896" s="11">
        <v>44189</v>
      </c>
      <c r="J1896" s="11">
        <v>44189</v>
      </c>
      <c r="K1896" s="11">
        <v>46538</v>
      </c>
    </row>
    <row r="1897" spans="1:11" x14ac:dyDescent="0.4">
      <c r="A1897" s="8" t="s">
        <v>11818</v>
      </c>
      <c r="B1897" s="8" t="s">
        <v>1871</v>
      </c>
      <c r="C1897" s="9" t="s">
        <v>18002</v>
      </c>
      <c r="D1897" s="9" t="s">
        <v>1332</v>
      </c>
      <c r="E1897" s="10"/>
      <c r="F1897" s="10" t="s">
        <v>17999</v>
      </c>
      <c r="G1897" s="8" t="s">
        <v>18000</v>
      </c>
      <c r="H1897" s="8" t="s">
        <v>18003</v>
      </c>
      <c r="I1897" s="11">
        <v>44189</v>
      </c>
      <c r="J1897" s="11">
        <v>44189</v>
      </c>
      <c r="K1897" s="11">
        <v>46173</v>
      </c>
    </row>
    <row r="1898" spans="1:11" x14ac:dyDescent="0.4">
      <c r="A1898" s="8" t="s">
        <v>11818</v>
      </c>
      <c r="B1898" s="8" t="s">
        <v>48</v>
      </c>
      <c r="C1898" s="9" t="s">
        <v>18004</v>
      </c>
      <c r="D1898" s="9" t="s">
        <v>18005</v>
      </c>
      <c r="E1898" s="10"/>
      <c r="F1898" s="10" t="s">
        <v>18006</v>
      </c>
      <c r="G1898" s="8" t="s">
        <v>16604</v>
      </c>
      <c r="H1898" s="8" t="s">
        <v>18007</v>
      </c>
      <c r="I1898" s="11">
        <v>44188</v>
      </c>
      <c r="J1898" s="11">
        <v>44188</v>
      </c>
      <c r="K1898" s="11">
        <v>46538</v>
      </c>
    </row>
    <row r="1899" spans="1:11" x14ac:dyDescent="0.4">
      <c r="A1899" s="8" t="s">
        <v>11818</v>
      </c>
      <c r="B1899" s="8" t="s">
        <v>5454</v>
      </c>
      <c r="C1899" s="9" t="s">
        <v>18008</v>
      </c>
      <c r="D1899" s="9" t="s">
        <v>16038</v>
      </c>
      <c r="E1899" s="10" t="s">
        <v>18009</v>
      </c>
      <c r="F1899" s="10" t="s">
        <v>18010</v>
      </c>
      <c r="G1899" s="8" t="s">
        <v>18011</v>
      </c>
      <c r="H1899" s="8" t="s">
        <v>18012</v>
      </c>
      <c r="I1899" s="11">
        <v>44187</v>
      </c>
      <c r="J1899" s="11">
        <v>44187</v>
      </c>
      <c r="K1899" s="11">
        <v>46721</v>
      </c>
    </row>
    <row r="1900" spans="1:11" x14ac:dyDescent="0.4">
      <c r="A1900" s="8" t="s">
        <v>11818</v>
      </c>
      <c r="B1900" s="8" t="s">
        <v>48</v>
      </c>
      <c r="C1900" s="9" t="s">
        <v>18013</v>
      </c>
      <c r="D1900" s="9" t="s">
        <v>15022</v>
      </c>
      <c r="E1900" s="10" t="s">
        <v>18014</v>
      </c>
      <c r="F1900" s="10"/>
      <c r="G1900" s="8"/>
      <c r="H1900" s="8" t="s">
        <v>18015</v>
      </c>
      <c r="I1900" s="11">
        <v>44187</v>
      </c>
      <c r="J1900" s="11">
        <v>44187</v>
      </c>
      <c r="K1900" s="11">
        <v>46721</v>
      </c>
    </row>
    <row r="1901" spans="1:11" x14ac:dyDescent="0.4">
      <c r="A1901" s="8" t="s">
        <v>11818</v>
      </c>
      <c r="B1901" s="8" t="s">
        <v>633</v>
      </c>
      <c r="C1901" s="9" t="s">
        <v>18016</v>
      </c>
      <c r="D1901" s="9" t="s">
        <v>18017</v>
      </c>
      <c r="E1901" s="10" t="s">
        <v>18018</v>
      </c>
      <c r="F1901" s="10" t="s">
        <v>14307</v>
      </c>
      <c r="G1901" s="8" t="s">
        <v>14308</v>
      </c>
      <c r="H1901" s="8" t="s">
        <v>18019</v>
      </c>
      <c r="I1901" s="11">
        <v>44197</v>
      </c>
      <c r="J1901" s="11">
        <v>44197</v>
      </c>
      <c r="K1901" s="11">
        <v>46142</v>
      </c>
    </row>
    <row r="1902" spans="1:11" x14ac:dyDescent="0.4">
      <c r="A1902" s="8" t="s">
        <v>11818</v>
      </c>
      <c r="B1902" s="8" t="s">
        <v>48</v>
      </c>
      <c r="C1902" s="9" t="s">
        <v>18020</v>
      </c>
      <c r="D1902" s="9" t="s">
        <v>17675</v>
      </c>
      <c r="E1902" s="10" t="s">
        <v>18021</v>
      </c>
      <c r="F1902" s="10"/>
      <c r="G1902" s="8"/>
      <c r="H1902" s="8" t="s">
        <v>18022</v>
      </c>
      <c r="I1902" s="11">
        <v>44188</v>
      </c>
      <c r="J1902" s="11">
        <v>44188</v>
      </c>
      <c r="K1902" s="11">
        <v>46356</v>
      </c>
    </row>
    <row r="1903" spans="1:11" x14ac:dyDescent="0.4">
      <c r="A1903" s="8" t="s">
        <v>11818</v>
      </c>
      <c r="B1903" s="8" t="s">
        <v>1871</v>
      </c>
      <c r="C1903" s="9" t="s">
        <v>18023</v>
      </c>
      <c r="D1903" s="9" t="s">
        <v>1332</v>
      </c>
      <c r="E1903" s="10"/>
      <c r="F1903" s="10" t="s">
        <v>18024</v>
      </c>
      <c r="G1903" s="8" t="s">
        <v>18025</v>
      </c>
      <c r="H1903" s="8" t="s">
        <v>18026</v>
      </c>
      <c r="I1903" s="11">
        <v>44188</v>
      </c>
      <c r="J1903" s="11">
        <v>44188</v>
      </c>
      <c r="K1903" s="11">
        <v>46173</v>
      </c>
    </row>
    <row r="1904" spans="1:11" x14ac:dyDescent="0.4">
      <c r="A1904" s="8" t="s">
        <v>11818</v>
      </c>
      <c r="B1904" s="8" t="s">
        <v>48</v>
      </c>
      <c r="C1904" s="9" t="s">
        <v>18027</v>
      </c>
      <c r="D1904" s="9" t="s">
        <v>17473</v>
      </c>
      <c r="E1904" s="10" t="s">
        <v>18028</v>
      </c>
      <c r="F1904" s="10"/>
      <c r="G1904" s="8"/>
      <c r="H1904" s="8" t="s">
        <v>18029</v>
      </c>
      <c r="I1904" s="11">
        <v>44197</v>
      </c>
      <c r="J1904" s="11">
        <v>44197</v>
      </c>
      <c r="K1904" s="11">
        <v>46173</v>
      </c>
    </row>
    <row r="1905" spans="1:11" x14ac:dyDescent="0.4">
      <c r="A1905" s="8" t="s">
        <v>11818</v>
      </c>
      <c r="B1905" s="8" t="s">
        <v>48</v>
      </c>
      <c r="C1905" s="9" t="s">
        <v>18030</v>
      </c>
      <c r="D1905" s="9" t="s">
        <v>18031</v>
      </c>
      <c r="E1905" s="10" t="s">
        <v>18032</v>
      </c>
      <c r="F1905" s="10" t="s">
        <v>11191</v>
      </c>
      <c r="G1905" s="8" t="s">
        <v>18033</v>
      </c>
      <c r="H1905" s="8" t="s">
        <v>18034</v>
      </c>
      <c r="I1905" s="11">
        <v>44202</v>
      </c>
      <c r="J1905" s="11">
        <v>44202</v>
      </c>
      <c r="K1905" s="11">
        <v>46660</v>
      </c>
    </row>
    <row r="1906" spans="1:11" x14ac:dyDescent="0.4">
      <c r="A1906" s="8" t="s">
        <v>11818</v>
      </c>
      <c r="B1906" s="8" t="s">
        <v>3441</v>
      </c>
      <c r="C1906" s="9" t="s">
        <v>2486</v>
      </c>
      <c r="D1906" s="9" t="s">
        <v>16384</v>
      </c>
      <c r="E1906" s="10" t="s">
        <v>18035</v>
      </c>
      <c r="F1906" s="10"/>
      <c r="G1906" s="8"/>
      <c r="H1906" s="8" t="s">
        <v>18036</v>
      </c>
      <c r="I1906" s="11">
        <v>44208</v>
      </c>
      <c r="J1906" s="11">
        <v>44208</v>
      </c>
      <c r="K1906" s="11">
        <v>46507</v>
      </c>
    </row>
    <row r="1907" spans="1:11" x14ac:dyDescent="0.4">
      <c r="A1907" s="8" t="s">
        <v>11818</v>
      </c>
      <c r="B1907" s="8" t="s">
        <v>633</v>
      </c>
      <c r="C1907" s="9" t="s">
        <v>18037</v>
      </c>
      <c r="D1907" s="9" t="s">
        <v>18038</v>
      </c>
      <c r="E1907" s="10"/>
      <c r="F1907" s="10" t="s">
        <v>5906</v>
      </c>
      <c r="G1907" s="8" t="s">
        <v>18039</v>
      </c>
      <c r="H1907" s="8" t="s">
        <v>18040</v>
      </c>
      <c r="I1907" s="11">
        <v>44209</v>
      </c>
      <c r="J1907" s="11">
        <v>44209</v>
      </c>
      <c r="K1907" s="11">
        <v>46295</v>
      </c>
    </row>
    <row r="1908" spans="1:11" x14ac:dyDescent="0.4">
      <c r="A1908" s="8" t="s">
        <v>11818</v>
      </c>
      <c r="B1908" s="8" t="s">
        <v>633</v>
      </c>
      <c r="C1908" s="9" t="s">
        <v>18041</v>
      </c>
      <c r="D1908" s="9" t="s">
        <v>18042</v>
      </c>
      <c r="E1908" s="10"/>
      <c r="F1908" s="10" t="s">
        <v>18043</v>
      </c>
      <c r="G1908" s="8" t="s">
        <v>18044</v>
      </c>
      <c r="H1908" s="8" t="s">
        <v>18045</v>
      </c>
      <c r="I1908" s="11">
        <v>44211</v>
      </c>
      <c r="J1908" s="11">
        <v>44211</v>
      </c>
      <c r="K1908" s="11">
        <v>46660</v>
      </c>
    </row>
    <row r="1909" spans="1:11" x14ac:dyDescent="0.4">
      <c r="A1909" s="8" t="s">
        <v>11818</v>
      </c>
      <c r="B1909" s="8" t="s">
        <v>48</v>
      </c>
      <c r="C1909" s="9" t="s">
        <v>18046</v>
      </c>
      <c r="D1909" s="9" t="s">
        <v>13288</v>
      </c>
      <c r="E1909" s="10" t="s">
        <v>18047</v>
      </c>
      <c r="F1909" s="10" t="s">
        <v>18048</v>
      </c>
      <c r="G1909" s="8" t="s">
        <v>18049</v>
      </c>
      <c r="H1909" s="8" t="s">
        <v>18050</v>
      </c>
      <c r="I1909" s="11">
        <v>44209</v>
      </c>
      <c r="J1909" s="11">
        <v>44209</v>
      </c>
      <c r="K1909" s="11">
        <v>46538</v>
      </c>
    </row>
    <row r="1910" spans="1:11" x14ac:dyDescent="0.4">
      <c r="A1910" s="8" t="s">
        <v>11818</v>
      </c>
      <c r="B1910" s="8" t="s">
        <v>3441</v>
      </c>
      <c r="C1910" s="9" t="s">
        <v>11500</v>
      </c>
      <c r="D1910" s="9" t="s">
        <v>11501</v>
      </c>
      <c r="E1910" s="10"/>
      <c r="F1910" s="10" t="s">
        <v>11502</v>
      </c>
      <c r="G1910" s="8" t="s">
        <v>11503</v>
      </c>
      <c r="H1910" s="8" t="s">
        <v>18051</v>
      </c>
      <c r="I1910" s="11">
        <v>44215</v>
      </c>
      <c r="J1910" s="11">
        <v>44215</v>
      </c>
      <c r="K1910" s="11">
        <v>46721</v>
      </c>
    </row>
    <row r="1911" spans="1:11" x14ac:dyDescent="0.4">
      <c r="A1911" s="8" t="s">
        <v>11818</v>
      </c>
      <c r="B1911" s="8" t="s">
        <v>1926</v>
      </c>
      <c r="C1911" s="9" t="s">
        <v>18052</v>
      </c>
      <c r="D1911" s="9" t="s">
        <v>15662</v>
      </c>
      <c r="E1911" s="10" t="s">
        <v>18053</v>
      </c>
      <c r="F1911" s="10" t="s">
        <v>18054</v>
      </c>
      <c r="G1911" s="8" t="s">
        <v>18055</v>
      </c>
      <c r="H1911" s="8" t="s">
        <v>18056</v>
      </c>
      <c r="I1911" s="11">
        <v>44216</v>
      </c>
      <c r="J1911" s="11">
        <v>44216</v>
      </c>
      <c r="K1911" s="11">
        <v>46691</v>
      </c>
    </row>
    <row r="1912" spans="1:11" x14ac:dyDescent="0.4">
      <c r="A1912" s="8" t="s">
        <v>11818</v>
      </c>
      <c r="B1912" s="8" t="s">
        <v>6444</v>
      </c>
      <c r="C1912" s="9" t="s">
        <v>18057</v>
      </c>
      <c r="D1912" s="9" t="s">
        <v>18058</v>
      </c>
      <c r="E1912" s="10"/>
      <c r="F1912" s="10" t="s">
        <v>16949</v>
      </c>
      <c r="G1912" s="8" t="s">
        <v>16950</v>
      </c>
      <c r="H1912" s="8" t="s">
        <v>18059</v>
      </c>
      <c r="I1912" s="11">
        <v>44228</v>
      </c>
      <c r="J1912" s="11">
        <v>44228</v>
      </c>
      <c r="K1912" s="11">
        <v>46691</v>
      </c>
    </row>
    <row r="1913" spans="1:11" x14ac:dyDescent="0.4">
      <c r="A1913" s="8" t="s">
        <v>11818</v>
      </c>
      <c r="B1913" s="8" t="s">
        <v>2044</v>
      </c>
      <c r="C1913" s="9" t="s">
        <v>18060</v>
      </c>
      <c r="D1913" s="9" t="s">
        <v>18061</v>
      </c>
      <c r="E1913" s="10"/>
      <c r="F1913" s="10" t="s">
        <v>17644</v>
      </c>
      <c r="G1913" s="8" t="s">
        <v>18062</v>
      </c>
      <c r="H1913" s="8" t="s">
        <v>18063</v>
      </c>
      <c r="I1913" s="11">
        <v>44215</v>
      </c>
      <c r="J1913" s="11">
        <v>44215</v>
      </c>
      <c r="K1913" s="11">
        <v>46691</v>
      </c>
    </row>
    <row r="1914" spans="1:11" x14ac:dyDescent="0.4">
      <c r="A1914" s="8" t="s">
        <v>11818</v>
      </c>
      <c r="B1914" s="8" t="s">
        <v>48</v>
      </c>
      <c r="C1914" s="9" t="s">
        <v>18064</v>
      </c>
      <c r="D1914" s="9" t="s">
        <v>18065</v>
      </c>
      <c r="E1914" s="10" t="s">
        <v>18066</v>
      </c>
      <c r="F1914" s="10"/>
      <c r="G1914" s="8"/>
      <c r="H1914" s="8" t="s">
        <v>18067</v>
      </c>
      <c r="I1914" s="11">
        <v>44216</v>
      </c>
      <c r="J1914" s="11">
        <v>44216</v>
      </c>
      <c r="K1914" s="11">
        <v>46477</v>
      </c>
    </row>
    <row r="1915" spans="1:11" x14ac:dyDescent="0.4">
      <c r="A1915" s="8" t="s">
        <v>11818</v>
      </c>
      <c r="B1915" s="8" t="s">
        <v>633</v>
      </c>
      <c r="C1915" s="9" t="s">
        <v>18068</v>
      </c>
      <c r="D1915" s="9" t="s">
        <v>18069</v>
      </c>
      <c r="E1915" s="10"/>
      <c r="F1915" s="10" t="s">
        <v>17029</v>
      </c>
      <c r="G1915" s="8" t="s">
        <v>17030</v>
      </c>
      <c r="H1915" s="8" t="s">
        <v>18070</v>
      </c>
      <c r="I1915" s="11">
        <v>44216</v>
      </c>
      <c r="J1915" s="11">
        <v>44216</v>
      </c>
      <c r="K1915" s="11">
        <v>46477</v>
      </c>
    </row>
    <row r="1916" spans="1:11" x14ac:dyDescent="0.4">
      <c r="A1916" s="8" t="s">
        <v>11818</v>
      </c>
      <c r="B1916" s="8" t="s">
        <v>48</v>
      </c>
      <c r="C1916" s="9" t="s">
        <v>18071</v>
      </c>
      <c r="D1916" s="9" t="s">
        <v>14504</v>
      </c>
      <c r="E1916" s="10" t="s">
        <v>18072</v>
      </c>
      <c r="F1916" s="10"/>
      <c r="G1916" s="8"/>
      <c r="H1916" s="8" t="s">
        <v>18073</v>
      </c>
      <c r="I1916" s="11">
        <v>44216</v>
      </c>
      <c r="J1916" s="11">
        <v>44216</v>
      </c>
      <c r="K1916" s="11">
        <v>46721</v>
      </c>
    </row>
    <row r="1917" spans="1:11" x14ac:dyDescent="0.4">
      <c r="A1917" s="8" t="s">
        <v>11818</v>
      </c>
      <c r="B1917" s="8" t="s">
        <v>48</v>
      </c>
      <c r="C1917" s="9" t="s">
        <v>18074</v>
      </c>
      <c r="D1917" s="9" t="s">
        <v>14504</v>
      </c>
      <c r="E1917" s="10" t="s">
        <v>18075</v>
      </c>
      <c r="F1917" s="10"/>
      <c r="G1917" s="8"/>
      <c r="H1917" s="8" t="s">
        <v>18076</v>
      </c>
      <c r="I1917" s="11">
        <v>44218</v>
      </c>
      <c r="J1917" s="11">
        <v>44218</v>
      </c>
      <c r="K1917" s="11">
        <v>46721</v>
      </c>
    </row>
    <row r="1918" spans="1:11" x14ac:dyDescent="0.4">
      <c r="A1918" s="8" t="s">
        <v>11818</v>
      </c>
      <c r="B1918" s="8" t="s">
        <v>1871</v>
      </c>
      <c r="C1918" s="9" t="s">
        <v>18077</v>
      </c>
      <c r="D1918" s="9" t="s">
        <v>1332</v>
      </c>
      <c r="E1918" s="10"/>
      <c r="F1918" s="10" t="s">
        <v>4883</v>
      </c>
      <c r="G1918" s="8" t="s">
        <v>18078</v>
      </c>
      <c r="H1918" s="8" t="s">
        <v>18079</v>
      </c>
      <c r="I1918" s="11">
        <v>44223</v>
      </c>
      <c r="J1918" s="11">
        <v>44223</v>
      </c>
      <c r="K1918" s="11">
        <v>46173</v>
      </c>
    </row>
    <row r="1919" spans="1:11" x14ac:dyDescent="0.4">
      <c r="A1919" s="8" t="s">
        <v>11818</v>
      </c>
      <c r="B1919" s="8" t="s">
        <v>1871</v>
      </c>
      <c r="C1919" s="9" t="s">
        <v>18080</v>
      </c>
      <c r="D1919" s="9" t="s">
        <v>1332</v>
      </c>
      <c r="E1919" s="10"/>
      <c r="F1919" s="10" t="s">
        <v>2291</v>
      </c>
      <c r="G1919" s="8" t="s">
        <v>11506</v>
      </c>
      <c r="H1919" s="8" t="s">
        <v>18081</v>
      </c>
      <c r="I1919" s="11">
        <v>44225</v>
      </c>
      <c r="J1919" s="11">
        <v>44225</v>
      </c>
      <c r="K1919" s="11">
        <v>46173</v>
      </c>
    </row>
    <row r="1920" spans="1:11" x14ac:dyDescent="0.4">
      <c r="A1920" s="8" t="s">
        <v>11818</v>
      </c>
      <c r="B1920" s="8" t="s">
        <v>48</v>
      </c>
      <c r="C1920" s="9" t="s">
        <v>18082</v>
      </c>
      <c r="D1920" s="9" t="s">
        <v>15412</v>
      </c>
      <c r="E1920" s="10" t="s">
        <v>12967</v>
      </c>
      <c r="F1920" s="10"/>
      <c r="G1920" s="8"/>
      <c r="H1920" s="8" t="s">
        <v>18083</v>
      </c>
      <c r="I1920" s="11">
        <v>44229</v>
      </c>
      <c r="J1920" s="11">
        <v>44229</v>
      </c>
      <c r="K1920" s="11">
        <v>46356</v>
      </c>
    </row>
    <row r="1921" spans="1:11" x14ac:dyDescent="0.4">
      <c r="A1921" s="8" t="s">
        <v>11818</v>
      </c>
      <c r="B1921" s="8" t="s">
        <v>633</v>
      </c>
      <c r="C1921" s="9" t="s">
        <v>18084</v>
      </c>
      <c r="D1921" s="9" t="s">
        <v>18085</v>
      </c>
      <c r="E1921" s="10"/>
      <c r="F1921" s="10"/>
      <c r="G1921" s="8"/>
      <c r="H1921" s="8" t="s">
        <v>18086</v>
      </c>
      <c r="I1921" s="11">
        <v>44231</v>
      </c>
      <c r="J1921" s="11">
        <v>44231</v>
      </c>
      <c r="K1921" s="11">
        <v>46112</v>
      </c>
    </row>
    <row r="1922" spans="1:11" x14ac:dyDescent="0.4">
      <c r="A1922" s="8" t="s">
        <v>11818</v>
      </c>
      <c r="B1922" s="8" t="s">
        <v>48</v>
      </c>
      <c r="C1922" s="9" t="s">
        <v>18087</v>
      </c>
      <c r="D1922" s="9" t="s">
        <v>16124</v>
      </c>
      <c r="E1922" s="10" t="s">
        <v>18088</v>
      </c>
      <c r="F1922" s="10"/>
      <c r="G1922" s="8"/>
      <c r="H1922" s="8" t="s">
        <v>18089</v>
      </c>
      <c r="I1922" s="11">
        <v>44232</v>
      </c>
      <c r="J1922" s="11">
        <v>44232</v>
      </c>
      <c r="K1922" s="11">
        <v>46721</v>
      </c>
    </row>
    <row r="1923" spans="1:11" x14ac:dyDescent="0.4">
      <c r="A1923" s="8" t="s">
        <v>11818</v>
      </c>
      <c r="B1923" s="8" t="s">
        <v>3441</v>
      </c>
      <c r="C1923" s="9" t="s">
        <v>18090</v>
      </c>
      <c r="D1923" s="9" t="s">
        <v>18091</v>
      </c>
      <c r="E1923" s="10"/>
      <c r="F1923" s="10"/>
      <c r="G1923" s="8"/>
      <c r="H1923" s="8" t="s">
        <v>18092</v>
      </c>
      <c r="I1923" s="11">
        <v>44256</v>
      </c>
      <c r="J1923" s="11">
        <v>44256</v>
      </c>
      <c r="K1923" s="11">
        <v>46477</v>
      </c>
    </row>
    <row r="1924" spans="1:11" x14ac:dyDescent="0.4">
      <c r="A1924" s="8" t="s">
        <v>11818</v>
      </c>
      <c r="B1924" s="8" t="s">
        <v>3083</v>
      </c>
      <c r="C1924" s="9" t="s">
        <v>18093</v>
      </c>
      <c r="D1924" s="9" t="s">
        <v>16206</v>
      </c>
      <c r="E1924" s="10" t="s">
        <v>18094</v>
      </c>
      <c r="F1924" s="10" t="s">
        <v>18095</v>
      </c>
      <c r="G1924" s="8" t="s">
        <v>18096</v>
      </c>
      <c r="H1924" s="8" t="s">
        <v>18097</v>
      </c>
      <c r="I1924" s="11">
        <v>44237</v>
      </c>
      <c r="J1924" s="11">
        <v>44237</v>
      </c>
      <c r="K1924" s="11">
        <v>46538</v>
      </c>
    </row>
    <row r="1925" spans="1:11" x14ac:dyDescent="0.4">
      <c r="A1925" s="8" t="s">
        <v>11818</v>
      </c>
      <c r="B1925" s="8" t="s">
        <v>48</v>
      </c>
      <c r="C1925" s="9" t="s">
        <v>18098</v>
      </c>
      <c r="D1925" s="9" t="s">
        <v>15163</v>
      </c>
      <c r="E1925" s="10" t="s">
        <v>18099</v>
      </c>
      <c r="F1925" s="10"/>
      <c r="G1925" s="8"/>
      <c r="H1925" s="8" t="s">
        <v>18100</v>
      </c>
      <c r="I1925" s="11">
        <v>44239</v>
      </c>
      <c r="J1925" s="11">
        <v>44239</v>
      </c>
      <c r="K1925" s="11">
        <v>46356</v>
      </c>
    </row>
    <row r="1926" spans="1:11" x14ac:dyDescent="0.4">
      <c r="A1926" s="8" t="s">
        <v>11818</v>
      </c>
      <c r="B1926" s="8" t="s">
        <v>633</v>
      </c>
      <c r="C1926" s="9" t="s">
        <v>18101</v>
      </c>
      <c r="D1926" s="9" t="s">
        <v>18102</v>
      </c>
      <c r="E1926" s="10"/>
      <c r="F1926" s="10" t="s">
        <v>17999</v>
      </c>
      <c r="G1926" s="8" t="s">
        <v>18000</v>
      </c>
      <c r="H1926" s="8" t="s">
        <v>18103</v>
      </c>
      <c r="I1926" s="11">
        <v>44239</v>
      </c>
      <c r="J1926" s="11">
        <v>44239</v>
      </c>
      <c r="K1926" s="11">
        <v>46507</v>
      </c>
    </row>
    <row r="1927" spans="1:11" x14ac:dyDescent="0.4">
      <c r="A1927" s="8" t="s">
        <v>11818</v>
      </c>
      <c r="B1927" s="8" t="s">
        <v>3441</v>
      </c>
      <c r="C1927" s="9" t="s">
        <v>18104</v>
      </c>
      <c r="D1927" s="9" t="s">
        <v>18105</v>
      </c>
      <c r="E1927" s="10" t="s">
        <v>18106</v>
      </c>
      <c r="F1927" s="10" t="s">
        <v>7022</v>
      </c>
      <c r="G1927" s="8" t="s">
        <v>13548</v>
      </c>
      <c r="H1927" s="8" t="s">
        <v>18107</v>
      </c>
      <c r="I1927" s="11">
        <v>44243</v>
      </c>
      <c r="J1927" s="11">
        <v>44243</v>
      </c>
      <c r="K1927" s="11">
        <v>46660</v>
      </c>
    </row>
    <row r="1928" spans="1:11" x14ac:dyDescent="0.4">
      <c r="A1928" s="8" t="s">
        <v>11818</v>
      </c>
      <c r="B1928" s="8" t="s">
        <v>48</v>
      </c>
      <c r="C1928" s="9" t="s">
        <v>18108</v>
      </c>
      <c r="D1928" s="9" t="s">
        <v>18109</v>
      </c>
      <c r="E1928" s="10"/>
      <c r="F1928" s="10" t="s">
        <v>17753</v>
      </c>
      <c r="G1928" s="8" t="s">
        <v>17754</v>
      </c>
      <c r="H1928" s="8" t="s">
        <v>18110</v>
      </c>
      <c r="I1928" s="11">
        <v>44246</v>
      </c>
      <c r="J1928" s="11">
        <v>44246</v>
      </c>
      <c r="K1928" s="11">
        <v>46538</v>
      </c>
    </row>
    <row r="1929" spans="1:11" x14ac:dyDescent="0.4">
      <c r="A1929" s="8" t="s">
        <v>11818</v>
      </c>
      <c r="B1929" s="8" t="s">
        <v>48</v>
      </c>
      <c r="C1929" s="9" t="s">
        <v>18111</v>
      </c>
      <c r="D1929" s="9" t="s">
        <v>18065</v>
      </c>
      <c r="E1929" s="10"/>
      <c r="F1929" s="10"/>
      <c r="G1929" s="8"/>
      <c r="H1929" s="8" t="s">
        <v>18112</v>
      </c>
      <c r="I1929" s="11">
        <v>44244</v>
      </c>
      <c r="J1929" s="11">
        <v>44244</v>
      </c>
      <c r="K1929" s="11">
        <v>46112</v>
      </c>
    </row>
    <row r="1930" spans="1:11" x14ac:dyDescent="0.4">
      <c r="A1930" s="8" t="s">
        <v>11818</v>
      </c>
      <c r="B1930" s="8" t="s">
        <v>48</v>
      </c>
      <c r="C1930" s="9" t="s">
        <v>18113</v>
      </c>
      <c r="D1930" s="9" t="s">
        <v>16768</v>
      </c>
      <c r="E1930" s="10" t="s">
        <v>18114</v>
      </c>
      <c r="F1930" s="10"/>
      <c r="G1930" s="8"/>
      <c r="H1930" s="8" t="s">
        <v>18115</v>
      </c>
      <c r="I1930" s="11">
        <v>44245</v>
      </c>
      <c r="J1930" s="11">
        <v>44245</v>
      </c>
      <c r="K1930" s="11">
        <v>46721</v>
      </c>
    </row>
    <row r="1931" spans="1:11" x14ac:dyDescent="0.4">
      <c r="A1931" s="8" t="s">
        <v>11818</v>
      </c>
      <c r="B1931" s="8" t="s">
        <v>633</v>
      </c>
      <c r="C1931" s="9" t="s">
        <v>7185</v>
      </c>
      <c r="D1931" s="9" t="s">
        <v>13456</v>
      </c>
      <c r="E1931" s="10"/>
      <c r="F1931" s="10" t="s">
        <v>17651</v>
      </c>
      <c r="G1931" s="8" t="s">
        <v>17652</v>
      </c>
      <c r="H1931" s="8" t="s">
        <v>18116</v>
      </c>
      <c r="I1931" s="11">
        <v>44245</v>
      </c>
      <c r="J1931" s="11">
        <v>44245</v>
      </c>
      <c r="K1931" s="11">
        <v>46660</v>
      </c>
    </row>
    <row r="1932" spans="1:11" x14ac:dyDescent="0.4">
      <c r="A1932" s="8" t="s">
        <v>11818</v>
      </c>
      <c r="B1932" s="8" t="s">
        <v>48</v>
      </c>
      <c r="C1932" s="9" t="s">
        <v>18117</v>
      </c>
      <c r="D1932" s="9" t="s">
        <v>18118</v>
      </c>
      <c r="E1932" s="10" t="s">
        <v>18119</v>
      </c>
      <c r="F1932" s="10" t="s">
        <v>18120</v>
      </c>
      <c r="G1932" s="8" t="s">
        <v>18121</v>
      </c>
      <c r="H1932" s="8" t="s">
        <v>18122</v>
      </c>
      <c r="I1932" s="11">
        <v>44245</v>
      </c>
      <c r="J1932" s="11">
        <v>44245</v>
      </c>
      <c r="K1932" s="11">
        <v>46173</v>
      </c>
    </row>
    <row r="1933" spans="1:11" x14ac:dyDescent="0.4">
      <c r="A1933" s="8" t="s">
        <v>11818</v>
      </c>
      <c r="B1933" s="8" t="s">
        <v>698</v>
      </c>
      <c r="C1933" s="9" t="s">
        <v>18123</v>
      </c>
      <c r="D1933" s="9" t="s">
        <v>18124</v>
      </c>
      <c r="E1933" s="10"/>
      <c r="F1933" s="10" t="s">
        <v>18125</v>
      </c>
      <c r="G1933" s="8" t="s">
        <v>18126</v>
      </c>
      <c r="H1933" s="8" t="s">
        <v>18127</v>
      </c>
      <c r="I1933" s="11">
        <v>44256</v>
      </c>
      <c r="J1933" s="11">
        <v>44256</v>
      </c>
      <c r="K1933" s="11">
        <v>46507</v>
      </c>
    </row>
    <row r="1934" spans="1:11" x14ac:dyDescent="0.4">
      <c r="A1934" s="8" t="s">
        <v>11818</v>
      </c>
      <c r="B1934" s="8" t="s">
        <v>48</v>
      </c>
      <c r="C1934" s="9" t="s">
        <v>18128</v>
      </c>
      <c r="D1934" s="9" t="s">
        <v>13738</v>
      </c>
      <c r="E1934" s="10" t="s">
        <v>767</v>
      </c>
      <c r="F1934" s="10"/>
      <c r="G1934" s="8"/>
      <c r="H1934" s="8" t="s">
        <v>18129</v>
      </c>
      <c r="I1934" s="11">
        <v>44250</v>
      </c>
      <c r="J1934" s="11">
        <v>44250</v>
      </c>
      <c r="K1934" s="11">
        <v>46721</v>
      </c>
    </row>
    <row r="1935" spans="1:11" x14ac:dyDescent="0.4">
      <c r="A1935" s="8" t="s">
        <v>11818</v>
      </c>
      <c r="B1935" s="8" t="s">
        <v>6444</v>
      </c>
      <c r="C1935" s="9" t="s">
        <v>18130</v>
      </c>
      <c r="D1935" s="9" t="s">
        <v>18131</v>
      </c>
      <c r="E1935" s="10"/>
      <c r="F1935" s="10"/>
      <c r="G1935" s="8"/>
      <c r="H1935" s="8" t="s">
        <v>18132</v>
      </c>
      <c r="I1935" s="11">
        <v>44253</v>
      </c>
      <c r="J1935" s="11">
        <v>44253</v>
      </c>
      <c r="K1935" s="11">
        <v>46477</v>
      </c>
    </row>
    <row r="1936" spans="1:11" x14ac:dyDescent="0.4">
      <c r="A1936" s="8" t="s">
        <v>11818</v>
      </c>
      <c r="B1936" s="8" t="s">
        <v>2044</v>
      </c>
      <c r="C1936" s="9" t="s">
        <v>18133</v>
      </c>
      <c r="D1936" s="9" t="s">
        <v>18134</v>
      </c>
      <c r="E1936" s="10"/>
      <c r="F1936" s="10"/>
      <c r="G1936" s="8"/>
      <c r="H1936" s="8" t="s">
        <v>18135</v>
      </c>
      <c r="I1936" s="11">
        <v>44251</v>
      </c>
      <c r="J1936" s="11">
        <v>44251</v>
      </c>
      <c r="K1936" s="11">
        <v>46326</v>
      </c>
    </row>
    <row r="1937" spans="1:11" x14ac:dyDescent="0.4">
      <c r="A1937" s="8" t="s">
        <v>11818</v>
      </c>
      <c r="B1937" s="8" t="s">
        <v>48</v>
      </c>
      <c r="C1937" s="9" t="s">
        <v>18136</v>
      </c>
      <c r="D1937" s="9" t="s">
        <v>18137</v>
      </c>
      <c r="E1937" s="10" t="s">
        <v>18138</v>
      </c>
      <c r="F1937" s="10" t="s">
        <v>18139</v>
      </c>
      <c r="G1937" s="8" t="s">
        <v>18140</v>
      </c>
      <c r="H1937" s="8" t="s">
        <v>18141</v>
      </c>
      <c r="I1937" s="11">
        <v>44251</v>
      </c>
      <c r="J1937" s="11">
        <v>44251</v>
      </c>
      <c r="K1937" s="11">
        <v>46538</v>
      </c>
    </row>
    <row r="1938" spans="1:11" x14ac:dyDescent="0.4">
      <c r="A1938" s="8" t="s">
        <v>11818</v>
      </c>
      <c r="B1938" s="8" t="s">
        <v>2044</v>
      </c>
      <c r="C1938" s="9" t="s">
        <v>18142</v>
      </c>
      <c r="D1938" s="9" t="s">
        <v>18143</v>
      </c>
      <c r="E1938" s="10"/>
      <c r="F1938" s="10" t="s">
        <v>18144</v>
      </c>
      <c r="G1938" s="8" t="s">
        <v>18145</v>
      </c>
      <c r="H1938" s="8" t="s">
        <v>18146</v>
      </c>
      <c r="I1938" s="11">
        <v>44252</v>
      </c>
      <c r="J1938" s="11">
        <v>44252</v>
      </c>
      <c r="K1938" s="11">
        <v>46691</v>
      </c>
    </row>
    <row r="1939" spans="1:11" x14ac:dyDescent="0.4">
      <c r="A1939" s="8" t="s">
        <v>11818</v>
      </c>
      <c r="B1939" s="8" t="s">
        <v>2044</v>
      </c>
      <c r="C1939" s="9" t="s">
        <v>18147</v>
      </c>
      <c r="D1939" s="9" t="s">
        <v>18148</v>
      </c>
      <c r="E1939" s="10"/>
      <c r="F1939" s="10" t="s">
        <v>18144</v>
      </c>
      <c r="G1939" s="8" t="s">
        <v>18145</v>
      </c>
      <c r="H1939" s="8" t="s">
        <v>18149</v>
      </c>
      <c r="I1939" s="11">
        <v>44252</v>
      </c>
      <c r="J1939" s="11">
        <v>44252</v>
      </c>
      <c r="K1939" s="11">
        <v>46691</v>
      </c>
    </row>
    <row r="1940" spans="1:11" x14ac:dyDescent="0.4">
      <c r="A1940" s="8" t="s">
        <v>11818</v>
      </c>
      <c r="B1940" s="8" t="s">
        <v>48</v>
      </c>
      <c r="C1940" s="9" t="s">
        <v>18150</v>
      </c>
      <c r="D1940" s="9" t="s">
        <v>18137</v>
      </c>
      <c r="E1940" s="10" t="s">
        <v>18151</v>
      </c>
      <c r="F1940" s="10" t="s">
        <v>18152</v>
      </c>
      <c r="G1940" s="8" t="s">
        <v>18153</v>
      </c>
      <c r="H1940" s="8" t="s">
        <v>18154</v>
      </c>
      <c r="I1940" s="11">
        <v>44260</v>
      </c>
      <c r="J1940" s="11">
        <v>44260</v>
      </c>
      <c r="K1940" s="11">
        <v>46538</v>
      </c>
    </row>
    <row r="1941" spans="1:11" x14ac:dyDescent="0.4">
      <c r="A1941" s="8" t="s">
        <v>11818</v>
      </c>
      <c r="B1941" s="8" t="s">
        <v>48</v>
      </c>
      <c r="C1941" s="9" t="s">
        <v>18155</v>
      </c>
      <c r="D1941" s="9" t="s">
        <v>14881</v>
      </c>
      <c r="E1941" s="10" t="s">
        <v>15643</v>
      </c>
      <c r="F1941" s="10"/>
      <c r="G1941" s="8"/>
      <c r="H1941" s="8" t="s">
        <v>18156</v>
      </c>
      <c r="I1941" s="11">
        <v>44252</v>
      </c>
      <c r="J1941" s="11">
        <v>44252</v>
      </c>
      <c r="K1941" s="11">
        <v>46356</v>
      </c>
    </row>
    <row r="1942" spans="1:11" x14ac:dyDescent="0.4">
      <c r="A1942" s="8" t="s">
        <v>11818</v>
      </c>
      <c r="B1942" s="8" t="s">
        <v>48</v>
      </c>
      <c r="C1942" s="9" t="s">
        <v>18157</v>
      </c>
      <c r="D1942" s="9" t="s">
        <v>18158</v>
      </c>
      <c r="E1942" s="10"/>
      <c r="F1942" s="10"/>
      <c r="G1942" s="8"/>
      <c r="H1942" s="8" t="s">
        <v>18159</v>
      </c>
      <c r="I1942" s="11">
        <v>44257</v>
      </c>
      <c r="J1942" s="11">
        <v>44257</v>
      </c>
      <c r="K1942" s="11">
        <v>46142</v>
      </c>
    </row>
    <row r="1943" spans="1:11" x14ac:dyDescent="0.4">
      <c r="A1943" s="8" t="s">
        <v>11818</v>
      </c>
      <c r="B1943" s="8" t="s">
        <v>698</v>
      </c>
      <c r="C1943" s="9" t="s">
        <v>18160</v>
      </c>
      <c r="D1943" s="9" t="s">
        <v>18161</v>
      </c>
      <c r="E1943" s="10"/>
      <c r="F1943" s="10" t="s">
        <v>18162</v>
      </c>
      <c r="G1943" s="8" t="s">
        <v>18163</v>
      </c>
      <c r="H1943" s="8" t="s">
        <v>18164</v>
      </c>
      <c r="I1943" s="11">
        <v>44257</v>
      </c>
      <c r="J1943" s="11">
        <v>44257</v>
      </c>
      <c r="K1943" s="11">
        <v>46477</v>
      </c>
    </row>
    <row r="1944" spans="1:11" x14ac:dyDescent="0.4">
      <c r="A1944" s="8" t="s">
        <v>11818</v>
      </c>
      <c r="B1944" s="8" t="s">
        <v>48</v>
      </c>
      <c r="C1944" s="9" t="s">
        <v>18165</v>
      </c>
      <c r="D1944" s="9" t="s">
        <v>18166</v>
      </c>
      <c r="E1944" s="10" t="s">
        <v>15478</v>
      </c>
      <c r="F1944" s="10"/>
      <c r="G1944" s="8"/>
      <c r="H1944" s="8" t="s">
        <v>18167</v>
      </c>
      <c r="I1944" s="11">
        <v>44258</v>
      </c>
      <c r="J1944" s="11">
        <v>44258</v>
      </c>
      <c r="K1944" s="11">
        <v>46356</v>
      </c>
    </row>
    <row r="1945" spans="1:11" x14ac:dyDescent="0.4">
      <c r="A1945" s="8" t="s">
        <v>11818</v>
      </c>
      <c r="B1945" s="8" t="s">
        <v>2044</v>
      </c>
      <c r="C1945" s="9" t="s">
        <v>18168</v>
      </c>
      <c r="D1945" s="9" t="s">
        <v>18169</v>
      </c>
      <c r="E1945" s="10"/>
      <c r="F1945" s="10"/>
      <c r="G1945" s="8"/>
      <c r="H1945" s="8" t="s">
        <v>18170</v>
      </c>
      <c r="I1945" s="11">
        <v>44258</v>
      </c>
      <c r="J1945" s="11">
        <v>44258</v>
      </c>
      <c r="K1945" s="11">
        <v>46173</v>
      </c>
    </row>
    <row r="1946" spans="1:11" x14ac:dyDescent="0.4">
      <c r="A1946" s="8" t="s">
        <v>11818</v>
      </c>
      <c r="B1946" s="8" t="s">
        <v>48</v>
      </c>
      <c r="C1946" s="9" t="s">
        <v>18171</v>
      </c>
      <c r="D1946" s="9" t="s">
        <v>18172</v>
      </c>
      <c r="E1946" s="10" t="s">
        <v>18173</v>
      </c>
      <c r="F1946" s="10"/>
      <c r="G1946" s="8"/>
      <c r="H1946" s="8" t="s">
        <v>18174</v>
      </c>
      <c r="I1946" s="11">
        <v>44259</v>
      </c>
      <c r="J1946" s="11">
        <v>44259</v>
      </c>
      <c r="K1946" s="11">
        <v>46660</v>
      </c>
    </row>
    <row r="1947" spans="1:11" x14ac:dyDescent="0.4">
      <c r="A1947" s="8" t="s">
        <v>11818</v>
      </c>
      <c r="B1947" s="8" t="s">
        <v>48</v>
      </c>
      <c r="C1947" s="9" t="s">
        <v>18175</v>
      </c>
      <c r="D1947" s="9" t="s">
        <v>18176</v>
      </c>
      <c r="E1947" s="10" t="s">
        <v>18177</v>
      </c>
      <c r="F1947" s="10"/>
      <c r="G1947" s="8"/>
      <c r="H1947" s="8" t="s">
        <v>18178</v>
      </c>
      <c r="I1947" s="11">
        <v>44259</v>
      </c>
      <c r="J1947" s="11">
        <v>44259</v>
      </c>
      <c r="K1947" s="11">
        <v>46721</v>
      </c>
    </row>
    <row r="1948" spans="1:11" x14ac:dyDescent="0.4">
      <c r="A1948" s="8" t="s">
        <v>11818</v>
      </c>
      <c r="B1948" s="8" t="s">
        <v>48</v>
      </c>
      <c r="C1948" s="9" t="s">
        <v>18179</v>
      </c>
      <c r="D1948" s="9" t="s">
        <v>18180</v>
      </c>
      <c r="E1948" s="10"/>
      <c r="F1948" s="10"/>
      <c r="G1948" s="8"/>
      <c r="H1948" s="8" t="s">
        <v>18181</v>
      </c>
      <c r="I1948" s="11">
        <v>44259</v>
      </c>
      <c r="J1948" s="11">
        <v>44259</v>
      </c>
      <c r="K1948" s="11">
        <v>46203</v>
      </c>
    </row>
    <row r="1949" spans="1:11" x14ac:dyDescent="0.4">
      <c r="A1949" s="8" t="s">
        <v>11818</v>
      </c>
      <c r="B1949" s="8" t="s">
        <v>633</v>
      </c>
      <c r="C1949" s="9" t="s">
        <v>18182</v>
      </c>
      <c r="D1949" s="9" t="s">
        <v>18183</v>
      </c>
      <c r="E1949" s="10"/>
      <c r="F1949" s="10" t="s">
        <v>18184</v>
      </c>
      <c r="G1949" s="8" t="s">
        <v>18185</v>
      </c>
      <c r="H1949" s="8" t="s">
        <v>18186</v>
      </c>
      <c r="I1949" s="11">
        <v>44261</v>
      </c>
      <c r="J1949" s="11">
        <v>44261</v>
      </c>
      <c r="K1949" s="11">
        <v>46326</v>
      </c>
    </row>
    <row r="1950" spans="1:11" x14ac:dyDescent="0.4">
      <c r="A1950" s="8" t="s">
        <v>11818</v>
      </c>
      <c r="B1950" s="8" t="s">
        <v>698</v>
      </c>
      <c r="C1950" s="9" t="s">
        <v>18187</v>
      </c>
      <c r="D1950" s="9" t="s">
        <v>18188</v>
      </c>
      <c r="E1950" s="10"/>
      <c r="F1950" s="10" t="s">
        <v>13317</v>
      </c>
      <c r="G1950" s="8" t="s">
        <v>13318</v>
      </c>
      <c r="H1950" s="8" t="s">
        <v>18189</v>
      </c>
      <c r="I1950" s="11">
        <v>44264</v>
      </c>
      <c r="J1950" s="11">
        <v>44264</v>
      </c>
      <c r="K1950" s="11">
        <v>46477</v>
      </c>
    </row>
    <row r="1951" spans="1:11" x14ac:dyDescent="0.4">
      <c r="A1951" s="8" t="s">
        <v>11818</v>
      </c>
      <c r="B1951" s="8" t="s">
        <v>48</v>
      </c>
      <c r="C1951" s="9" t="s">
        <v>18190</v>
      </c>
      <c r="D1951" s="9" t="s">
        <v>18191</v>
      </c>
      <c r="E1951" s="10"/>
      <c r="F1951" s="10" t="s">
        <v>18192</v>
      </c>
      <c r="G1951" s="8" t="s">
        <v>18193</v>
      </c>
      <c r="H1951" s="8" t="s">
        <v>18194</v>
      </c>
      <c r="I1951" s="11">
        <v>44287</v>
      </c>
      <c r="J1951" s="11">
        <v>44287</v>
      </c>
      <c r="K1951" s="11">
        <v>46721</v>
      </c>
    </row>
    <row r="1952" spans="1:11" x14ac:dyDescent="0.4">
      <c r="A1952" s="8" t="s">
        <v>11818</v>
      </c>
      <c r="B1952" s="8" t="s">
        <v>48</v>
      </c>
      <c r="C1952" s="9" t="s">
        <v>18195</v>
      </c>
      <c r="D1952" s="9" t="s">
        <v>15181</v>
      </c>
      <c r="E1952" s="10" t="s">
        <v>18196</v>
      </c>
      <c r="F1952" s="10" t="s">
        <v>18192</v>
      </c>
      <c r="G1952" s="8" t="s">
        <v>18193</v>
      </c>
      <c r="H1952" s="8" t="s">
        <v>18197</v>
      </c>
      <c r="I1952" s="11">
        <v>44287</v>
      </c>
      <c r="J1952" s="11">
        <v>44287</v>
      </c>
      <c r="K1952" s="11">
        <v>46538</v>
      </c>
    </row>
    <row r="1953" spans="1:11" x14ac:dyDescent="0.4">
      <c r="A1953" s="8" t="s">
        <v>11818</v>
      </c>
      <c r="B1953" s="8" t="s">
        <v>633</v>
      </c>
      <c r="C1953" s="9" t="s">
        <v>18198</v>
      </c>
      <c r="D1953" s="9" t="s">
        <v>11437</v>
      </c>
      <c r="E1953" s="10"/>
      <c r="F1953" s="10" t="s">
        <v>2004</v>
      </c>
      <c r="G1953" s="8" t="s">
        <v>16732</v>
      </c>
      <c r="H1953" s="8" t="s">
        <v>18199</v>
      </c>
      <c r="I1953" s="11">
        <v>44277</v>
      </c>
      <c r="J1953" s="11">
        <v>44277</v>
      </c>
      <c r="K1953" s="11">
        <v>46660</v>
      </c>
    </row>
    <row r="1954" spans="1:11" x14ac:dyDescent="0.4">
      <c r="A1954" s="8" t="s">
        <v>11818</v>
      </c>
      <c r="B1954" s="8" t="s">
        <v>2044</v>
      </c>
      <c r="C1954" s="9" t="s">
        <v>18200</v>
      </c>
      <c r="D1954" s="9" t="s">
        <v>18201</v>
      </c>
      <c r="E1954" s="10"/>
      <c r="F1954" s="10"/>
      <c r="G1954" s="8"/>
      <c r="H1954" s="8" t="s">
        <v>18202</v>
      </c>
      <c r="I1954" s="11">
        <v>44265</v>
      </c>
      <c r="J1954" s="11">
        <v>44265</v>
      </c>
      <c r="K1954" s="11">
        <v>46112</v>
      </c>
    </row>
    <row r="1955" spans="1:11" x14ac:dyDescent="0.4">
      <c r="A1955" s="8" t="s">
        <v>11818</v>
      </c>
      <c r="B1955" s="8" t="s">
        <v>48</v>
      </c>
      <c r="C1955" s="9" t="s">
        <v>18203</v>
      </c>
      <c r="D1955" s="9" t="s">
        <v>18172</v>
      </c>
      <c r="E1955" s="10" t="s">
        <v>18204</v>
      </c>
      <c r="F1955" s="10"/>
      <c r="G1955" s="8"/>
      <c r="H1955" s="8" t="s">
        <v>18205</v>
      </c>
      <c r="I1955" s="11">
        <v>44270</v>
      </c>
      <c r="J1955" s="11">
        <v>44270</v>
      </c>
      <c r="K1955" s="11">
        <v>46295</v>
      </c>
    </row>
    <row r="1956" spans="1:11" x14ac:dyDescent="0.4">
      <c r="A1956" s="8" t="s">
        <v>11818</v>
      </c>
      <c r="B1956" s="8" t="s">
        <v>48</v>
      </c>
      <c r="C1956" s="9" t="s">
        <v>16221</v>
      </c>
      <c r="D1956" s="9" t="s">
        <v>16222</v>
      </c>
      <c r="E1956" s="10" t="s">
        <v>18206</v>
      </c>
      <c r="F1956" s="10" t="s">
        <v>18207</v>
      </c>
      <c r="G1956" s="8" t="s">
        <v>18208</v>
      </c>
      <c r="H1956" s="8" t="s">
        <v>18209</v>
      </c>
      <c r="I1956" s="11">
        <v>44266</v>
      </c>
      <c r="J1956" s="11">
        <v>44266</v>
      </c>
      <c r="K1956" s="11">
        <v>46721</v>
      </c>
    </row>
    <row r="1957" spans="1:11" x14ac:dyDescent="0.4">
      <c r="A1957" s="8" t="s">
        <v>11818</v>
      </c>
      <c r="B1957" s="8" t="s">
        <v>3083</v>
      </c>
      <c r="C1957" s="9" t="s">
        <v>18210</v>
      </c>
      <c r="D1957" s="9" t="s">
        <v>18211</v>
      </c>
      <c r="E1957" s="10"/>
      <c r="F1957" s="10"/>
      <c r="G1957" s="8"/>
      <c r="H1957" s="8" t="s">
        <v>18212</v>
      </c>
      <c r="I1957" s="11">
        <v>44267</v>
      </c>
      <c r="J1957" s="11">
        <v>44267</v>
      </c>
      <c r="K1957" s="11">
        <v>46568</v>
      </c>
    </row>
    <row r="1958" spans="1:11" x14ac:dyDescent="0.4">
      <c r="A1958" s="8" t="s">
        <v>11818</v>
      </c>
      <c r="B1958" s="8" t="s">
        <v>633</v>
      </c>
      <c r="C1958" s="9" t="s">
        <v>18213</v>
      </c>
      <c r="D1958" s="9" t="s">
        <v>18214</v>
      </c>
      <c r="E1958" s="10"/>
      <c r="F1958" s="10" t="s">
        <v>18215</v>
      </c>
      <c r="G1958" s="8" t="s">
        <v>18216</v>
      </c>
      <c r="H1958" s="8" t="s">
        <v>18217</v>
      </c>
      <c r="I1958" s="11">
        <v>44264</v>
      </c>
      <c r="J1958" s="11">
        <v>44264</v>
      </c>
      <c r="K1958" s="11">
        <v>46568</v>
      </c>
    </row>
    <row r="1959" spans="1:11" x14ac:dyDescent="0.4">
      <c r="A1959" s="8" t="s">
        <v>11818</v>
      </c>
      <c r="B1959" s="8" t="s">
        <v>633</v>
      </c>
      <c r="C1959" s="9" t="s">
        <v>18218</v>
      </c>
      <c r="D1959" s="9" t="s">
        <v>18219</v>
      </c>
      <c r="E1959" s="10"/>
      <c r="F1959" s="10" t="s">
        <v>18215</v>
      </c>
      <c r="G1959" s="8" t="s">
        <v>18216</v>
      </c>
      <c r="H1959" s="8" t="s">
        <v>18220</v>
      </c>
      <c r="I1959" s="11">
        <v>44264</v>
      </c>
      <c r="J1959" s="11">
        <v>44264</v>
      </c>
      <c r="K1959" s="11">
        <v>46477</v>
      </c>
    </row>
    <row r="1960" spans="1:11" x14ac:dyDescent="0.4">
      <c r="A1960" s="8" t="s">
        <v>11818</v>
      </c>
      <c r="B1960" s="8" t="s">
        <v>48</v>
      </c>
      <c r="C1960" s="9" t="s">
        <v>18221</v>
      </c>
      <c r="D1960" s="9" t="s">
        <v>16486</v>
      </c>
      <c r="E1960" s="10"/>
      <c r="F1960" s="10"/>
      <c r="G1960" s="8"/>
      <c r="H1960" s="8" t="s">
        <v>18222</v>
      </c>
      <c r="I1960" s="11">
        <v>44277</v>
      </c>
      <c r="J1960" s="11">
        <v>44277</v>
      </c>
      <c r="K1960" s="11">
        <v>46507</v>
      </c>
    </row>
    <row r="1961" spans="1:11" x14ac:dyDescent="0.4">
      <c r="A1961" s="8" t="s">
        <v>11818</v>
      </c>
      <c r="B1961" s="8" t="s">
        <v>5454</v>
      </c>
      <c r="C1961" s="9" t="s">
        <v>18223</v>
      </c>
      <c r="D1961" s="9" t="s">
        <v>14162</v>
      </c>
      <c r="E1961" s="10" t="s">
        <v>18224</v>
      </c>
      <c r="F1961" s="10" t="s">
        <v>18225</v>
      </c>
      <c r="G1961" s="8" t="s">
        <v>18226</v>
      </c>
      <c r="H1961" s="8" t="s">
        <v>18227</v>
      </c>
      <c r="I1961" s="11">
        <v>44287</v>
      </c>
      <c r="J1961" s="11">
        <v>44287</v>
      </c>
      <c r="K1961" s="11">
        <v>46356</v>
      </c>
    </row>
    <row r="1962" spans="1:11" x14ac:dyDescent="0.4">
      <c r="A1962" s="8" t="s">
        <v>11818</v>
      </c>
      <c r="B1962" s="8" t="s">
        <v>3441</v>
      </c>
      <c r="C1962" s="9" t="s">
        <v>18228</v>
      </c>
      <c r="D1962" s="9" t="s">
        <v>18229</v>
      </c>
      <c r="E1962" s="10" t="s">
        <v>18230</v>
      </c>
      <c r="F1962" s="10"/>
      <c r="G1962" s="8"/>
      <c r="H1962" s="8" t="s">
        <v>18231</v>
      </c>
      <c r="I1962" s="11">
        <v>44271</v>
      </c>
      <c r="J1962" s="11">
        <v>44271</v>
      </c>
      <c r="K1962" s="11">
        <v>46538</v>
      </c>
    </row>
    <row r="1963" spans="1:11" x14ac:dyDescent="0.4">
      <c r="A1963" s="8" t="s">
        <v>11818</v>
      </c>
      <c r="B1963" s="8" t="s">
        <v>48</v>
      </c>
      <c r="C1963" s="9" t="s">
        <v>18232</v>
      </c>
      <c r="D1963" s="9" t="s">
        <v>17917</v>
      </c>
      <c r="E1963" s="10" t="s">
        <v>18233</v>
      </c>
      <c r="F1963" s="10" t="s">
        <v>17919</v>
      </c>
      <c r="G1963" s="8" t="s">
        <v>17920</v>
      </c>
      <c r="H1963" s="8" t="s">
        <v>18234</v>
      </c>
      <c r="I1963" s="11">
        <v>44273</v>
      </c>
      <c r="J1963" s="11">
        <v>44273</v>
      </c>
      <c r="K1963" s="11">
        <v>46538</v>
      </c>
    </row>
    <row r="1964" spans="1:11" x14ac:dyDescent="0.4">
      <c r="A1964" s="8" t="s">
        <v>11818</v>
      </c>
      <c r="B1964" s="8" t="s">
        <v>48</v>
      </c>
      <c r="C1964" s="9" t="s">
        <v>18235</v>
      </c>
      <c r="D1964" s="9" t="s">
        <v>18236</v>
      </c>
      <c r="E1964" s="10" t="s">
        <v>18237</v>
      </c>
      <c r="F1964" s="10" t="s">
        <v>18238</v>
      </c>
      <c r="G1964" s="8" t="s">
        <v>18239</v>
      </c>
      <c r="H1964" s="8" t="s">
        <v>18240</v>
      </c>
      <c r="I1964" s="11">
        <v>44273</v>
      </c>
      <c r="J1964" s="11">
        <v>44273</v>
      </c>
      <c r="K1964" s="11">
        <v>46721</v>
      </c>
    </row>
    <row r="1965" spans="1:11" x14ac:dyDescent="0.4">
      <c r="A1965" s="8" t="s">
        <v>11818</v>
      </c>
      <c r="B1965" s="8" t="s">
        <v>633</v>
      </c>
      <c r="C1965" s="9" t="s">
        <v>18241</v>
      </c>
      <c r="D1965" s="9" t="s">
        <v>18242</v>
      </c>
      <c r="E1965" s="10" t="s">
        <v>18243</v>
      </c>
      <c r="F1965" s="10" t="s">
        <v>18244</v>
      </c>
      <c r="G1965" s="8" t="s">
        <v>15676</v>
      </c>
      <c r="H1965" s="8" t="s">
        <v>18245</v>
      </c>
      <c r="I1965" s="11">
        <v>44287</v>
      </c>
      <c r="J1965" s="11">
        <v>44287</v>
      </c>
      <c r="K1965" s="11">
        <v>46660</v>
      </c>
    </row>
    <row r="1966" spans="1:11" x14ac:dyDescent="0.4">
      <c r="A1966" s="8" t="s">
        <v>11818</v>
      </c>
      <c r="B1966" s="8" t="s">
        <v>1871</v>
      </c>
      <c r="C1966" s="9" t="s">
        <v>18246</v>
      </c>
      <c r="D1966" s="9" t="s">
        <v>1332</v>
      </c>
      <c r="E1966" s="10"/>
      <c r="F1966" s="10"/>
      <c r="G1966" s="8"/>
      <c r="H1966" s="8" t="s">
        <v>18247</v>
      </c>
      <c r="I1966" s="11">
        <v>44277</v>
      </c>
      <c r="J1966" s="11">
        <v>44277</v>
      </c>
      <c r="K1966" s="11">
        <v>46173</v>
      </c>
    </row>
    <row r="1967" spans="1:11" x14ac:dyDescent="0.4">
      <c r="A1967" s="8" t="s">
        <v>11818</v>
      </c>
      <c r="B1967" s="8" t="s">
        <v>633</v>
      </c>
      <c r="C1967" s="9" t="s">
        <v>18248</v>
      </c>
      <c r="D1967" s="9" t="s">
        <v>18249</v>
      </c>
      <c r="E1967" s="10"/>
      <c r="F1967" s="10"/>
      <c r="G1967" s="8"/>
      <c r="H1967" s="8" t="s">
        <v>18250</v>
      </c>
      <c r="I1967" s="11">
        <v>44287</v>
      </c>
      <c r="J1967" s="11">
        <v>44287</v>
      </c>
      <c r="K1967" s="11">
        <v>46112</v>
      </c>
    </row>
    <row r="1968" spans="1:11" x14ac:dyDescent="0.4">
      <c r="A1968" s="8" t="s">
        <v>11818</v>
      </c>
      <c r="B1968" s="8" t="s">
        <v>48</v>
      </c>
      <c r="C1968" s="9" t="s">
        <v>18251</v>
      </c>
      <c r="D1968" s="9" t="s">
        <v>18252</v>
      </c>
      <c r="E1968" s="10"/>
      <c r="F1968" s="10" t="s">
        <v>18253</v>
      </c>
      <c r="G1968" s="8" t="s">
        <v>18254</v>
      </c>
      <c r="H1968" s="8" t="s">
        <v>18255</v>
      </c>
      <c r="I1968" s="11">
        <v>44278</v>
      </c>
      <c r="J1968" s="11">
        <v>44278</v>
      </c>
      <c r="K1968" s="11">
        <v>46660</v>
      </c>
    </row>
    <row r="1969" spans="1:11" x14ac:dyDescent="0.4">
      <c r="A1969" s="8" t="s">
        <v>11818</v>
      </c>
      <c r="B1969" s="8" t="s">
        <v>3083</v>
      </c>
      <c r="C1969" s="9" t="s">
        <v>18256</v>
      </c>
      <c r="D1969" s="9" t="s">
        <v>18257</v>
      </c>
      <c r="E1969" s="10"/>
      <c r="F1969" s="10" t="s">
        <v>18258</v>
      </c>
      <c r="G1969" s="8" t="s">
        <v>18259</v>
      </c>
      <c r="H1969" s="8" t="s">
        <v>18260</v>
      </c>
      <c r="I1969" s="11">
        <v>44279</v>
      </c>
      <c r="J1969" s="11">
        <v>44279</v>
      </c>
      <c r="K1969" s="11">
        <v>46477</v>
      </c>
    </row>
    <row r="1970" spans="1:11" x14ac:dyDescent="0.4">
      <c r="A1970" s="8" t="s">
        <v>11818</v>
      </c>
      <c r="B1970" s="8" t="s">
        <v>633</v>
      </c>
      <c r="C1970" s="9" t="s">
        <v>18261</v>
      </c>
      <c r="D1970" s="9" t="s">
        <v>18262</v>
      </c>
      <c r="E1970" s="10"/>
      <c r="F1970" s="10" t="s">
        <v>18263</v>
      </c>
      <c r="G1970" s="8" t="s">
        <v>12183</v>
      </c>
      <c r="H1970" s="8" t="s">
        <v>18264</v>
      </c>
      <c r="I1970" s="11">
        <v>44287</v>
      </c>
      <c r="J1970" s="11">
        <v>44287</v>
      </c>
      <c r="K1970" s="11">
        <v>46873</v>
      </c>
    </row>
    <row r="1971" spans="1:11" x14ac:dyDescent="0.4">
      <c r="A1971" s="8" t="s">
        <v>11818</v>
      </c>
      <c r="B1971" s="8" t="s">
        <v>633</v>
      </c>
      <c r="C1971" s="9" t="s">
        <v>18265</v>
      </c>
      <c r="D1971" s="9" t="s">
        <v>18266</v>
      </c>
      <c r="E1971" s="10"/>
      <c r="F1971" s="10" t="s">
        <v>18263</v>
      </c>
      <c r="G1971" s="8" t="s">
        <v>12183</v>
      </c>
      <c r="H1971" s="8" t="s">
        <v>18267</v>
      </c>
      <c r="I1971" s="11">
        <v>44287</v>
      </c>
      <c r="J1971" s="11">
        <v>44287</v>
      </c>
      <c r="K1971" s="11">
        <v>46477</v>
      </c>
    </row>
    <row r="1972" spans="1:11" x14ac:dyDescent="0.4">
      <c r="A1972" s="8" t="s">
        <v>11818</v>
      </c>
      <c r="B1972" s="8" t="s">
        <v>633</v>
      </c>
      <c r="C1972" s="9" t="s">
        <v>18268</v>
      </c>
      <c r="D1972" s="9" t="s">
        <v>18269</v>
      </c>
      <c r="E1972" s="10"/>
      <c r="F1972" s="10" t="s">
        <v>18270</v>
      </c>
      <c r="G1972" s="8" t="s">
        <v>18271</v>
      </c>
      <c r="H1972" s="8" t="s">
        <v>18272</v>
      </c>
      <c r="I1972" s="11">
        <v>44279</v>
      </c>
      <c r="J1972" s="11">
        <v>44279</v>
      </c>
      <c r="K1972" s="11">
        <v>46691</v>
      </c>
    </row>
    <row r="1973" spans="1:11" x14ac:dyDescent="0.4">
      <c r="A1973" s="8" t="s">
        <v>11818</v>
      </c>
      <c r="B1973" s="8" t="s">
        <v>633</v>
      </c>
      <c r="C1973" s="9" t="s">
        <v>18273</v>
      </c>
      <c r="D1973" s="9" t="s">
        <v>18274</v>
      </c>
      <c r="E1973" s="10"/>
      <c r="F1973" s="10" t="s">
        <v>18263</v>
      </c>
      <c r="G1973" s="8" t="s">
        <v>12183</v>
      </c>
      <c r="H1973" s="8" t="s">
        <v>18275</v>
      </c>
      <c r="I1973" s="11">
        <v>44287</v>
      </c>
      <c r="J1973" s="11">
        <v>44287</v>
      </c>
      <c r="K1973" s="11">
        <v>46660</v>
      </c>
    </row>
    <row r="1974" spans="1:11" x14ac:dyDescent="0.4">
      <c r="A1974" s="8" t="s">
        <v>11818</v>
      </c>
      <c r="B1974" s="8" t="s">
        <v>633</v>
      </c>
      <c r="C1974" s="9" t="s">
        <v>18276</v>
      </c>
      <c r="D1974" s="9" t="s">
        <v>18277</v>
      </c>
      <c r="E1974" s="10"/>
      <c r="F1974" s="10" t="s">
        <v>18263</v>
      </c>
      <c r="G1974" s="8" t="s">
        <v>12183</v>
      </c>
      <c r="H1974" s="8" t="s">
        <v>18278</v>
      </c>
      <c r="I1974" s="11">
        <v>44287</v>
      </c>
      <c r="J1974" s="11">
        <v>44287</v>
      </c>
      <c r="K1974" s="11">
        <v>46660</v>
      </c>
    </row>
    <row r="1975" spans="1:11" x14ac:dyDescent="0.4">
      <c r="A1975" s="8" t="s">
        <v>11818</v>
      </c>
      <c r="B1975" s="8" t="s">
        <v>633</v>
      </c>
      <c r="C1975" s="9" t="s">
        <v>18279</v>
      </c>
      <c r="D1975" s="9" t="s">
        <v>18280</v>
      </c>
      <c r="E1975" s="10" t="s">
        <v>18281</v>
      </c>
      <c r="F1975" s="10" t="s">
        <v>1781</v>
      </c>
      <c r="G1975" s="8" t="s">
        <v>14917</v>
      </c>
      <c r="H1975" s="8" t="s">
        <v>18282</v>
      </c>
      <c r="I1975" s="11">
        <v>44279</v>
      </c>
      <c r="J1975" s="11">
        <v>44279</v>
      </c>
      <c r="K1975" s="11">
        <v>46691</v>
      </c>
    </row>
    <row r="1976" spans="1:11" x14ac:dyDescent="0.4">
      <c r="A1976" s="8" t="s">
        <v>11818</v>
      </c>
      <c r="B1976" s="8" t="s">
        <v>48</v>
      </c>
      <c r="C1976" s="9" t="s">
        <v>18283</v>
      </c>
      <c r="D1976" s="9" t="s">
        <v>15128</v>
      </c>
      <c r="E1976" s="10" t="s">
        <v>12967</v>
      </c>
      <c r="F1976" s="10"/>
      <c r="G1976" s="8"/>
      <c r="H1976" s="8" t="s">
        <v>18284</v>
      </c>
      <c r="I1976" s="11">
        <v>44280</v>
      </c>
      <c r="J1976" s="11">
        <v>44280</v>
      </c>
      <c r="K1976" s="11">
        <v>46356</v>
      </c>
    </row>
    <row r="1977" spans="1:11" x14ac:dyDescent="0.4">
      <c r="A1977" s="8" t="s">
        <v>11818</v>
      </c>
      <c r="B1977" s="8" t="s">
        <v>48</v>
      </c>
      <c r="C1977" s="9" t="s">
        <v>18285</v>
      </c>
      <c r="D1977" s="9" t="s">
        <v>18286</v>
      </c>
      <c r="E1977" s="10"/>
      <c r="F1977" s="10"/>
      <c r="G1977" s="8"/>
      <c r="H1977" s="8" t="s">
        <v>18287</v>
      </c>
      <c r="I1977" s="11">
        <v>44287</v>
      </c>
      <c r="J1977" s="11">
        <v>44287</v>
      </c>
      <c r="K1977" s="11">
        <v>46326</v>
      </c>
    </row>
    <row r="1978" spans="1:11" x14ac:dyDescent="0.4">
      <c r="A1978" s="8" t="s">
        <v>11818</v>
      </c>
      <c r="B1978" s="8" t="s">
        <v>633</v>
      </c>
      <c r="C1978" s="9" t="s">
        <v>18288</v>
      </c>
      <c r="D1978" s="9" t="s">
        <v>18289</v>
      </c>
      <c r="E1978" s="10" t="s">
        <v>18290</v>
      </c>
      <c r="F1978" s="10" t="s">
        <v>2634</v>
      </c>
      <c r="G1978" s="8" t="s">
        <v>12325</v>
      </c>
      <c r="H1978" s="8" t="s">
        <v>18291</v>
      </c>
      <c r="I1978" s="11">
        <v>44287</v>
      </c>
      <c r="J1978" s="11">
        <v>44287</v>
      </c>
      <c r="K1978" s="11">
        <v>47057</v>
      </c>
    </row>
    <row r="1979" spans="1:11" x14ac:dyDescent="0.4">
      <c r="A1979" s="8" t="s">
        <v>11818</v>
      </c>
      <c r="B1979" s="8" t="s">
        <v>633</v>
      </c>
      <c r="C1979" s="9" t="s">
        <v>18292</v>
      </c>
      <c r="D1979" s="9" t="s">
        <v>18293</v>
      </c>
      <c r="E1979" s="10" t="s">
        <v>18294</v>
      </c>
      <c r="F1979" s="10" t="s">
        <v>1781</v>
      </c>
      <c r="G1979" s="8" t="s">
        <v>14917</v>
      </c>
      <c r="H1979" s="8" t="s">
        <v>18295</v>
      </c>
      <c r="I1979" s="11">
        <v>44287</v>
      </c>
      <c r="J1979" s="11">
        <v>44287</v>
      </c>
      <c r="K1979" s="11">
        <v>46691</v>
      </c>
    </row>
    <row r="1980" spans="1:11" x14ac:dyDescent="0.4">
      <c r="A1980" s="8" t="s">
        <v>11818</v>
      </c>
      <c r="B1980" s="8" t="s">
        <v>633</v>
      </c>
      <c r="C1980" s="9" t="s">
        <v>18296</v>
      </c>
      <c r="D1980" s="9" t="s">
        <v>18297</v>
      </c>
      <c r="E1980" s="10" t="s">
        <v>18298</v>
      </c>
      <c r="F1980" s="10" t="s">
        <v>1781</v>
      </c>
      <c r="G1980" s="8" t="s">
        <v>14917</v>
      </c>
      <c r="H1980" s="8" t="s">
        <v>18299</v>
      </c>
      <c r="I1980" s="11">
        <v>44287</v>
      </c>
      <c r="J1980" s="11">
        <v>44287</v>
      </c>
      <c r="K1980" s="11">
        <v>46507</v>
      </c>
    </row>
    <row r="1981" spans="1:11" x14ac:dyDescent="0.4">
      <c r="A1981" s="8" t="s">
        <v>11818</v>
      </c>
      <c r="B1981" s="8" t="s">
        <v>633</v>
      </c>
      <c r="C1981" s="9" t="s">
        <v>18300</v>
      </c>
      <c r="D1981" s="9" t="s">
        <v>18301</v>
      </c>
      <c r="E1981" s="10" t="s">
        <v>18302</v>
      </c>
      <c r="F1981" s="10" t="s">
        <v>1781</v>
      </c>
      <c r="G1981" s="8" t="s">
        <v>14917</v>
      </c>
      <c r="H1981" s="8" t="s">
        <v>18303</v>
      </c>
      <c r="I1981" s="11">
        <v>44287</v>
      </c>
      <c r="J1981" s="11">
        <v>44287</v>
      </c>
      <c r="K1981" s="11">
        <v>46477</v>
      </c>
    </row>
    <row r="1982" spans="1:11" x14ac:dyDescent="0.4">
      <c r="A1982" s="8" t="s">
        <v>11818</v>
      </c>
      <c r="B1982" s="8" t="s">
        <v>633</v>
      </c>
      <c r="C1982" s="9" t="s">
        <v>18304</v>
      </c>
      <c r="D1982" s="9" t="s">
        <v>18305</v>
      </c>
      <c r="E1982" s="10" t="s">
        <v>18306</v>
      </c>
      <c r="F1982" s="10" t="s">
        <v>1781</v>
      </c>
      <c r="G1982" s="8" t="s">
        <v>14917</v>
      </c>
      <c r="H1982" s="8" t="s">
        <v>18307</v>
      </c>
      <c r="I1982" s="11">
        <v>44287</v>
      </c>
      <c r="J1982" s="11">
        <v>44287</v>
      </c>
      <c r="K1982" s="11">
        <v>46477</v>
      </c>
    </row>
    <row r="1983" spans="1:11" x14ac:dyDescent="0.4">
      <c r="A1983" s="8" t="s">
        <v>11818</v>
      </c>
      <c r="B1983" s="8" t="s">
        <v>48</v>
      </c>
      <c r="C1983" s="9" t="s">
        <v>18308</v>
      </c>
      <c r="D1983" s="9" t="s">
        <v>16038</v>
      </c>
      <c r="E1983" s="10" t="s">
        <v>18309</v>
      </c>
      <c r="F1983" s="10"/>
      <c r="G1983" s="8"/>
      <c r="H1983" s="8" t="s">
        <v>18310</v>
      </c>
      <c r="I1983" s="11">
        <v>44281</v>
      </c>
      <c r="J1983" s="11">
        <v>44281</v>
      </c>
      <c r="K1983" s="11">
        <v>46721</v>
      </c>
    </row>
    <row r="1984" spans="1:11" x14ac:dyDescent="0.4">
      <c r="A1984" s="8" t="s">
        <v>11818</v>
      </c>
      <c r="B1984" s="8" t="s">
        <v>633</v>
      </c>
      <c r="C1984" s="9" t="s">
        <v>18311</v>
      </c>
      <c r="D1984" s="9" t="s">
        <v>18312</v>
      </c>
      <c r="E1984" s="10"/>
      <c r="F1984" s="10" t="s">
        <v>13479</v>
      </c>
      <c r="G1984" s="8" t="s">
        <v>14405</v>
      </c>
      <c r="H1984" s="8" t="s">
        <v>18313</v>
      </c>
      <c r="I1984" s="11">
        <v>44287</v>
      </c>
      <c r="J1984" s="11">
        <v>44287</v>
      </c>
      <c r="K1984" s="11">
        <v>46477</v>
      </c>
    </row>
    <row r="1985" spans="1:11" x14ac:dyDescent="0.4">
      <c r="A1985" s="8" t="s">
        <v>11818</v>
      </c>
      <c r="B1985" s="8" t="s">
        <v>48</v>
      </c>
      <c r="C1985" s="9" t="s">
        <v>18314</v>
      </c>
      <c r="D1985" s="9" t="s">
        <v>14162</v>
      </c>
      <c r="E1985" s="10" t="s">
        <v>18315</v>
      </c>
      <c r="F1985" s="10" t="s">
        <v>18316</v>
      </c>
      <c r="G1985" s="8" t="s">
        <v>18317</v>
      </c>
      <c r="H1985" s="8" t="s">
        <v>18318</v>
      </c>
      <c r="I1985" s="11">
        <v>44281</v>
      </c>
      <c r="J1985" s="11">
        <v>44281</v>
      </c>
      <c r="K1985" s="11">
        <v>46721</v>
      </c>
    </row>
    <row r="1986" spans="1:11" x14ac:dyDescent="0.4">
      <c r="A1986" s="8" t="s">
        <v>11818</v>
      </c>
      <c r="B1986" s="8" t="s">
        <v>9278</v>
      </c>
      <c r="C1986" s="9" t="s">
        <v>18319</v>
      </c>
      <c r="D1986" s="9" t="s">
        <v>17163</v>
      </c>
      <c r="E1986" s="10"/>
      <c r="F1986" s="10"/>
      <c r="G1986" s="8"/>
      <c r="H1986" s="8" t="s">
        <v>18320</v>
      </c>
      <c r="I1986" s="11">
        <v>44281</v>
      </c>
      <c r="J1986" s="11">
        <v>44281</v>
      </c>
      <c r="K1986" s="11">
        <v>46507</v>
      </c>
    </row>
    <row r="1987" spans="1:11" x14ac:dyDescent="0.4">
      <c r="A1987" s="8" t="s">
        <v>11818</v>
      </c>
      <c r="B1987" s="8" t="s">
        <v>633</v>
      </c>
      <c r="C1987" s="9" t="s">
        <v>18321</v>
      </c>
      <c r="D1987" s="9" t="s">
        <v>18322</v>
      </c>
      <c r="E1987" s="10" t="s">
        <v>18321</v>
      </c>
      <c r="F1987" s="10" t="s">
        <v>2913</v>
      </c>
      <c r="G1987" s="8" t="s">
        <v>14583</v>
      </c>
      <c r="H1987" s="8" t="s">
        <v>18323</v>
      </c>
      <c r="I1987" s="11">
        <v>44287</v>
      </c>
      <c r="J1987" s="11">
        <v>44287</v>
      </c>
      <c r="K1987" s="11">
        <v>46568</v>
      </c>
    </row>
    <row r="1988" spans="1:11" x14ac:dyDescent="0.4">
      <c r="A1988" s="8" t="s">
        <v>11818</v>
      </c>
      <c r="B1988" s="8" t="s">
        <v>633</v>
      </c>
      <c r="C1988" s="9" t="s">
        <v>18324</v>
      </c>
      <c r="D1988" s="9" t="s">
        <v>18325</v>
      </c>
      <c r="E1988" s="10"/>
      <c r="F1988" s="10" t="s">
        <v>18215</v>
      </c>
      <c r="G1988" s="8" t="s">
        <v>18216</v>
      </c>
      <c r="H1988" s="8" t="s">
        <v>18326</v>
      </c>
      <c r="I1988" s="11">
        <v>44287</v>
      </c>
      <c r="J1988" s="11">
        <v>44287</v>
      </c>
      <c r="K1988" s="11">
        <v>46873</v>
      </c>
    </row>
    <row r="1989" spans="1:11" x14ac:dyDescent="0.4">
      <c r="A1989" s="8" t="s">
        <v>11818</v>
      </c>
      <c r="B1989" s="8" t="s">
        <v>633</v>
      </c>
      <c r="C1989" s="9" t="s">
        <v>18327</v>
      </c>
      <c r="D1989" s="9" t="s">
        <v>18328</v>
      </c>
      <c r="E1989" s="10"/>
      <c r="F1989" s="10" t="s">
        <v>18215</v>
      </c>
      <c r="G1989" s="8" t="s">
        <v>18216</v>
      </c>
      <c r="H1989" s="8" t="s">
        <v>18329</v>
      </c>
      <c r="I1989" s="11">
        <v>44287</v>
      </c>
      <c r="J1989" s="11">
        <v>44287</v>
      </c>
      <c r="K1989" s="11">
        <v>46477</v>
      </c>
    </row>
    <row r="1990" spans="1:11" x14ac:dyDescent="0.4">
      <c r="A1990" s="8" t="s">
        <v>11818</v>
      </c>
      <c r="B1990" s="8" t="s">
        <v>633</v>
      </c>
      <c r="C1990" s="9" t="s">
        <v>18330</v>
      </c>
      <c r="D1990" s="9" t="s">
        <v>18331</v>
      </c>
      <c r="E1990" s="10"/>
      <c r="F1990" s="10" t="s">
        <v>18215</v>
      </c>
      <c r="G1990" s="8" t="s">
        <v>18216</v>
      </c>
      <c r="H1990" s="8" t="s">
        <v>18332</v>
      </c>
      <c r="I1990" s="11">
        <v>44287</v>
      </c>
      <c r="J1990" s="11">
        <v>44287</v>
      </c>
      <c r="K1990" s="11">
        <v>46477</v>
      </c>
    </row>
    <row r="1991" spans="1:11" x14ac:dyDescent="0.4">
      <c r="A1991" s="8" t="s">
        <v>11818</v>
      </c>
      <c r="B1991" s="8" t="s">
        <v>633</v>
      </c>
      <c r="C1991" s="9" t="s">
        <v>18333</v>
      </c>
      <c r="D1991" s="9" t="s">
        <v>18334</v>
      </c>
      <c r="E1991" s="10"/>
      <c r="F1991" s="10" t="s">
        <v>18215</v>
      </c>
      <c r="G1991" s="8" t="s">
        <v>18216</v>
      </c>
      <c r="H1991" s="8" t="s">
        <v>18335</v>
      </c>
      <c r="I1991" s="11">
        <v>44287</v>
      </c>
      <c r="J1991" s="11">
        <v>44287</v>
      </c>
      <c r="K1991" s="11">
        <v>46660</v>
      </c>
    </row>
    <row r="1992" spans="1:11" x14ac:dyDescent="0.4">
      <c r="A1992" s="8" t="s">
        <v>11818</v>
      </c>
      <c r="B1992" s="8" t="s">
        <v>633</v>
      </c>
      <c r="C1992" s="9" t="s">
        <v>18336</v>
      </c>
      <c r="D1992" s="9" t="s">
        <v>18337</v>
      </c>
      <c r="E1992" s="10"/>
      <c r="F1992" s="10" t="s">
        <v>18215</v>
      </c>
      <c r="G1992" s="8" t="s">
        <v>18216</v>
      </c>
      <c r="H1992" s="8" t="s">
        <v>18338</v>
      </c>
      <c r="I1992" s="11">
        <v>44287</v>
      </c>
      <c r="J1992" s="11">
        <v>44287</v>
      </c>
      <c r="K1992" s="11">
        <v>47057</v>
      </c>
    </row>
    <row r="1993" spans="1:11" x14ac:dyDescent="0.4">
      <c r="A1993" s="8" t="s">
        <v>11818</v>
      </c>
      <c r="B1993" s="8" t="s">
        <v>633</v>
      </c>
      <c r="C1993" s="9" t="s">
        <v>18339</v>
      </c>
      <c r="D1993" s="9" t="s">
        <v>18340</v>
      </c>
      <c r="E1993" s="10" t="s">
        <v>18341</v>
      </c>
      <c r="F1993" s="10" t="s">
        <v>16603</v>
      </c>
      <c r="G1993" s="8" t="s">
        <v>16604</v>
      </c>
      <c r="H1993" s="8" t="s">
        <v>18342</v>
      </c>
      <c r="I1993" s="11">
        <v>44287</v>
      </c>
      <c r="J1993" s="11">
        <v>44287</v>
      </c>
      <c r="K1993" s="11">
        <v>46691</v>
      </c>
    </row>
    <row r="1994" spans="1:11" x14ac:dyDescent="0.4">
      <c r="A1994" s="8" t="s">
        <v>11818</v>
      </c>
      <c r="B1994" s="8" t="s">
        <v>633</v>
      </c>
      <c r="C1994" s="9" t="s">
        <v>18343</v>
      </c>
      <c r="D1994" s="9" t="s">
        <v>18344</v>
      </c>
      <c r="E1994" s="10"/>
      <c r="F1994" s="10" t="s">
        <v>2634</v>
      </c>
      <c r="G1994" s="8" t="s">
        <v>12325</v>
      </c>
      <c r="H1994" s="8" t="s">
        <v>18345</v>
      </c>
      <c r="I1994" s="11">
        <v>44285</v>
      </c>
      <c r="J1994" s="11">
        <v>44285</v>
      </c>
      <c r="K1994" s="11">
        <v>46660</v>
      </c>
    </row>
    <row r="1995" spans="1:11" x14ac:dyDescent="0.4">
      <c r="A1995" s="8" t="s">
        <v>11818</v>
      </c>
      <c r="B1995" s="8" t="s">
        <v>633</v>
      </c>
      <c r="C1995" s="9" t="s">
        <v>18346</v>
      </c>
      <c r="D1995" s="9" t="s">
        <v>18347</v>
      </c>
      <c r="E1995" s="10"/>
      <c r="F1995" s="10" t="s">
        <v>2634</v>
      </c>
      <c r="G1995" s="8" t="s">
        <v>12325</v>
      </c>
      <c r="H1995" s="8" t="s">
        <v>18348</v>
      </c>
      <c r="I1995" s="11">
        <v>44287</v>
      </c>
      <c r="J1995" s="11">
        <v>44287</v>
      </c>
      <c r="K1995" s="11">
        <v>46691</v>
      </c>
    </row>
    <row r="1996" spans="1:11" x14ac:dyDescent="0.4">
      <c r="A1996" s="8" t="s">
        <v>11818</v>
      </c>
      <c r="B1996" s="8" t="s">
        <v>6444</v>
      </c>
      <c r="C1996" s="9" t="s">
        <v>18349</v>
      </c>
      <c r="D1996" s="9" t="s">
        <v>12963</v>
      </c>
      <c r="E1996" s="10" t="s">
        <v>18350</v>
      </c>
      <c r="F1996" s="10"/>
      <c r="G1996" s="8"/>
      <c r="H1996" s="8" t="s">
        <v>18351</v>
      </c>
      <c r="I1996" s="11">
        <v>44285</v>
      </c>
      <c r="J1996" s="11">
        <v>44286</v>
      </c>
      <c r="K1996" s="11">
        <v>46721</v>
      </c>
    </row>
    <row r="1997" spans="1:11" x14ac:dyDescent="0.4">
      <c r="A1997" s="8" t="s">
        <v>11818</v>
      </c>
      <c r="B1997" s="8" t="s">
        <v>48</v>
      </c>
      <c r="C1997" s="9" t="s">
        <v>18352</v>
      </c>
      <c r="D1997" s="9" t="s">
        <v>17007</v>
      </c>
      <c r="E1997" s="10" t="s">
        <v>18353</v>
      </c>
      <c r="F1997" s="10"/>
      <c r="G1997" s="8"/>
      <c r="H1997" s="8" t="s">
        <v>18354</v>
      </c>
      <c r="I1997" s="11">
        <v>44286</v>
      </c>
      <c r="J1997" s="11">
        <v>44286</v>
      </c>
      <c r="K1997" s="11">
        <v>46721</v>
      </c>
    </row>
    <row r="1998" spans="1:11" x14ac:dyDescent="0.4">
      <c r="A1998" s="8" t="s">
        <v>11818</v>
      </c>
      <c r="B1998" s="8" t="s">
        <v>48</v>
      </c>
      <c r="C1998" s="9" t="s">
        <v>18355</v>
      </c>
      <c r="D1998" s="9" t="s">
        <v>18356</v>
      </c>
      <c r="E1998" s="10" t="s">
        <v>16978</v>
      </c>
      <c r="F1998" s="10"/>
      <c r="G1998" s="8"/>
      <c r="H1998" s="8" t="s">
        <v>18357</v>
      </c>
      <c r="I1998" s="11">
        <v>44286</v>
      </c>
      <c r="J1998" s="11">
        <v>44286</v>
      </c>
      <c r="K1998" s="11">
        <v>46721</v>
      </c>
    </row>
    <row r="1999" spans="1:11" x14ac:dyDescent="0.4">
      <c r="A1999" s="8" t="s">
        <v>11818</v>
      </c>
      <c r="B1999" s="8" t="s">
        <v>633</v>
      </c>
      <c r="C1999" s="9" t="s">
        <v>18358</v>
      </c>
      <c r="D1999" s="9" t="s">
        <v>18359</v>
      </c>
      <c r="E1999" s="10"/>
      <c r="F1999" s="10" t="s">
        <v>6000</v>
      </c>
      <c r="G1999" s="8" t="s">
        <v>13540</v>
      </c>
      <c r="H1999" s="8" t="s">
        <v>18360</v>
      </c>
      <c r="I1999" s="11">
        <v>44287</v>
      </c>
      <c r="J1999" s="11">
        <v>44287</v>
      </c>
      <c r="K1999" s="11">
        <v>46507</v>
      </c>
    </row>
    <row r="2000" spans="1:11" x14ac:dyDescent="0.4">
      <c r="A2000" s="8" t="s">
        <v>11818</v>
      </c>
      <c r="B2000" s="8" t="s">
        <v>633</v>
      </c>
      <c r="C2000" s="9" t="s">
        <v>18361</v>
      </c>
      <c r="D2000" s="9" t="s">
        <v>18362</v>
      </c>
      <c r="E2000" s="10"/>
      <c r="F2000" s="10" t="s">
        <v>18263</v>
      </c>
      <c r="G2000" s="8" t="s">
        <v>12183</v>
      </c>
      <c r="H2000" s="8" t="s">
        <v>18363</v>
      </c>
      <c r="I2000" s="11">
        <v>44287</v>
      </c>
      <c r="J2000" s="11">
        <v>44287</v>
      </c>
      <c r="K2000" s="11">
        <v>46873</v>
      </c>
    </row>
    <row r="2001" spans="1:11" x14ac:dyDescent="0.4">
      <c r="A2001" s="8" t="s">
        <v>11818</v>
      </c>
      <c r="B2001" s="8" t="s">
        <v>633</v>
      </c>
      <c r="C2001" s="9" t="s">
        <v>18364</v>
      </c>
      <c r="D2001" s="9" t="s">
        <v>18365</v>
      </c>
      <c r="E2001" s="10"/>
      <c r="F2001" s="10" t="s">
        <v>14995</v>
      </c>
      <c r="G2001" s="8" t="s">
        <v>14996</v>
      </c>
      <c r="H2001" s="8" t="s">
        <v>18366</v>
      </c>
      <c r="I2001" s="11">
        <v>44294</v>
      </c>
      <c r="J2001" s="11">
        <v>44294</v>
      </c>
      <c r="K2001" s="11">
        <v>46568</v>
      </c>
    </row>
    <row r="2002" spans="1:11" x14ac:dyDescent="0.4">
      <c r="A2002" s="8" t="s">
        <v>11818</v>
      </c>
      <c r="B2002" s="8" t="s">
        <v>633</v>
      </c>
      <c r="C2002" s="9" t="s">
        <v>18367</v>
      </c>
      <c r="D2002" s="9" t="s">
        <v>18368</v>
      </c>
      <c r="E2002" s="10" t="s">
        <v>18369</v>
      </c>
      <c r="F2002" s="10" t="s">
        <v>2634</v>
      </c>
      <c r="G2002" s="8" t="s">
        <v>12325</v>
      </c>
      <c r="H2002" s="8" t="s">
        <v>18370</v>
      </c>
      <c r="I2002" s="11">
        <v>44287</v>
      </c>
      <c r="J2002" s="11">
        <v>44287</v>
      </c>
      <c r="K2002" s="11">
        <v>46568</v>
      </c>
    </row>
    <row r="2003" spans="1:11" x14ac:dyDescent="0.4">
      <c r="A2003" s="8" t="s">
        <v>11818</v>
      </c>
      <c r="B2003" s="8" t="s">
        <v>633</v>
      </c>
      <c r="C2003" s="9" t="s">
        <v>18371</v>
      </c>
      <c r="D2003" s="9" t="s">
        <v>18372</v>
      </c>
      <c r="E2003" s="10" t="s">
        <v>18373</v>
      </c>
      <c r="F2003" s="10" t="s">
        <v>2634</v>
      </c>
      <c r="G2003" s="8" t="s">
        <v>12325</v>
      </c>
      <c r="H2003" s="8" t="s">
        <v>18374</v>
      </c>
      <c r="I2003" s="11">
        <v>44287</v>
      </c>
      <c r="J2003" s="11">
        <v>44287</v>
      </c>
      <c r="K2003" s="11">
        <v>46568</v>
      </c>
    </row>
    <row r="2004" spans="1:11" x14ac:dyDescent="0.4">
      <c r="A2004" s="8" t="s">
        <v>11818</v>
      </c>
      <c r="B2004" s="8" t="s">
        <v>633</v>
      </c>
      <c r="C2004" s="9" t="s">
        <v>18375</v>
      </c>
      <c r="D2004" s="9" t="s">
        <v>18376</v>
      </c>
      <c r="E2004" s="10" t="s">
        <v>18377</v>
      </c>
      <c r="F2004" s="10" t="s">
        <v>2634</v>
      </c>
      <c r="G2004" s="8" t="s">
        <v>12325</v>
      </c>
      <c r="H2004" s="8" t="s">
        <v>18378</v>
      </c>
      <c r="I2004" s="11">
        <v>44287</v>
      </c>
      <c r="J2004" s="11">
        <v>44287</v>
      </c>
      <c r="K2004" s="11">
        <v>46568</v>
      </c>
    </row>
    <row r="2005" spans="1:11" x14ac:dyDescent="0.4">
      <c r="A2005" s="8" t="s">
        <v>11818</v>
      </c>
      <c r="B2005" s="8" t="s">
        <v>633</v>
      </c>
      <c r="C2005" s="9" t="s">
        <v>18379</v>
      </c>
      <c r="D2005" s="9" t="s">
        <v>18380</v>
      </c>
      <c r="E2005" s="10" t="s">
        <v>18381</v>
      </c>
      <c r="F2005" s="10" t="s">
        <v>2634</v>
      </c>
      <c r="G2005" s="8" t="s">
        <v>12325</v>
      </c>
      <c r="H2005" s="8" t="s">
        <v>18382</v>
      </c>
      <c r="I2005" s="11">
        <v>44287</v>
      </c>
      <c r="J2005" s="11">
        <v>44287</v>
      </c>
      <c r="K2005" s="11">
        <v>46568</v>
      </c>
    </row>
    <row r="2006" spans="1:11" x14ac:dyDescent="0.4">
      <c r="A2006" s="8" t="s">
        <v>11818</v>
      </c>
      <c r="B2006" s="8" t="s">
        <v>48</v>
      </c>
      <c r="C2006" s="9" t="s">
        <v>18383</v>
      </c>
      <c r="D2006" s="9" t="s">
        <v>17675</v>
      </c>
      <c r="E2006" s="10" t="s">
        <v>18384</v>
      </c>
      <c r="F2006" s="10"/>
      <c r="G2006" s="8"/>
      <c r="H2006" s="8" t="s">
        <v>18385</v>
      </c>
      <c r="I2006" s="11">
        <v>44288</v>
      </c>
      <c r="J2006" s="11">
        <v>44288</v>
      </c>
      <c r="K2006" s="11">
        <v>46721</v>
      </c>
    </row>
    <row r="2007" spans="1:11" x14ac:dyDescent="0.4">
      <c r="A2007" s="8" t="s">
        <v>11818</v>
      </c>
      <c r="B2007" s="8" t="s">
        <v>48</v>
      </c>
      <c r="C2007" s="9" t="s">
        <v>18386</v>
      </c>
      <c r="D2007" s="9" t="s">
        <v>18387</v>
      </c>
      <c r="E2007" s="10" t="s">
        <v>18388</v>
      </c>
      <c r="F2007" s="10"/>
      <c r="G2007" s="8"/>
      <c r="H2007" s="8" t="s">
        <v>18389</v>
      </c>
      <c r="I2007" s="11">
        <v>44288</v>
      </c>
      <c r="J2007" s="11">
        <v>44288</v>
      </c>
      <c r="K2007" s="11">
        <v>46721</v>
      </c>
    </row>
    <row r="2008" spans="1:11" x14ac:dyDescent="0.4">
      <c r="A2008" s="8" t="s">
        <v>11818</v>
      </c>
      <c r="B2008" s="8" t="s">
        <v>698</v>
      </c>
      <c r="C2008" s="9" t="s">
        <v>18390</v>
      </c>
      <c r="D2008" s="9" t="s">
        <v>18391</v>
      </c>
      <c r="E2008" s="10"/>
      <c r="F2008" s="10"/>
      <c r="G2008" s="8"/>
      <c r="H2008" s="8" t="s">
        <v>18392</v>
      </c>
      <c r="I2008" s="11">
        <v>44291</v>
      </c>
      <c r="J2008" s="11">
        <v>44291</v>
      </c>
      <c r="K2008" s="11">
        <v>46507</v>
      </c>
    </row>
    <row r="2009" spans="1:11" x14ac:dyDescent="0.4">
      <c r="A2009" s="8" t="s">
        <v>11818</v>
      </c>
      <c r="B2009" s="8" t="s">
        <v>1871</v>
      </c>
      <c r="C2009" s="9" t="s">
        <v>18393</v>
      </c>
      <c r="D2009" s="9" t="s">
        <v>15365</v>
      </c>
      <c r="E2009" s="10"/>
      <c r="F2009" s="10"/>
      <c r="G2009" s="8"/>
      <c r="H2009" s="8" t="s">
        <v>18394</v>
      </c>
      <c r="I2009" s="11">
        <v>44293</v>
      </c>
      <c r="J2009" s="11">
        <v>44293</v>
      </c>
      <c r="K2009" s="11">
        <v>46173</v>
      </c>
    </row>
    <row r="2010" spans="1:11" x14ac:dyDescent="0.4">
      <c r="A2010" s="8" t="s">
        <v>11818</v>
      </c>
      <c r="B2010" s="8" t="s">
        <v>1871</v>
      </c>
      <c r="C2010" s="9" t="s">
        <v>18395</v>
      </c>
      <c r="D2010" s="9" t="s">
        <v>1332</v>
      </c>
      <c r="E2010" s="10"/>
      <c r="F2010" s="10"/>
      <c r="G2010" s="8"/>
      <c r="H2010" s="8" t="s">
        <v>18396</v>
      </c>
      <c r="I2010" s="11">
        <v>44295</v>
      </c>
      <c r="J2010" s="11">
        <v>44295</v>
      </c>
      <c r="K2010" s="11">
        <v>46173</v>
      </c>
    </row>
    <row r="2011" spans="1:11" x14ac:dyDescent="0.4">
      <c r="A2011" s="8" t="s">
        <v>11818</v>
      </c>
      <c r="B2011" s="8" t="s">
        <v>2044</v>
      </c>
      <c r="C2011" s="9" t="s">
        <v>18397</v>
      </c>
      <c r="D2011" s="9" t="s">
        <v>13951</v>
      </c>
      <c r="E2011" s="10" t="s">
        <v>18398</v>
      </c>
      <c r="F2011" s="10"/>
      <c r="G2011" s="8"/>
      <c r="H2011" s="8" t="s">
        <v>18399</v>
      </c>
      <c r="I2011" s="11">
        <v>44299</v>
      </c>
      <c r="J2011" s="11">
        <v>44299</v>
      </c>
      <c r="K2011" s="11">
        <v>46843</v>
      </c>
    </row>
    <row r="2012" spans="1:11" x14ac:dyDescent="0.4">
      <c r="A2012" s="8" t="s">
        <v>11818</v>
      </c>
      <c r="B2012" s="8" t="s">
        <v>48</v>
      </c>
      <c r="C2012" s="9" t="s">
        <v>18400</v>
      </c>
      <c r="D2012" s="9" t="s">
        <v>18401</v>
      </c>
      <c r="E2012" s="10" t="s">
        <v>18402</v>
      </c>
      <c r="F2012" s="10"/>
      <c r="G2012" s="8"/>
      <c r="H2012" s="8" t="s">
        <v>18403</v>
      </c>
      <c r="I2012" s="11">
        <v>44309</v>
      </c>
      <c r="J2012" s="11">
        <v>44309</v>
      </c>
      <c r="K2012" s="11">
        <v>46721</v>
      </c>
    </row>
    <row r="2013" spans="1:11" x14ac:dyDescent="0.4">
      <c r="A2013" s="8" t="s">
        <v>11818</v>
      </c>
      <c r="B2013" s="8" t="s">
        <v>1871</v>
      </c>
      <c r="C2013" s="9" t="s">
        <v>18404</v>
      </c>
      <c r="D2013" s="9" t="s">
        <v>1332</v>
      </c>
      <c r="E2013" s="10"/>
      <c r="F2013" s="10" t="s">
        <v>18405</v>
      </c>
      <c r="G2013" s="8" t="s">
        <v>18406</v>
      </c>
      <c r="H2013" s="8" t="s">
        <v>18407</v>
      </c>
      <c r="I2013" s="11">
        <v>44300</v>
      </c>
      <c r="J2013" s="11">
        <v>44300</v>
      </c>
      <c r="K2013" s="11">
        <v>46173</v>
      </c>
    </row>
    <row r="2014" spans="1:11" x14ac:dyDescent="0.4">
      <c r="A2014" s="8" t="s">
        <v>11818</v>
      </c>
      <c r="B2014" s="8" t="s">
        <v>1871</v>
      </c>
      <c r="C2014" s="9" t="s">
        <v>18408</v>
      </c>
      <c r="D2014" s="9" t="s">
        <v>1332</v>
      </c>
      <c r="E2014" s="10"/>
      <c r="F2014" s="10"/>
      <c r="G2014" s="8"/>
      <c r="H2014" s="8" t="s">
        <v>18409</v>
      </c>
      <c r="I2014" s="11">
        <v>44300</v>
      </c>
      <c r="J2014" s="11">
        <v>44300</v>
      </c>
      <c r="K2014" s="11">
        <v>46173</v>
      </c>
    </row>
    <row r="2015" spans="1:11" x14ac:dyDescent="0.4">
      <c r="A2015" s="8" t="s">
        <v>11818</v>
      </c>
      <c r="B2015" s="8" t="s">
        <v>1926</v>
      </c>
      <c r="C2015" s="9" t="s">
        <v>18410</v>
      </c>
      <c r="D2015" s="9" t="s">
        <v>18411</v>
      </c>
      <c r="E2015" s="10"/>
      <c r="F2015" s="10"/>
      <c r="G2015" s="8"/>
      <c r="H2015" s="8" t="s">
        <v>18412</v>
      </c>
      <c r="I2015" s="11">
        <v>44301</v>
      </c>
      <c r="J2015" s="11">
        <v>44301</v>
      </c>
      <c r="K2015" s="11">
        <v>46295</v>
      </c>
    </row>
    <row r="2016" spans="1:11" x14ac:dyDescent="0.4">
      <c r="A2016" s="8" t="s">
        <v>11818</v>
      </c>
      <c r="B2016" s="8" t="s">
        <v>3441</v>
      </c>
      <c r="C2016" s="9" t="s">
        <v>18413</v>
      </c>
      <c r="D2016" s="9" t="s">
        <v>18414</v>
      </c>
      <c r="E2016" s="10"/>
      <c r="F2016" s="10" t="s">
        <v>18415</v>
      </c>
      <c r="G2016" s="8" t="s">
        <v>18416</v>
      </c>
      <c r="H2016" s="8" t="s">
        <v>18417</v>
      </c>
      <c r="I2016" s="11">
        <v>44299</v>
      </c>
      <c r="J2016" s="11">
        <v>44299</v>
      </c>
      <c r="K2016" s="11">
        <v>46691</v>
      </c>
    </row>
    <row r="2017" spans="1:11" x14ac:dyDescent="0.4">
      <c r="A2017" s="8" t="s">
        <v>11818</v>
      </c>
      <c r="B2017" s="8" t="s">
        <v>48</v>
      </c>
      <c r="C2017" s="9" t="s">
        <v>18418</v>
      </c>
      <c r="D2017" s="9" t="s">
        <v>18419</v>
      </c>
      <c r="E2017" s="10"/>
      <c r="F2017" s="10"/>
      <c r="G2017" s="8"/>
      <c r="H2017" s="8" t="s">
        <v>18420</v>
      </c>
      <c r="I2017" s="11">
        <v>44307</v>
      </c>
      <c r="J2017" s="11">
        <v>44307</v>
      </c>
      <c r="K2017" s="11">
        <v>46660</v>
      </c>
    </row>
    <row r="2018" spans="1:11" x14ac:dyDescent="0.4">
      <c r="A2018" s="8" t="s">
        <v>11818</v>
      </c>
      <c r="B2018" s="8" t="s">
        <v>633</v>
      </c>
      <c r="C2018" s="9" t="s">
        <v>18421</v>
      </c>
      <c r="D2018" s="9" t="s">
        <v>18422</v>
      </c>
      <c r="E2018" s="10"/>
      <c r="F2018" s="10" t="s">
        <v>18423</v>
      </c>
      <c r="G2018" s="8" t="s">
        <v>18424</v>
      </c>
      <c r="H2018" s="8" t="s">
        <v>18425</v>
      </c>
      <c r="I2018" s="11">
        <v>44348</v>
      </c>
      <c r="J2018" s="11">
        <v>44348</v>
      </c>
      <c r="K2018" s="11">
        <v>46507</v>
      </c>
    </row>
    <row r="2019" spans="1:11" x14ac:dyDescent="0.4">
      <c r="A2019" s="8" t="s">
        <v>11818</v>
      </c>
      <c r="B2019" s="8" t="s">
        <v>698</v>
      </c>
      <c r="C2019" s="9" t="s">
        <v>18426</v>
      </c>
      <c r="D2019" s="9" t="s">
        <v>18427</v>
      </c>
      <c r="E2019" s="10"/>
      <c r="F2019" s="10"/>
      <c r="G2019" s="8"/>
      <c r="H2019" s="8" t="s">
        <v>18428</v>
      </c>
      <c r="I2019" s="11">
        <v>44302</v>
      </c>
      <c r="J2019" s="11">
        <v>44302</v>
      </c>
      <c r="K2019" s="11">
        <v>46843</v>
      </c>
    </row>
    <row r="2020" spans="1:11" x14ac:dyDescent="0.4">
      <c r="A2020" s="8" t="s">
        <v>11818</v>
      </c>
      <c r="B2020" s="8" t="s">
        <v>698</v>
      </c>
      <c r="C2020" s="9" t="s">
        <v>18429</v>
      </c>
      <c r="D2020" s="9" t="s">
        <v>18430</v>
      </c>
      <c r="E2020" s="10" t="s">
        <v>18431</v>
      </c>
      <c r="F2020" s="10"/>
      <c r="G2020" s="8"/>
      <c r="H2020" s="8" t="s">
        <v>18432</v>
      </c>
      <c r="I2020" s="11">
        <v>44302</v>
      </c>
      <c r="J2020" s="11">
        <v>44302</v>
      </c>
      <c r="K2020" s="11">
        <v>46721</v>
      </c>
    </row>
    <row r="2021" spans="1:11" x14ac:dyDescent="0.4">
      <c r="A2021" s="8" t="s">
        <v>11818</v>
      </c>
      <c r="B2021" s="8" t="s">
        <v>48</v>
      </c>
      <c r="C2021" s="9" t="s">
        <v>18433</v>
      </c>
      <c r="D2021" s="9" t="s">
        <v>18434</v>
      </c>
      <c r="E2021" s="10"/>
      <c r="F2021" s="10"/>
      <c r="G2021" s="8"/>
      <c r="H2021" s="8" t="s">
        <v>18435</v>
      </c>
      <c r="I2021" s="11">
        <v>44307</v>
      </c>
      <c r="J2021" s="11">
        <v>44307</v>
      </c>
      <c r="K2021" s="11">
        <v>46477</v>
      </c>
    </row>
    <row r="2022" spans="1:11" x14ac:dyDescent="0.4">
      <c r="A2022" s="8" t="s">
        <v>11818</v>
      </c>
      <c r="B2022" s="8" t="s">
        <v>48</v>
      </c>
      <c r="C2022" s="9" t="s">
        <v>18436</v>
      </c>
      <c r="D2022" s="9" t="s">
        <v>12121</v>
      </c>
      <c r="E2022" s="10"/>
      <c r="F2022" s="10" t="s">
        <v>9153</v>
      </c>
      <c r="G2022" s="8" t="s">
        <v>15243</v>
      </c>
      <c r="H2022" s="8" t="s">
        <v>18437</v>
      </c>
      <c r="I2022" s="11">
        <v>44310</v>
      </c>
      <c r="J2022" s="11">
        <v>44310</v>
      </c>
      <c r="K2022" s="11">
        <v>46295</v>
      </c>
    </row>
    <row r="2023" spans="1:11" x14ac:dyDescent="0.4">
      <c r="A2023" s="8" t="s">
        <v>11818</v>
      </c>
      <c r="B2023" s="8" t="s">
        <v>2044</v>
      </c>
      <c r="C2023" s="9" t="s">
        <v>18438</v>
      </c>
      <c r="D2023" s="9" t="s">
        <v>18439</v>
      </c>
      <c r="E2023" s="10"/>
      <c r="F2023" s="10" t="s">
        <v>13524</v>
      </c>
      <c r="G2023" s="8" t="s">
        <v>13525</v>
      </c>
      <c r="H2023" s="8" t="s">
        <v>18440</v>
      </c>
      <c r="I2023" s="11">
        <v>44314</v>
      </c>
      <c r="J2023" s="11">
        <v>44314</v>
      </c>
      <c r="K2023" s="11">
        <v>46538</v>
      </c>
    </row>
    <row r="2024" spans="1:11" x14ac:dyDescent="0.4">
      <c r="A2024" s="8" t="s">
        <v>11818</v>
      </c>
      <c r="B2024" s="8" t="s">
        <v>48</v>
      </c>
      <c r="C2024" s="9" t="s">
        <v>10465</v>
      </c>
      <c r="D2024" s="9" t="s">
        <v>17819</v>
      </c>
      <c r="E2024" s="10"/>
      <c r="F2024" s="10"/>
      <c r="G2024" s="8"/>
      <c r="H2024" s="8" t="s">
        <v>18441</v>
      </c>
      <c r="I2024" s="11">
        <v>44316</v>
      </c>
      <c r="J2024" s="11">
        <v>44316</v>
      </c>
      <c r="K2024" s="11">
        <v>46356</v>
      </c>
    </row>
    <row r="2025" spans="1:11" x14ac:dyDescent="0.4">
      <c r="A2025" s="8" t="s">
        <v>11818</v>
      </c>
      <c r="B2025" s="8" t="s">
        <v>633</v>
      </c>
      <c r="C2025" s="9" t="s">
        <v>18442</v>
      </c>
      <c r="D2025" s="9" t="s">
        <v>18443</v>
      </c>
      <c r="E2025" s="10"/>
      <c r="F2025" s="10" t="s">
        <v>2913</v>
      </c>
      <c r="G2025" s="8" t="s">
        <v>14583</v>
      </c>
      <c r="H2025" s="8" t="s">
        <v>18444</v>
      </c>
      <c r="I2025" s="11">
        <v>44325</v>
      </c>
      <c r="J2025" s="11">
        <v>44325</v>
      </c>
      <c r="K2025" s="11">
        <v>46843</v>
      </c>
    </row>
    <row r="2026" spans="1:11" x14ac:dyDescent="0.4">
      <c r="A2026" s="8" t="s">
        <v>11818</v>
      </c>
      <c r="B2026" s="8" t="s">
        <v>2044</v>
      </c>
      <c r="C2026" s="9" t="s">
        <v>18445</v>
      </c>
      <c r="D2026" s="9" t="s">
        <v>18446</v>
      </c>
      <c r="E2026" s="10"/>
      <c r="F2026" s="10" t="s">
        <v>18447</v>
      </c>
      <c r="G2026" s="8" t="s">
        <v>18448</v>
      </c>
      <c r="H2026" s="8" t="s">
        <v>18449</v>
      </c>
      <c r="I2026" s="11">
        <v>44324</v>
      </c>
      <c r="J2026" s="11">
        <v>44324</v>
      </c>
      <c r="K2026" s="11">
        <v>46568</v>
      </c>
    </row>
    <row r="2027" spans="1:11" x14ac:dyDescent="0.4">
      <c r="A2027" s="8" t="s">
        <v>11818</v>
      </c>
      <c r="B2027" s="8" t="s">
        <v>633</v>
      </c>
      <c r="C2027" s="9" t="s">
        <v>11697</v>
      </c>
      <c r="D2027" s="9" t="s">
        <v>11698</v>
      </c>
      <c r="E2027" s="10"/>
      <c r="F2027" s="10"/>
      <c r="G2027" s="8"/>
      <c r="H2027" s="8" t="s">
        <v>18450</v>
      </c>
      <c r="I2027" s="11">
        <v>44333</v>
      </c>
      <c r="J2027" s="11">
        <v>44333</v>
      </c>
      <c r="K2027" s="11">
        <v>46873</v>
      </c>
    </row>
    <row r="2028" spans="1:11" x14ac:dyDescent="0.4">
      <c r="A2028" s="8" t="s">
        <v>11818</v>
      </c>
      <c r="B2028" s="8" t="s">
        <v>48</v>
      </c>
      <c r="C2028" s="9" t="s">
        <v>18451</v>
      </c>
      <c r="D2028" s="9" t="s">
        <v>17759</v>
      </c>
      <c r="E2028" s="10" t="s">
        <v>18452</v>
      </c>
      <c r="F2028" s="10"/>
      <c r="G2028" s="8"/>
      <c r="H2028" s="8" t="s">
        <v>18453</v>
      </c>
      <c r="I2028" s="11">
        <v>44330</v>
      </c>
      <c r="J2028" s="11">
        <v>44330</v>
      </c>
      <c r="K2028" s="11">
        <v>46721</v>
      </c>
    </row>
    <row r="2029" spans="1:11" x14ac:dyDescent="0.4">
      <c r="A2029" s="8" t="s">
        <v>11818</v>
      </c>
      <c r="B2029" s="8" t="s">
        <v>1871</v>
      </c>
      <c r="C2029" s="9" t="s">
        <v>18454</v>
      </c>
      <c r="D2029" s="9" t="s">
        <v>1332</v>
      </c>
      <c r="E2029" s="10"/>
      <c r="F2029" s="10"/>
      <c r="G2029" s="8"/>
      <c r="H2029" s="8" t="s">
        <v>18455</v>
      </c>
      <c r="I2029" s="11">
        <v>44334</v>
      </c>
      <c r="J2029" s="11">
        <v>44334</v>
      </c>
      <c r="K2029" s="11">
        <v>46173</v>
      </c>
    </row>
    <row r="2030" spans="1:11" x14ac:dyDescent="0.4">
      <c r="A2030" s="8" t="s">
        <v>11818</v>
      </c>
      <c r="B2030" s="8" t="s">
        <v>1871</v>
      </c>
      <c r="C2030" s="9" t="s">
        <v>18456</v>
      </c>
      <c r="D2030" s="9" t="s">
        <v>1332</v>
      </c>
      <c r="E2030" s="10"/>
      <c r="F2030" s="10"/>
      <c r="G2030" s="8"/>
      <c r="H2030" s="8" t="s">
        <v>18457</v>
      </c>
      <c r="I2030" s="11">
        <v>44334</v>
      </c>
      <c r="J2030" s="11">
        <v>44334</v>
      </c>
      <c r="K2030" s="11">
        <v>46173</v>
      </c>
    </row>
    <row r="2031" spans="1:11" x14ac:dyDescent="0.4">
      <c r="A2031" s="8" t="s">
        <v>11818</v>
      </c>
      <c r="B2031" s="8" t="s">
        <v>3441</v>
      </c>
      <c r="C2031" s="9" t="s">
        <v>11745</v>
      </c>
      <c r="D2031" s="9" t="s">
        <v>11746</v>
      </c>
      <c r="E2031" s="10"/>
      <c r="F2031" s="10"/>
      <c r="G2031" s="8"/>
      <c r="H2031" s="8" t="s">
        <v>18458</v>
      </c>
      <c r="I2031" s="11">
        <v>44335</v>
      </c>
      <c r="J2031" s="11">
        <v>44335</v>
      </c>
      <c r="K2031" s="11">
        <v>46691</v>
      </c>
    </row>
    <row r="2032" spans="1:11" x14ac:dyDescent="0.4">
      <c r="A2032" s="8" t="s">
        <v>11818</v>
      </c>
      <c r="B2032" s="8" t="s">
        <v>6444</v>
      </c>
      <c r="C2032" s="9" t="s">
        <v>18459</v>
      </c>
      <c r="D2032" s="9" t="s">
        <v>15246</v>
      </c>
      <c r="E2032" s="10"/>
      <c r="F2032" s="10" t="s">
        <v>17277</v>
      </c>
      <c r="G2032" s="8" t="s">
        <v>17278</v>
      </c>
      <c r="H2032" s="8" t="s">
        <v>18460</v>
      </c>
      <c r="I2032" s="11">
        <v>44340</v>
      </c>
      <c r="J2032" s="11">
        <v>44340</v>
      </c>
      <c r="K2032" s="11">
        <v>46660</v>
      </c>
    </row>
    <row r="2033" spans="1:11" x14ac:dyDescent="0.4">
      <c r="A2033" s="8" t="s">
        <v>11818</v>
      </c>
      <c r="B2033" s="8" t="s">
        <v>3441</v>
      </c>
      <c r="C2033" s="9" t="s">
        <v>18461</v>
      </c>
      <c r="D2033" s="9" t="s">
        <v>18462</v>
      </c>
      <c r="E2033" s="10"/>
      <c r="F2033" s="10" t="s">
        <v>18463</v>
      </c>
      <c r="G2033" s="8" t="s">
        <v>18464</v>
      </c>
      <c r="H2033" s="8" t="s">
        <v>18465</v>
      </c>
      <c r="I2033" s="11">
        <v>44334</v>
      </c>
      <c r="J2033" s="11">
        <v>44334</v>
      </c>
      <c r="K2033" s="11">
        <v>46873</v>
      </c>
    </row>
    <row r="2034" spans="1:11" x14ac:dyDescent="0.4">
      <c r="A2034" s="8" t="s">
        <v>11818</v>
      </c>
      <c r="B2034" s="8" t="s">
        <v>48</v>
      </c>
      <c r="C2034" s="9" t="s">
        <v>18466</v>
      </c>
      <c r="D2034" s="9" t="s">
        <v>18467</v>
      </c>
      <c r="E2034" s="10"/>
      <c r="F2034" s="10"/>
      <c r="G2034" s="8"/>
      <c r="H2034" s="8" t="s">
        <v>18468</v>
      </c>
      <c r="I2034" s="11">
        <v>44335</v>
      </c>
      <c r="J2034" s="11">
        <v>44335</v>
      </c>
      <c r="K2034" s="11">
        <v>46660</v>
      </c>
    </row>
    <row r="2035" spans="1:11" x14ac:dyDescent="0.4">
      <c r="A2035" s="8" t="s">
        <v>11818</v>
      </c>
      <c r="B2035" s="8" t="s">
        <v>48</v>
      </c>
      <c r="C2035" s="9" t="s">
        <v>18469</v>
      </c>
      <c r="D2035" s="9" t="s">
        <v>18470</v>
      </c>
      <c r="E2035" s="10" t="s">
        <v>18471</v>
      </c>
      <c r="F2035" s="10"/>
      <c r="G2035" s="8"/>
      <c r="H2035" s="8" t="s">
        <v>18472</v>
      </c>
      <c r="I2035" s="11">
        <v>44335</v>
      </c>
      <c r="J2035" s="11">
        <v>44335</v>
      </c>
      <c r="K2035" s="11">
        <v>46295</v>
      </c>
    </row>
    <row r="2036" spans="1:11" x14ac:dyDescent="0.4">
      <c r="A2036" s="8" t="s">
        <v>11818</v>
      </c>
      <c r="B2036" s="8" t="s">
        <v>633</v>
      </c>
      <c r="C2036" s="9" t="s">
        <v>18473</v>
      </c>
      <c r="D2036" s="9" t="s">
        <v>18474</v>
      </c>
      <c r="E2036" s="10"/>
      <c r="F2036" s="10" t="s">
        <v>6000</v>
      </c>
      <c r="G2036" s="8" t="s">
        <v>13540</v>
      </c>
      <c r="H2036" s="8" t="s">
        <v>18475</v>
      </c>
      <c r="I2036" s="11">
        <v>44335</v>
      </c>
      <c r="J2036" s="11">
        <v>44335</v>
      </c>
      <c r="K2036" s="11">
        <v>47057</v>
      </c>
    </row>
    <row r="2037" spans="1:11" x14ac:dyDescent="0.4">
      <c r="A2037" s="8" t="s">
        <v>11818</v>
      </c>
      <c r="B2037" s="8" t="s">
        <v>633</v>
      </c>
      <c r="C2037" s="9" t="s">
        <v>18476</v>
      </c>
      <c r="D2037" s="9" t="s">
        <v>18477</v>
      </c>
      <c r="E2037" s="10"/>
      <c r="F2037" s="10" t="s">
        <v>6000</v>
      </c>
      <c r="G2037" s="8" t="s">
        <v>13540</v>
      </c>
      <c r="H2037" s="8" t="s">
        <v>18478</v>
      </c>
      <c r="I2037" s="11">
        <v>44348</v>
      </c>
      <c r="J2037" s="11">
        <v>44348</v>
      </c>
      <c r="K2037" s="11">
        <v>46660</v>
      </c>
    </row>
    <row r="2038" spans="1:11" x14ac:dyDescent="0.4">
      <c r="A2038" s="8" t="s">
        <v>11818</v>
      </c>
      <c r="B2038" s="8" t="s">
        <v>633</v>
      </c>
      <c r="C2038" s="9" t="s">
        <v>18479</v>
      </c>
      <c r="D2038" s="9" t="s">
        <v>18480</v>
      </c>
      <c r="E2038" s="10" t="s">
        <v>18481</v>
      </c>
      <c r="F2038" s="10"/>
      <c r="G2038" s="8"/>
      <c r="H2038" s="8" t="s">
        <v>18482</v>
      </c>
      <c r="I2038" s="11">
        <v>44337</v>
      </c>
      <c r="J2038" s="11">
        <v>44337</v>
      </c>
      <c r="K2038" s="11">
        <v>46843</v>
      </c>
    </row>
    <row r="2039" spans="1:11" x14ac:dyDescent="0.4">
      <c r="A2039" s="8" t="s">
        <v>11818</v>
      </c>
      <c r="B2039" s="8" t="s">
        <v>2044</v>
      </c>
      <c r="C2039" s="9" t="s">
        <v>18483</v>
      </c>
      <c r="D2039" s="9" t="s">
        <v>18484</v>
      </c>
      <c r="E2039" s="10" t="s">
        <v>18485</v>
      </c>
      <c r="F2039" s="10"/>
      <c r="G2039" s="8"/>
      <c r="H2039" s="8" t="s">
        <v>18486</v>
      </c>
      <c r="I2039" s="11">
        <v>44341</v>
      </c>
      <c r="J2039" s="11">
        <v>44341</v>
      </c>
      <c r="K2039" s="11">
        <v>46873</v>
      </c>
    </row>
    <row r="2040" spans="1:11" x14ac:dyDescent="0.4">
      <c r="A2040" s="8" t="s">
        <v>11818</v>
      </c>
      <c r="B2040" s="8" t="s">
        <v>5454</v>
      </c>
      <c r="C2040" s="9" t="s">
        <v>18487</v>
      </c>
      <c r="D2040" s="9" t="s">
        <v>14142</v>
      </c>
      <c r="E2040" s="10" t="s">
        <v>18488</v>
      </c>
      <c r="F2040" s="10"/>
      <c r="G2040" s="8"/>
      <c r="H2040" s="8" t="s">
        <v>18489</v>
      </c>
      <c r="I2040" s="11">
        <v>44341</v>
      </c>
      <c r="J2040" s="11">
        <v>44341</v>
      </c>
      <c r="K2040" s="11">
        <v>46356</v>
      </c>
    </row>
    <row r="2041" spans="1:11" x14ac:dyDescent="0.4">
      <c r="A2041" s="8" t="s">
        <v>11818</v>
      </c>
      <c r="B2041" s="8" t="s">
        <v>48</v>
      </c>
      <c r="C2041" s="9" t="s">
        <v>18490</v>
      </c>
      <c r="D2041" s="9" t="s">
        <v>18491</v>
      </c>
      <c r="E2041" s="10"/>
      <c r="F2041" s="10"/>
      <c r="G2041" s="8"/>
      <c r="H2041" s="8" t="s">
        <v>18492</v>
      </c>
      <c r="I2041" s="11">
        <v>44341</v>
      </c>
      <c r="J2041" s="11">
        <v>44341</v>
      </c>
      <c r="K2041" s="11">
        <v>46356</v>
      </c>
    </row>
    <row r="2042" spans="1:11" x14ac:dyDescent="0.4">
      <c r="A2042" s="8" t="s">
        <v>11818</v>
      </c>
      <c r="B2042" s="8" t="s">
        <v>6444</v>
      </c>
      <c r="C2042" s="9" t="s">
        <v>18493</v>
      </c>
      <c r="D2042" s="9" t="s">
        <v>18494</v>
      </c>
      <c r="E2042" s="10"/>
      <c r="F2042" s="10"/>
      <c r="G2042" s="8"/>
      <c r="H2042" s="8" t="s">
        <v>18495</v>
      </c>
      <c r="I2042" s="11">
        <v>44344</v>
      </c>
      <c r="J2042" s="11">
        <v>44344</v>
      </c>
      <c r="K2042" s="11">
        <v>46660</v>
      </c>
    </row>
    <row r="2043" spans="1:11" x14ac:dyDescent="0.4">
      <c r="A2043" s="8" t="s">
        <v>11818</v>
      </c>
      <c r="B2043" s="8" t="s">
        <v>633</v>
      </c>
      <c r="C2043" s="9" t="s">
        <v>18496</v>
      </c>
      <c r="D2043" s="9" t="s">
        <v>18497</v>
      </c>
      <c r="E2043" s="10"/>
      <c r="F2043" s="10" t="s">
        <v>4085</v>
      </c>
      <c r="G2043" s="8" t="s">
        <v>14930</v>
      </c>
      <c r="H2043" s="8" t="s">
        <v>18498</v>
      </c>
      <c r="I2043" s="11">
        <v>44342</v>
      </c>
      <c r="J2043" s="11">
        <v>44342</v>
      </c>
      <c r="K2043" s="11">
        <v>46843</v>
      </c>
    </row>
    <row r="2044" spans="1:11" x14ac:dyDescent="0.4">
      <c r="A2044" s="8" t="s">
        <v>11818</v>
      </c>
      <c r="B2044" s="8" t="s">
        <v>1926</v>
      </c>
      <c r="C2044" s="9" t="s">
        <v>18499</v>
      </c>
      <c r="D2044" s="9" t="s">
        <v>15139</v>
      </c>
      <c r="E2044" s="10" t="s">
        <v>18500</v>
      </c>
      <c r="F2044" s="10" t="s">
        <v>18501</v>
      </c>
      <c r="G2044" s="8" t="s">
        <v>18502</v>
      </c>
      <c r="H2044" s="8" t="s">
        <v>18503</v>
      </c>
      <c r="I2044" s="11">
        <v>44343</v>
      </c>
      <c r="J2044" s="11">
        <v>44343</v>
      </c>
      <c r="K2044" s="11">
        <v>46721</v>
      </c>
    </row>
    <row r="2045" spans="1:11" x14ac:dyDescent="0.4">
      <c r="A2045" s="8" t="s">
        <v>11818</v>
      </c>
      <c r="B2045" s="8" t="s">
        <v>3441</v>
      </c>
      <c r="C2045" s="9" t="s">
        <v>18504</v>
      </c>
      <c r="D2045" s="9" t="s">
        <v>18505</v>
      </c>
      <c r="E2045" s="10"/>
      <c r="F2045" s="10"/>
      <c r="G2045" s="8"/>
      <c r="H2045" s="8" t="s">
        <v>18506</v>
      </c>
      <c r="I2045" s="11">
        <v>44344</v>
      </c>
      <c r="J2045" s="11">
        <v>44344</v>
      </c>
      <c r="K2045" s="11">
        <v>46660</v>
      </c>
    </row>
    <row r="2046" spans="1:11" x14ac:dyDescent="0.4">
      <c r="A2046" s="8" t="s">
        <v>11818</v>
      </c>
      <c r="B2046" s="8" t="s">
        <v>633</v>
      </c>
      <c r="C2046" s="9" t="s">
        <v>18507</v>
      </c>
      <c r="D2046" s="9" t="s">
        <v>18508</v>
      </c>
      <c r="E2046" s="10"/>
      <c r="F2046" s="10"/>
      <c r="G2046" s="8"/>
      <c r="H2046" s="8" t="s">
        <v>18509</v>
      </c>
      <c r="I2046" s="11">
        <v>44348</v>
      </c>
      <c r="J2046" s="11">
        <v>44348</v>
      </c>
      <c r="K2046" s="11">
        <v>46295</v>
      </c>
    </row>
    <row r="2047" spans="1:11" x14ac:dyDescent="0.4">
      <c r="A2047" s="8" t="s">
        <v>11818</v>
      </c>
      <c r="B2047" s="8" t="s">
        <v>48</v>
      </c>
      <c r="C2047" s="9" t="s">
        <v>18510</v>
      </c>
      <c r="D2047" s="9" t="s">
        <v>14255</v>
      </c>
      <c r="E2047" s="10" t="s">
        <v>18511</v>
      </c>
      <c r="F2047" s="10" t="s">
        <v>18512</v>
      </c>
      <c r="G2047" s="8" t="s">
        <v>18513</v>
      </c>
      <c r="H2047" s="8" t="s">
        <v>18514</v>
      </c>
      <c r="I2047" s="11">
        <v>44344</v>
      </c>
      <c r="J2047" s="11">
        <v>44344</v>
      </c>
      <c r="K2047" s="11">
        <v>46173</v>
      </c>
    </row>
    <row r="2048" spans="1:11" x14ac:dyDescent="0.4">
      <c r="A2048" s="8" t="s">
        <v>11818</v>
      </c>
      <c r="B2048" s="8" t="s">
        <v>48</v>
      </c>
      <c r="C2048" s="9" t="s">
        <v>18515</v>
      </c>
      <c r="D2048" s="9" t="s">
        <v>18516</v>
      </c>
      <c r="E2048" s="10" t="s">
        <v>18517</v>
      </c>
      <c r="F2048" s="10" t="s">
        <v>18512</v>
      </c>
      <c r="G2048" s="8" t="s">
        <v>18513</v>
      </c>
      <c r="H2048" s="8" t="s">
        <v>18518</v>
      </c>
      <c r="I2048" s="11">
        <v>44348</v>
      </c>
      <c r="J2048" s="11">
        <v>44348</v>
      </c>
      <c r="K2048" s="11">
        <v>46538</v>
      </c>
    </row>
    <row r="2049" spans="1:11" x14ac:dyDescent="0.4">
      <c r="A2049" s="8" t="s">
        <v>11818</v>
      </c>
      <c r="B2049" s="8" t="s">
        <v>633</v>
      </c>
      <c r="C2049" s="9" t="s">
        <v>18519</v>
      </c>
      <c r="D2049" s="9" t="s">
        <v>18520</v>
      </c>
      <c r="E2049" s="10"/>
      <c r="F2049" s="10" t="s">
        <v>13479</v>
      </c>
      <c r="G2049" s="8" t="s">
        <v>14405</v>
      </c>
      <c r="H2049" s="8" t="s">
        <v>18521</v>
      </c>
      <c r="I2049" s="11">
        <v>44348</v>
      </c>
      <c r="J2049" s="11">
        <v>44348</v>
      </c>
      <c r="K2049" s="11">
        <v>47026</v>
      </c>
    </row>
    <row r="2050" spans="1:11" x14ac:dyDescent="0.4">
      <c r="A2050" s="8" t="s">
        <v>11818</v>
      </c>
      <c r="B2050" s="8" t="s">
        <v>3441</v>
      </c>
      <c r="C2050" s="9" t="s">
        <v>18522</v>
      </c>
      <c r="D2050" s="9" t="s">
        <v>18523</v>
      </c>
      <c r="E2050" s="10" t="s">
        <v>18524</v>
      </c>
      <c r="F2050" s="10"/>
      <c r="G2050" s="8"/>
      <c r="H2050" s="8" t="s">
        <v>18525</v>
      </c>
      <c r="I2050" s="11">
        <v>44347</v>
      </c>
      <c r="J2050" s="11">
        <v>44347</v>
      </c>
      <c r="K2050" s="11">
        <v>46843</v>
      </c>
    </row>
    <row r="2051" spans="1:11" x14ac:dyDescent="0.4">
      <c r="A2051" s="8" t="s">
        <v>11818</v>
      </c>
      <c r="B2051" s="8" t="s">
        <v>48</v>
      </c>
      <c r="C2051" s="9" t="s">
        <v>18526</v>
      </c>
      <c r="D2051" s="9" t="s">
        <v>18527</v>
      </c>
      <c r="E2051" s="10" t="s">
        <v>18528</v>
      </c>
      <c r="F2051" s="10"/>
      <c r="G2051" s="8"/>
      <c r="H2051" s="8" t="s">
        <v>18529</v>
      </c>
      <c r="I2051" s="11">
        <v>44348</v>
      </c>
      <c r="J2051" s="11">
        <v>44348</v>
      </c>
      <c r="K2051" s="11">
        <v>46295</v>
      </c>
    </row>
    <row r="2052" spans="1:11" x14ac:dyDescent="0.4">
      <c r="A2052" s="8" t="s">
        <v>11818</v>
      </c>
      <c r="B2052" s="8" t="s">
        <v>633</v>
      </c>
      <c r="C2052" s="9" t="s">
        <v>18530</v>
      </c>
      <c r="D2052" s="9" t="s">
        <v>18531</v>
      </c>
      <c r="E2052" s="10" t="s">
        <v>18532</v>
      </c>
      <c r="F2052" s="10" t="s">
        <v>13479</v>
      </c>
      <c r="G2052" s="8" t="s">
        <v>14405</v>
      </c>
      <c r="H2052" s="8" t="s">
        <v>18533</v>
      </c>
      <c r="I2052" s="11">
        <v>44347</v>
      </c>
      <c r="J2052" s="11">
        <v>44347</v>
      </c>
      <c r="K2052" s="11">
        <v>47026</v>
      </c>
    </row>
    <row r="2053" spans="1:11" x14ac:dyDescent="0.4">
      <c r="A2053" s="8" t="s">
        <v>11818</v>
      </c>
      <c r="B2053" s="8" t="s">
        <v>633</v>
      </c>
      <c r="C2053" s="9" t="s">
        <v>18534</v>
      </c>
      <c r="D2053" s="9" t="s">
        <v>18535</v>
      </c>
      <c r="E2053" s="10" t="s">
        <v>18536</v>
      </c>
      <c r="F2053" s="10" t="s">
        <v>13479</v>
      </c>
      <c r="G2053" s="8" t="s">
        <v>14405</v>
      </c>
      <c r="H2053" s="8" t="s">
        <v>18537</v>
      </c>
      <c r="I2053" s="11">
        <v>44347</v>
      </c>
      <c r="J2053" s="11">
        <v>44347</v>
      </c>
      <c r="K2053" s="11">
        <v>46873</v>
      </c>
    </row>
    <row r="2054" spans="1:11" x14ac:dyDescent="0.4">
      <c r="A2054" s="8" t="s">
        <v>11818</v>
      </c>
      <c r="B2054" s="8" t="s">
        <v>633</v>
      </c>
      <c r="C2054" s="9" t="s">
        <v>18538</v>
      </c>
      <c r="D2054" s="9" t="s">
        <v>18539</v>
      </c>
      <c r="E2054" s="10" t="s">
        <v>18540</v>
      </c>
      <c r="F2054" s="10" t="s">
        <v>13479</v>
      </c>
      <c r="G2054" s="8" t="s">
        <v>14405</v>
      </c>
      <c r="H2054" s="8" t="s">
        <v>18541</v>
      </c>
      <c r="I2054" s="11">
        <v>44347</v>
      </c>
      <c r="J2054" s="11">
        <v>44347</v>
      </c>
      <c r="K2054" s="11">
        <v>47026</v>
      </c>
    </row>
    <row r="2055" spans="1:11" x14ac:dyDescent="0.4">
      <c r="A2055" s="8" t="s">
        <v>11818</v>
      </c>
      <c r="B2055" s="8" t="s">
        <v>633</v>
      </c>
      <c r="C2055" s="9" t="s">
        <v>18542</v>
      </c>
      <c r="D2055" s="9" t="s">
        <v>18543</v>
      </c>
      <c r="E2055" s="10" t="s">
        <v>18544</v>
      </c>
      <c r="F2055" s="10" t="s">
        <v>13479</v>
      </c>
      <c r="G2055" s="8" t="s">
        <v>14405</v>
      </c>
      <c r="H2055" s="8" t="s">
        <v>18545</v>
      </c>
      <c r="I2055" s="11">
        <v>44347</v>
      </c>
      <c r="J2055" s="11">
        <v>44347</v>
      </c>
      <c r="K2055" s="11">
        <v>46843</v>
      </c>
    </row>
    <row r="2056" spans="1:11" x14ac:dyDescent="0.4">
      <c r="A2056" s="8" t="s">
        <v>2324</v>
      </c>
      <c r="B2056" s="8"/>
      <c r="C2056" s="9" t="s">
        <v>11898</v>
      </c>
      <c r="D2056" s="9" t="s">
        <v>11899</v>
      </c>
      <c r="E2056" s="10"/>
      <c r="F2056" s="10"/>
      <c r="G2056" s="8"/>
      <c r="H2056" s="8" t="s">
        <v>18546</v>
      </c>
      <c r="I2056" s="11">
        <v>28732</v>
      </c>
      <c r="J2056" s="11">
        <v>43952</v>
      </c>
      <c r="K2056" s="11">
        <v>46142</v>
      </c>
    </row>
    <row r="2057" spans="1:11" x14ac:dyDescent="0.4">
      <c r="A2057" s="8" t="s">
        <v>2324</v>
      </c>
      <c r="B2057" s="8"/>
      <c r="C2057" s="9" t="s">
        <v>9051</v>
      </c>
      <c r="D2057" s="9" t="s">
        <v>18547</v>
      </c>
      <c r="E2057" s="10"/>
      <c r="F2057" s="10" t="s">
        <v>18548</v>
      </c>
      <c r="G2057" s="8" t="s">
        <v>18547</v>
      </c>
      <c r="H2057" s="8" t="s">
        <v>18549</v>
      </c>
      <c r="I2057" s="11">
        <v>28850</v>
      </c>
      <c r="J2057" s="11">
        <v>43739</v>
      </c>
      <c r="K2057" s="11">
        <v>45565</v>
      </c>
    </row>
    <row r="2058" spans="1:11" x14ac:dyDescent="0.4">
      <c r="A2058" s="8" t="s">
        <v>2324</v>
      </c>
      <c r="B2058" s="8"/>
      <c r="C2058" s="9" t="s">
        <v>10847</v>
      </c>
      <c r="D2058" s="9" t="s">
        <v>18550</v>
      </c>
      <c r="E2058" s="10"/>
      <c r="F2058" s="10"/>
      <c r="G2058" s="8"/>
      <c r="H2058" s="8" t="s">
        <v>18551</v>
      </c>
      <c r="I2058" s="11">
        <v>28843</v>
      </c>
      <c r="J2058" s="11">
        <v>43647</v>
      </c>
      <c r="K2058" s="11">
        <v>45473</v>
      </c>
    </row>
    <row r="2059" spans="1:11" x14ac:dyDescent="0.4">
      <c r="A2059" s="8" t="s">
        <v>2324</v>
      </c>
      <c r="B2059" s="8"/>
      <c r="C2059" s="9" t="s">
        <v>18552</v>
      </c>
      <c r="D2059" s="9" t="s">
        <v>18553</v>
      </c>
      <c r="E2059" s="10"/>
      <c r="F2059" s="10"/>
      <c r="G2059" s="8"/>
      <c r="H2059" s="8" t="s">
        <v>18554</v>
      </c>
      <c r="I2059" s="11">
        <v>27576</v>
      </c>
      <c r="J2059" s="11">
        <v>43922</v>
      </c>
      <c r="K2059" s="11">
        <v>45747</v>
      </c>
    </row>
    <row r="2060" spans="1:11" x14ac:dyDescent="0.4">
      <c r="A2060" s="8" t="s">
        <v>2324</v>
      </c>
      <c r="B2060" s="8"/>
      <c r="C2060" s="9" t="s">
        <v>11512</v>
      </c>
      <c r="D2060" s="9" t="s">
        <v>11513</v>
      </c>
      <c r="E2060" s="10"/>
      <c r="F2060" s="10" t="s">
        <v>1674</v>
      </c>
      <c r="G2060" s="8" t="s">
        <v>11514</v>
      </c>
      <c r="H2060" s="8" t="s">
        <v>18555</v>
      </c>
      <c r="I2060" s="11">
        <v>33453</v>
      </c>
      <c r="J2060" s="11">
        <v>44105</v>
      </c>
      <c r="K2060" s="11">
        <v>46295</v>
      </c>
    </row>
    <row r="2061" spans="1:11" x14ac:dyDescent="0.4">
      <c r="A2061" s="8" t="s">
        <v>2324</v>
      </c>
      <c r="B2061" s="8"/>
      <c r="C2061" s="9" t="s">
        <v>18556</v>
      </c>
      <c r="D2061" s="9" t="s">
        <v>18557</v>
      </c>
      <c r="E2061" s="10"/>
      <c r="F2061" s="10"/>
      <c r="G2061" s="8"/>
      <c r="H2061" s="8" t="s">
        <v>18558</v>
      </c>
      <c r="I2061" s="11">
        <v>30722</v>
      </c>
      <c r="J2061" s="11">
        <v>44013</v>
      </c>
      <c r="K2061" s="11">
        <v>45838</v>
      </c>
    </row>
    <row r="2062" spans="1:11" x14ac:dyDescent="0.4">
      <c r="A2062" s="8" t="s">
        <v>2324</v>
      </c>
      <c r="B2062" s="8"/>
      <c r="C2062" s="9" t="s">
        <v>18559</v>
      </c>
      <c r="D2062" s="9" t="s">
        <v>18560</v>
      </c>
      <c r="E2062" s="10"/>
      <c r="F2062" s="10"/>
      <c r="G2062" s="8"/>
      <c r="H2062" s="8" t="s">
        <v>18561</v>
      </c>
      <c r="I2062" s="11">
        <v>29438</v>
      </c>
      <c r="J2062" s="11">
        <v>44166</v>
      </c>
      <c r="K2062" s="11">
        <v>45991</v>
      </c>
    </row>
    <row r="2063" spans="1:11" x14ac:dyDescent="0.4">
      <c r="A2063" s="8" t="s">
        <v>2324</v>
      </c>
      <c r="B2063" s="8"/>
      <c r="C2063" s="9" t="s">
        <v>11839</v>
      </c>
      <c r="D2063" s="9" t="s">
        <v>11840</v>
      </c>
      <c r="E2063" s="10"/>
      <c r="F2063" s="10"/>
      <c r="G2063" s="8"/>
      <c r="H2063" s="8" t="s">
        <v>18562</v>
      </c>
      <c r="I2063" s="11">
        <v>31387</v>
      </c>
      <c r="J2063" s="11">
        <v>43374</v>
      </c>
      <c r="K2063" s="11">
        <v>45565</v>
      </c>
    </row>
    <row r="2064" spans="1:11" x14ac:dyDescent="0.4">
      <c r="A2064" s="8" t="s">
        <v>2324</v>
      </c>
      <c r="B2064" s="8"/>
      <c r="C2064" s="9" t="s">
        <v>18563</v>
      </c>
      <c r="D2064" s="9" t="s">
        <v>18564</v>
      </c>
      <c r="E2064" s="10"/>
      <c r="F2064" s="10" t="s">
        <v>8466</v>
      </c>
      <c r="G2064" s="8" t="s">
        <v>18564</v>
      </c>
      <c r="H2064" s="8" t="s">
        <v>18565</v>
      </c>
      <c r="I2064" s="11">
        <v>34288</v>
      </c>
      <c r="J2064" s="11">
        <v>43405</v>
      </c>
      <c r="K2064" s="11">
        <v>45596</v>
      </c>
    </row>
    <row r="2065" spans="1:11" x14ac:dyDescent="0.4">
      <c r="A2065" s="8" t="s">
        <v>2324</v>
      </c>
      <c r="B2065" s="8"/>
      <c r="C2065" s="9" t="s">
        <v>12295</v>
      </c>
      <c r="D2065" s="9" t="s">
        <v>11401</v>
      </c>
      <c r="E2065" s="10"/>
      <c r="F2065" s="10" t="s">
        <v>11400</v>
      </c>
      <c r="G2065" s="8" t="s">
        <v>11401</v>
      </c>
      <c r="H2065" s="8" t="s">
        <v>18566</v>
      </c>
      <c r="I2065" s="11">
        <v>34348</v>
      </c>
      <c r="J2065" s="11">
        <v>43586</v>
      </c>
      <c r="K2065" s="11">
        <v>45777</v>
      </c>
    </row>
    <row r="2066" spans="1:11" x14ac:dyDescent="0.4">
      <c r="A2066" s="8" t="s">
        <v>2324</v>
      </c>
      <c r="B2066" s="8"/>
      <c r="C2066" s="9" t="s">
        <v>12327</v>
      </c>
      <c r="D2066" s="9" t="s">
        <v>12315</v>
      </c>
      <c r="E2066" s="10" t="s">
        <v>5985</v>
      </c>
      <c r="F2066" s="10" t="s">
        <v>5644</v>
      </c>
      <c r="G2066" s="8" t="s">
        <v>12328</v>
      </c>
      <c r="H2066" s="8" t="s">
        <v>18567</v>
      </c>
      <c r="I2066" s="11">
        <v>34654</v>
      </c>
      <c r="J2066" s="11">
        <v>43647</v>
      </c>
      <c r="K2066" s="11">
        <v>45838</v>
      </c>
    </row>
    <row r="2067" spans="1:11" x14ac:dyDescent="0.4">
      <c r="A2067" s="8" t="s">
        <v>2324</v>
      </c>
      <c r="B2067" s="8"/>
      <c r="C2067" s="9" t="s">
        <v>12314</v>
      </c>
      <c r="D2067" s="9" t="s">
        <v>12315</v>
      </c>
      <c r="E2067" s="10" t="s">
        <v>5985</v>
      </c>
      <c r="F2067" s="10" t="s">
        <v>12316</v>
      </c>
      <c r="G2067" s="8" t="s">
        <v>12317</v>
      </c>
      <c r="H2067" s="8" t="s">
        <v>18568</v>
      </c>
      <c r="I2067" s="11">
        <v>34654</v>
      </c>
      <c r="J2067" s="11">
        <v>43647</v>
      </c>
      <c r="K2067" s="11">
        <v>45473</v>
      </c>
    </row>
    <row r="2068" spans="1:11" x14ac:dyDescent="0.4">
      <c r="A2068" s="8" t="s">
        <v>2324</v>
      </c>
      <c r="B2068" s="8"/>
      <c r="C2068" s="9" t="s">
        <v>12388</v>
      </c>
      <c r="D2068" s="9" t="s">
        <v>12389</v>
      </c>
      <c r="E2068" s="10"/>
      <c r="F2068" s="10" t="s">
        <v>12390</v>
      </c>
      <c r="G2068" s="8" t="s">
        <v>12389</v>
      </c>
      <c r="H2068" s="8" t="s">
        <v>18569</v>
      </c>
      <c r="I2068" s="11">
        <v>35149</v>
      </c>
      <c r="J2068" s="11">
        <v>43374</v>
      </c>
      <c r="K2068" s="11">
        <v>45565</v>
      </c>
    </row>
    <row r="2069" spans="1:11" x14ac:dyDescent="0.4">
      <c r="A2069" s="8" t="s">
        <v>2324</v>
      </c>
      <c r="B2069" s="8"/>
      <c r="C2069" s="9" t="s">
        <v>12417</v>
      </c>
      <c r="D2069" s="9" t="s">
        <v>12418</v>
      </c>
      <c r="E2069" s="10"/>
      <c r="F2069" s="10"/>
      <c r="G2069" s="8"/>
      <c r="H2069" s="8" t="s">
        <v>18570</v>
      </c>
      <c r="I2069" s="11">
        <v>35370</v>
      </c>
      <c r="J2069" s="11">
        <v>43739</v>
      </c>
      <c r="K2069" s="11">
        <v>45930</v>
      </c>
    </row>
    <row r="2070" spans="1:11" x14ac:dyDescent="0.4">
      <c r="A2070" s="8" t="s">
        <v>2324</v>
      </c>
      <c r="B2070" s="8"/>
      <c r="C2070" s="9" t="s">
        <v>12521</v>
      </c>
      <c r="D2070" s="9" t="s">
        <v>12517</v>
      </c>
      <c r="E2070" s="10" t="s">
        <v>12522</v>
      </c>
      <c r="F2070" s="10" t="s">
        <v>4038</v>
      </c>
      <c r="G2070" s="8" t="s">
        <v>12523</v>
      </c>
      <c r="H2070" s="8" t="s">
        <v>18571</v>
      </c>
      <c r="I2070" s="11">
        <v>36083</v>
      </c>
      <c r="J2070" s="11">
        <v>43952</v>
      </c>
      <c r="K2070" s="11">
        <v>46142</v>
      </c>
    </row>
    <row r="2071" spans="1:11" x14ac:dyDescent="0.4">
      <c r="A2071" s="8" t="s">
        <v>2324</v>
      </c>
      <c r="B2071" s="8"/>
      <c r="C2071" s="9" t="s">
        <v>18572</v>
      </c>
      <c r="D2071" s="9" t="s">
        <v>18573</v>
      </c>
      <c r="E2071" s="10"/>
      <c r="F2071" s="10"/>
      <c r="G2071" s="8"/>
      <c r="H2071" s="8" t="s">
        <v>18574</v>
      </c>
      <c r="I2071" s="11">
        <v>36137</v>
      </c>
      <c r="J2071" s="11">
        <v>43647</v>
      </c>
      <c r="K2071" s="11">
        <v>45473</v>
      </c>
    </row>
    <row r="2072" spans="1:11" x14ac:dyDescent="0.4">
      <c r="A2072" s="8" t="s">
        <v>2324</v>
      </c>
      <c r="B2072" s="8"/>
      <c r="C2072" s="9" t="s">
        <v>12670</v>
      </c>
      <c r="D2072" s="9" t="s">
        <v>12671</v>
      </c>
      <c r="E2072" s="10"/>
      <c r="F2072" s="10"/>
      <c r="G2072" s="8"/>
      <c r="H2072" s="8" t="s">
        <v>18575</v>
      </c>
      <c r="I2072" s="11">
        <v>36991</v>
      </c>
      <c r="J2072" s="11">
        <v>43556</v>
      </c>
      <c r="K2072" s="11">
        <v>45747</v>
      </c>
    </row>
    <row r="2073" spans="1:11" x14ac:dyDescent="0.4">
      <c r="A2073" s="8" t="s">
        <v>2324</v>
      </c>
      <c r="B2073" s="8"/>
      <c r="C2073" s="9" t="s">
        <v>12452</v>
      </c>
      <c r="D2073" s="9" t="s">
        <v>12453</v>
      </c>
      <c r="E2073" s="10"/>
      <c r="F2073" s="10" t="s">
        <v>12454</v>
      </c>
      <c r="G2073" s="8" t="s">
        <v>12455</v>
      </c>
      <c r="H2073" s="8" t="s">
        <v>18576</v>
      </c>
      <c r="I2073" s="11">
        <v>36991</v>
      </c>
      <c r="J2073" s="11">
        <v>43952</v>
      </c>
      <c r="K2073" s="11">
        <v>46142</v>
      </c>
    </row>
    <row r="2074" spans="1:11" x14ac:dyDescent="0.4">
      <c r="A2074" s="8" t="s">
        <v>2324</v>
      </c>
      <c r="B2074" s="8"/>
      <c r="C2074" s="9" t="s">
        <v>18577</v>
      </c>
      <c r="D2074" s="9" t="s">
        <v>12697</v>
      </c>
      <c r="E2074" s="10" t="s">
        <v>12706</v>
      </c>
      <c r="F2074" s="10" t="s">
        <v>12699</v>
      </c>
      <c r="G2074" s="8" t="s">
        <v>12700</v>
      </c>
      <c r="H2074" s="8" t="s">
        <v>18578</v>
      </c>
      <c r="I2074" s="11">
        <v>37175</v>
      </c>
      <c r="J2074" s="11">
        <v>43435</v>
      </c>
      <c r="K2074" s="11">
        <v>45626</v>
      </c>
    </row>
    <row r="2075" spans="1:11" x14ac:dyDescent="0.4">
      <c r="A2075" s="8" t="s">
        <v>2324</v>
      </c>
      <c r="B2075" s="8"/>
      <c r="C2075" s="9" t="s">
        <v>18579</v>
      </c>
      <c r="D2075" s="9" t="s">
        <v>18580</v>
      </c>
      <c r="E2075" s="10"/>
      <c r="F2075" s="10"/>
      <c r="G2075" s="8"/>
      <c r="H2075" s="8" t="s">
        <v>18581</v>
      </c>
      <c r="I2075" s="11">
        <v>37335</v>
      </c>
      <c r="J2075" s="11">
        <v>44013</v>
      </c>
      <c r="K2075" s="11">
        <v>46203</v>
      </c>
    </row>
    <row r="2076" spans="1:11" x14ac:dyDescent="0.4">
      <c r="A2076" s="8" t="s">
        <v>2324</v>
      </c>
      <c r="B2076" s="8"/>
      <c r="C2076" s="9" t="s">
        <v>18582</v>
      </c>
      <c r="D2076" s="9" t="s">
        <v>18583</v>
      </c>
      <c r="E2076" s="10" t="s">
        <v>18584</v>
      </c>
      <c r="F2076" s="10" t="s">
        <v>18585</v>
      </c>
      <c r="G2076" s="8" t="s">
        <v>18586</v>
      </c>
      <c r="H2076" s="8" t="s">
        <v>18587</v>
      </c>
      <c r="I2076" s="11">
        <v>38100</v>
      </c>
      <c r="J2076" s="11">
        <v>44105</v>
      </c>
      <c r="K2076" s="11">
        <v>46295</v>
      </c>
    </row>
    <row r="2077" spans="1:11" x14ac:dyDescent="0.4">
      <c r="A2077" s="8" t="s">
        <v>2324</v>
      </c>
      <c r="B2077" s="8"/>
      <c r="C2077" s="9" t="s">
        <v>18588</v>
      </c>
      <c r="D2077" s="9" t="s">
        <v>18589</v>
      </c>
      <c r="E2077" s="10"/>
      <c r="F2077" s="10"/>
      <c r="G2077" s="8"/>
      <c r="H2077" s="8" t="s">
        <v>18590</v>
      </c>
      <c r="I2077" s="11">
        <v>38242</v>
      </c>
      <c r="J2077" s="11">
        <v>43952</v>
      </c>
      <c r="K2077" s="11">
        <v>45777</v>
      </c>
    </row>
    <row r="2078" spans="1:11" x14ac:dyDescent="0.4">
      <c r="A2078" s="8" t="s">
        <v>2324</v>
      </c>
      <c r="B2078" s="8"/>
      <c r="C2078" s="9" t="s">
        <v>18591</v>
      </c>
      <c r="D2078" s="9" t="s">
        <v>18592</v>
      </c>
      <c r="E2078" s="10"/>
      <c r="F2078" s="10" t="s">
        <v>18591</v>
      </c>
      <c r="G2078" s="8" t="s">
        <v>18593</v>
      </c>
      <c r="H2078" s="8" t="s">
        <v>18594</v>
      </c>
      <c r="I2078" s="11">
        <v>38261</v>
      </c>
      <c r="J2078" s="11">
        <v>43221</v>
      </c>
      <c r="K2078" s="11">
        <v>45777</v>
      </c>
    </row>
    <row r="2079" spans="1:11" x14ac:dyDescent="0.4">
      <c r="A2079" s="8" t="s">
        <v>2324</v>
      </c>
      <c r="B2079" s="8"/>
      <c r="C2079" s="9" t="s">
        <v>18595</v>
      </c>
      <c r="D2079" s="9" t="s">
        <v>18596</v>
      </c>
      <c r="E2079" s="10"/>
      <c r="F2079" s="10"/>
      <c r="G2079" s="8"/>
      <c r="H2079" s="8" t="s">
        <v>18597</v>
      </c>
      <c r="I2079" s="11">
        <v>38343</v>
      </c>
      <c r="J2079" s="11">
        <v>43922</v>
      </c>
      <c r="K2079" s="11">
        <v>45747</v>
      </c>
    </row>
    <row r="2080" spans="1:11" x14ac:dyDescent="0.4">
      <c r="A2080" s="8" t="s">
        <v>2324</v>
      </c>
      <c r="B2080" s="8"/>
      <c r="C2080" s="9" t="s">
        <v>11520</v>
      </c>
      <c r="D2080" s="9" t="s">
        <v>11521</v>
      </c>
      <c r="E2080" s="10"/>
      <c r="F2080" s="10"/>
      <c r="G2080" s="8"/>
      <c r="H2080" s="8" t="s">
        <v>18598</v>
      </c>
      <c r="I2080" s="11">
        <v>36873</v>
      </c>
      <c r="J2080" s="11">
        <v>43770</v>
      </c>
      <c r="K2080" s="11">
        <v>45961</v>
      </c>
    </row>
    <row r="2081" spans="1:11" x14ac:dyDescent="0.4">
      <c r="A2081" s="8" t="s">
        <v>2324</v>
      </c>
      <c r="B2081" s="8"/>
      <c r="C2081" s="9" t="s">
        <v>18599</v>
      </c>
      <c r="D2081" s="9" t="s">
        <v>18600</v>
      </c>
      <c r="E2081" s="10"/>
      <c r="F2081" s="10" t="s">
        <v>1021</v>
      </c>
      <c r="G2081" s="8" t="s">
        <v>18600</v>
      </c>
      <c r="H2081" s="8" t="s">
        <v>18601</v>
      </c>
      <c r="I2081" s="11">
        <v>37615</v>
      </c>
      <c r="J2081" s="11">
        <v>43770</v>
      </c>
      <c r="K2081" s="11">
        <v>45596</v>
      </c>
    </row>
    <row r="2082" spans="1:11" x14ac:dyDescent="0.4">
      <c r="A2082" s="8" t="s">
        <v>2324</v>
      </c>
      <c r="B2082" s="8"/>
      <c r="C2082" s="9" t="s">
        <v>11573</v>
      </c>
      <c r="D2082" s="9" t="s">
        <v>11574</v>
      </c>
      <c r="E2082" s="10"/>
      <c r="F2082" s="10" t="s">
        <v>11573</v>
      </c>
      <c r="G2082" s="8" t="s">
        <v>11574</v>
      </c>
      <c r="H2082" s="8" t="s">
        <v>18602</v>
      </c>
      <c r="I2082" s="11">
        <v>37421</v>
      </c>
      <c r="J2082" s="11">
        <v>43770</v>
      </c>
      <c r="K2082" s="11">
        <v>45961</v>
      </c>
    </row>
    <row r="2083" spans="1:11" x14ac:dyDescent="0.4">
      <c r="A2083" s="8" t="s">
        <v>2324</v>
      </c>
      <c r="B2083" s="8"/>
      <c r="C2083" s="9" t="s">
        <v>18603</v>
      </c>
      <c r="D2083" s="9" t="s">
        <v>18604</v>
      </c>
      <c r="E2083" s="10"/>
      <c r="F2083" s="10"/>
      <c r="G2083" s="8"/>
      <c r="H2083" s="8" t="s">
        <v>18605</v>
      </c>
      <c r="I2083" s="11">
        <v>35309</v>
      </c>
      <c r="J2083" s="11">
        <v>44105</v>
      </c>
      <c r="K2083" s="11">
        <v>45930</v>
      </c>
    </row>
    <row r="2084" spans="1:11" x14ac:dyDescent="0.4">
      <c r="A2084" s="8" t="s">
        <v>2324</v>
      </c>
      <c r="B2084" s="8"/>
      <c r="C2084" s="9" t="s">
        <v>13139</v>
      </c>
      <c r="D2084" s="9" t="s">
        <v>13140</v>
      </c>
      <c r="E2084" s="10"/>
      <c r="F2084" s="10"/>
      <c r="G2084" s="8"/>
      <c r="H2084" s="8" t="s">
        <v>18606</v>
      </c>
      <c r="I2084" s="11">
        <v>32826</v>
      </c>
      <c r="J2084" s="11">
        <v>43374</v>
      </c>
      <c r="K2084" s="11">
        <v>45565</v>
      </c>
    </row>
    <row r="2085" spans="1:11" x14ac:dyDescent="0.4">
      <c r="A2085" s="8" t="s">
        <v>2324</v>
      </c>
      <c r="B2085" s="8"/>
      <c r="C2085" s="9" t="s">
        <v>13194</v>
      </c>
      <c r="D2085" s="9" t="s">
        <v>13195</v>
      </c>
      <c r="E2085" s="10"/>
      <c r="F2085" s="10" t="s">
        <v>10870</v>
      </c>
      <c r="G2085" s="8" t="s">
        <v>13196</v>
      </c>
      <c r="H2085" s="8" t="s">
        <v>18607</v>
      </c>
      <c r="I2085" s="11">
        <v>36540</v>
      </c>
      <c r="J2085" s="11">
        <v>43374</v>
      </c>
      <c r="K2085" s="11">
        <v>45565</v>
      </c>
    </row>
    <row r="2086" spans="1:11" x14ac:dyDescent="0.4">
      <c r="A2086" s="8" t="s">
        <v>2324</v>
      </c>
      <c r="B2086" s="8"/>
      <c r="C2086" s="9" t="s">
        <v>18608</v>
      </c>
      <c r="D2086" s="9" t="s">
        <v>18609</v>
      </c>
      <c r="E2086" s="10"/>
      <c r="F2086" s="10" t="s">
        <v>18610</v>
      </c>
      <c r="G2086" s="8" t="s">
        <v>18611</v>
      </c>
      <c r="H2086" s="8" t="s">
        <v>18612</v>
      </c>
      <c r="I2086" s="11">
        <v>36549</v>
      </c>
      <c r="J2086" s="11">
        <v>43374</v>
      </c>
      <c r="K2086" s="11">
        <v>45565</v>
      </c>
    </row>
    <row r="2087" spans="1:11" x14ac:dyDescent="0.4">
      <c r="A2087" s="8" t="s">
        <v>2324</v>
      </c>
      <c r="B2087" s="8"/>
      <c r="C2087" s="9" t="s">
        <v>11576</v>
      </c>
      <c r="D2087" s="9" t="s">
        <v>11577</v>
      </c>
      <c r="E2087" s="10"/>
      <c r="F2087" s="10"/>
      <c r="G2087" s="8"/>
      <c r="H2087" s="8" t="s">
        <v>18613</v>
      </c>
      <c r="I2087" s="11">
        <v>38427</v>
      </c>
      <c r="J2087" s="11">
        <v>44105</v>
      </c>
      <c r="K2087" s="11">
        <v>45930</v>
      </c>
    </row>
    <row r="2088" spans="1:11" x14ac:dyDescent="0.4">
      <c r="A2088" s="8" t="s">
        <v>2324</v>
      </c>
      <c r="B2088" s="8"/>
      <c r="C2088" s="9" t="s">
        <v>11417</v>
      </c>
      <c r="D2088" s="9" t="s">
        <v>11418</v>
      </c>
      <c r="E2088" s="10"/>
      <c r="F2088" s="10" t="s">
        <v>18614</v>
      </c>
      <c r="G2088" s="8" t="s">
        <v>11418</v>
      </c>
      <c r="H2088" s="8" t="s">
        <v>18615</v>
      </c>
      <c r="I2088" s="11">
        <v>38435</v>
      </c>
      <c r="J2088" s="11">
        <v>44136</v>
      </c>
      <c r="K2088" s="11">
        <v>45961</v>
      </c>
    </row>
    <row r="2089" spans="1:11" x14ac:dyDescent="0.4">
      <c r="A2089" s="8" t="s">
        <v>2324</v>
      </c>
      <c r="B2089" s="8"/>
      <c r="C2089" s="9" t="s">
        <v>5898</v>
      </c>
      <c r="D2089" s="9" t="s">
        <v>13332</v>
      </c>
      <c r="E2089" s="10"/>
      <c r="F2089" s="10"/>
      <c r="G2089" s="8"/>
      <c r="H2089" s="8" t="s">
        <v>18616</v>
      </c>
      <c r="I2089" s="11">
        <v>38621</v>
      </c>
      <c r="J2089" s="11">
        <v>44136</v>
      </c>
      <c r="K2089" s="11">
        <v>45961</v>
      </c>
    </row>
    <row r="2090" spans="1:11" x14ac:dyDescent="0.4">
      <c r="A2090" s="8" t="s">
        <v>2324</v>
      </c>
      <c r="B2090" s="8"/>
      <c r="C2090" s="9" t="s">
        <v>18617</v>
      </c>
      <c r="D2090" s="9" t="s">
        <v>18618</v>
      </c>
      <c r="E2090" s="10"/>
      <c r="F2090" s="10"/>
      <c r="G2090" s="8"/>
      <c r="H2090" s="8" t="s">
        <v>18619</v>
      </c>
      <c r="I2090" s="11">
        <v>38653</v>
      </c>
      <c r="J2090" s="11">
        <v>44317</v>
      </c>
      <c r="K2090" s="11">
        <v>46142</v>
      </c>
    </row>
    <row r="2091" spans="1:11" x14ac:dyDescent="0.4">
      <c r="A2091" s="8" t="s">
        <v>2324</v>
      </c>
      <c r="B2091" s="8"/>
      <c r="C2091" s="9" t="s">
        <v>18620</v>
      </c>
      <c r="D2091" s="9" t="s">
        <v>11619</v>
      </c>
      <c r="E2091" s="10"/>
      <c r="F2091" s="10" t="s">
        <v>11620</v>
      </c>
      <c r="G2091" s="8" t="s">
        <v>11621</v>
      </c>
      <c r="H2091" s="8" t="s">
        <v>18621</v>
      </c>
      <c r="I2091" s="11">
        <v>38660</v>
      </c>
      <c r="J2091" s="11">
        <v>43405</v>
      </c>
      <c r="K2091" s="11">
        <v>45596</v>
      </c>
    </row>
    <row r="2092" spans="1:11" x14ac:dyDescent="0.4">
      <c r="A2092" s="8" t="s">
        <v>2324</v>
      </c>
      <c r="B2092" s="8"/>
      <c r="C2092" s="9" t="s">
        <v>13399</v>
      </c>
      <c r="D2092" s="9" t="s">
        <v>13400</v>
      </c>
      <c r="E2092" s="10"/>
      <c r="F2092" s="10"/>
      <c r="G2092" s="8"/>
      <c r="H2092" s="8" t="s">
        <v>18622</v>
      </c>
      <c r="I2092" s="11">
        <v>39003</v>
      </c>
      <c r="J2092" s="11">
        <v>43647</v>
      </c>
      <c r="K2092" s="11">
        <v>45838</v>
      </c>
    </row>
    <row r="2093" spans="1:11" x14ac:dyDescent="0.4">
      <c r="A2093" s="8" t="s">
        <v>2324</v>
      </c>
      <c r="B2093" s="8"/>
      <c r="C2093" s="9" t="s">
        <v>13422</v>
      </c>
      <c r="D2093" s="9" t="s">
        <v>13423</v>
      </c>
      <c r="E2093" s="10" t="s">
        <v>13424</v>
      </c>
      <c r="F2093" s="10" t="s">
        <v>13425</v>
      </c>
      <c r="G2093" s="8" t="s">
        <v>13423</v>
      </c>
      <c r="H2093" s="8" t="s">
        <v>18623</v>
      </c>
      <c r="I2093" s="11">
        <v>39059</v>
      </c>
      <c r="J2093" s="11">
        <v>43556</v>
      </c>
      <c r="K2093" s="11">
        <v>45747</v>
      </c>
    </row>
    <row r="2094" spans="1:11" x14ac:dyDescent="0.4">
      <c r="A2094" s="8" t="s">
        <v>2324</v>
      </c>
      <c r="B2094" s="8"/>
      <c r="C2094" s="9" t="s">
        <v>13545</v>
      </c>
      <c r="D2094" s="9" t="s">
        <v>13546</v>
      </c>
      <c r="E2094" s="10" t="s">
        <v>13547</v>
      </c>
      <c r="F2094" s="10" t="s">
        <v>7022</v>
      </c>
      <c r="G2094" s="8" t="s">
        <v>13548</v>
      </c>
      <c r="H2094" s="8" t="s">
        <v>18624</v>
      </c>
      <c r="I2094" s="11">
        <v>39282</v>
      </c>
      <c r="J2094" s="11">
        <v>43405</v>
      </c>
      <c r="K2094" s="11">
        <v>45596</v>
      </c>
    </row>
    <row r="2095" spans="1:11" x14ac:dyDescent="0.4">
      <c r="A2095" s="8" t="s">
        <v>2324</v>
      </c>
      <c r="B2095" s="8"/>
      <c r="C2095" s="9" t="s">
        <v>18625</v>
      </c>
      <c r="D2095" s="9" t="s">
        <v>18626</v>
      </c>
      <c r="E2095" s="10"/>
      <c r="F2095" s="10"/>
      <c r="G2095" s="8"/>
      <c r="H2095" s="8" t="s">
        <v>18627</v>
      </c>
      <c r="I2095" s="11">
        <v>39297</v>
      </c>
      <c r="J2095" s="11">
        <v>43647</v>
      </c>
      <c r="K2095" s="11">
        <v>45838</v>
      </c>
    </row>
    <row r="2096" spans="1:11" x14ac:dyDescent="0.4">
      <c r="A2096" s="8" t="s">
        <v>2324</v>
      </c>
      <c r="B2096" s="8"/>
      <c r="C2096" s="9" t="s">
        <v>5926</v>
      </c>
      <c r="D2096" s="9" t="s">
        <v>11523</v>
      </c>
      <c r="E2096" s="10"/>
      <c r="F2096" s="10" t="s">
        <v>5926</v>
      </c>
      <c r="G2096" s="8" t="s">
        <v>11523</v>
      </c>
      <c r="H2096" s="8" t="s">
        <v>18628</v>
      </c>
      <c r="I2096" s="11">
        <v>39303</v>
      </c>
      <c r="J2096" s="11">
        <v>43374</v>
      </c>
      <c r="K2096" s="11">
        <v>45565</v>
      </c>
    </row>
    <row r="2097" spans="1:11" x14ac:dyDescent="0.4">
      <c r="A2097" s="8" t="s">
        <v>2324</v>
      </c>
      <c r="B2097" s="8"/>
      <c r="C2097" s="9" t="s">
        <v>13567</v>
      </c>
      <c r="D2097" s="9" t="s">
        <v>13568</v>
      </c>
      <c r="E2097" s="10"/>
      <c r="F2097" s="10"/>
      <c r="G2097" s="8"/>
      <c r="H2097" s="8" t="s">
        <v>18629</v>
      </c>
      <c r="I2097" s="11">
        <v>39337</v>
      </c>
      <c r="J2097" s="11">
        <v>43770</v>
      </c>
      <c r="K2097" s="11">
        <v>45961</v>
      </c>
    </row>
    <row r="2098" spans="1:11" x14ac:dyDescent="0.4">
      <c r="A2098" s="8" t="s">
        <v>2324</v>
      </c>
      <c r="B2098" s="8"/>
      <c r="C2098" s="9" t="s">
        <v>18630</v>
      </c>
      <c r="D2098" s="9" t="s">
        <v>13581</v>
      </c>
      <c r="E2098" s="10" t="s">
        <v>13582</v>
      </c>
      <c r="F2098" s="10" t="s">
        <v>1674</v>
      </c>
      <c r="G2098" s="8" t="s">
        <v>11514</v>
      </c>
      <c r="H2098" s="8" t="s">
        <v>18631</v>
      </c>
      <c r="I2098" s="11">
        <v>39345</v>
      </c>
      <c r="J2098" s="11">
        <v>43435</v>
      </c>
      <c r="K2098" s="11">
        <v>45626</v>
      </c>
    </row>
    <row r="2099" spans="1:11" x14ac:dyDescent="0.4">
      <c r="A2099" s="8" t="s">
        <v>2324</v>
      </c>
      <c r="B2099" s="8"/>
      <c r="C2099" s="9" t="s">
        <v>13641</v>
      </c>
      <c r="D2099" s="9" t="s">
        <v>13581</v>
      </c>
      <c r="E2099" s="10" t="s">
        <v>13591</v>
      </c>
      <c r="F2099" s="10" t="s">
        <v>13642</v>
      </c>
      <c r="G2099" s="8" t="s">
        <v>13643</v>
      </c>
      <c r="H2099" s="8" t="s">
        <v>18632</v>
      </c>
      <c r="I2099" s="11">
        <v>39345</v>
      </c>
      <c r="J2099" s="11">
        <v>43435</v>
      </c>
      <c r="K2099" s="11">
        <v>45626</v>
      </c>
    </row>
    <row r="2100" spans="1:11" x14ac:dyDescent="0.4">
      <c r="A2100" s="8" t="s">
        <v>2324</v>
      </c>
      <c r="B2100" s="8"/>
      <c r="C2100" s="9" t="s">
        <v>13645</v>
      </c>
      <c r="D2100" s="9" t="s">
        <v>13581</v>
      </c>
      <c r="E2100" s="10" t="s">
        <v>13591</v>
      </c>
      <c r="F2100" s="10" t="s">
        <v>13646</v>
      </c>
      <c r="G2100" s="8" t="s">
        <v>13647</v>
      </c>
      <c r="H2100" s="8" t="s">
        <v>18633</v>
      </c>
      <c r="I2100" s="11">
        <v>39345</v>
      </c>
      <c r="J2100" s="11">
        <v>43435</v>
      </c>
      <c r="K2100" s="11">
        <v>45626</v>
      </c>
    </row>
    <row r="2101" spans="1:11" x14ac:dyDescent="0.4">
      <c r="A2101" s="8" t="s">
        <v>2324</v>
      </c>
      <c r="B2101" s="8"/>
      <c r="C2101" s="9" t="s">
        <v>18634</v>
      </c>
      <c r="D2101" s="9" t="s">
        <v>13581</v>
      </c>
      <c r="E2101" s="10" t="s">
        <v>13591</v>
      </c>
      <c r="F2101" s="10" t="s">
        <v>13629</v>
      </c>
      <c r="G2101" s="8" t="s">
        <v>13630</v>
      </c>
      <c r="H2101" s="8" t="s">
        <v>18635</v>
      </c>
      <c r="I2101" s="11">
        <v>39345</v>
      </c>
      <c r="J2101" s="11">
        <v>43800</v>
      </c>
      <c r="K2101" s="11">
        <v>45991</v>
      </c>
    </row>
    <row r="2102" spans="1:11" x14ac:dyDescent="0.4">
      <c r="A2102" s="8" t="s">
        <v>2324</v>
      </c>
      <c r="B2102" s="8"/>
      <c r="C2102" s="9" t="s">
        <v>18636</v>
      </c>
      <c r="D2102" s="9" t="s">
        <v>18637</v>
      </c>
      <c r="E2102" s="10"/>
      <c r="F2102" s="10"/>
      <c r="G2102" s="8"/>
      <c r="H2102" s="8" t="s">
        <v>18638</v>
      </c>
      <c r="I2102" s="11">
        <v>39400</v>
      </c>
      <c r="J2102" s="11">
        <v>43922</v>
      </c>
      <c r="K2102" s="11">
        <v>46112</v>
      </c>
    </row>
    <row r="2103" spans="1:11" x14ac:dyDescent="0.4">
      <c r="A2103" s="8" t="s">
        <v>2324</v>
      </c>
      <c r="B2103" s="8"/>
      <c r="C2103" s="9" t="s">
        <v>11421</v>
      </c>
      <c r="D2103" s="9" t="s">
        <v>13690</v>
      </c>
      <c r="E2103" s="10"/>
      <c r="F2103" s="10" t="s">
        <v>11423</v>
      </c>
      <c r="G2103" s="8" t="s">
        <v>11424</v>
      </c>
      <c r="H2103" s="8" t="s">
        <v>18639</v>
      </c>
      <c r="I2103" s="11">
        <v>39402</v>
      </c>
      <c r="J2103" s="11">
        <v>43647</v>
      </c>
      <c r="K2103" s="11">
        <v>45838</v>
      </c>
    </row>
    <row r="2104" spans="1:11" x14ac:dyDescent="0.4">
      <c r="A2104" s="8" t="s">
        <v>2324</v>
      </c>
      <c r="B2104" s="8"/>
      <c r="C2104" s="9" t="s">
        <v>13695</v>
      </c>
      <c r="D2104" s="9" t="s">
        <v>13696</v>
      </c>
      <c r="E2104" s="10"/>
      <c r="F2104" s="10"/>
      <c r="G2104" s="8"/>
      <c r="H2104" s="8" t="s">
        <v>18640</v>
      </c>
      <c r="I2104" s="11">
        <v>39417</v>
      </c>
      <c r="J2104" s="11">
        <v>43556</v>
      </c>
      <c r="K2104" s="11">
        <v>45747</v>
      </c>
    </row>
    <row r="2105" spans="1:11" x14ac:dyDescent="0.4">
      <c r="A2105" s="8" t="s">
        <v>2324</v>
      </c>
      <c r="B2105" s="8"/>
      <c r="C2105" s="9" t="s">
        <v>13698</v>
      </c>
      <c r="D2105" s="9" t="s">
        <v>13699</v>
      </c>
      <c r="E2105" s="10"/>
      <c r="F2105" s="10" t="s">
        <v>13698</v>
      </c>
      <c r="G2105" s="8" t="s">
        <v>13700</v>
      </c>
      <c r="H2105" s="8" t="s">
        <v>18641</v>
      </c>
      <c r="I2105" s="11">
        <v>39421</v>
      </c>
      <c r="J2105" s="11">
        <v>44136</v>
      </c>
      <c r="K2105" s="11">
        <v>46326</v>
      </c>
    </row>
    <row r="2106" spans="1:11" x14ac:dyDescent="0.4">
      <c r="A2106" s="8" t="s">
        <v>2324</v>
      </c>
      <c r="B2106" s="8"/>
      <c r="C2106" s="9" t="s">
        <v>13711</v>
      </c>
      <c r="D2106" s="9" t="s">
        <v>13712</v>
      </c>
      <c r="E2106" s="10"/>
      <c r="F2106" s="10" t="s">
        <v>13713</v>
      </c>
      <c r="G2106" s="8" t="s">
        <v>13712</v>
      </c>
      <c r="H2106" s="8" t="s">
        <v>18642</v>
      </c>
      <c r="I2106" s="11">
        <v>39479</v>
      </c>
      <c r="J2106" s="11">
        <v>43739</v>
      </c>
      <c r="K2106" s="11">
        <v>45930</v>
      </c>
    </row>
    <row r="2107" spans="1:11" x14ac:dyDescent="0.4">
      <c r="A2107" s="8" t="s">
        <v>2324</v>
      </c>
      <c r="B2107" s="8"/>
      <c r="C2107" s="9" t="s">
        <v>13718</v>
      </c>
      <c r="D2107" s="9" t="s">
        <v>13719</v>
      </c>
      <c r="E2107" s="10"/>
      <c r="F2107" s="10" t="s">
        <v>6649</v>
      </c>
      <c r="G2107" s="8" t="s">
        <v>11553</v>
      </c>
      <c r="H2107" s="8" t="s">
        <v>18643</v>
      </c>
      <c r="I2107" s="11">
        <v>39484</v>
      </c>
      <c r="J2107" s="11">
        <v>44136</v>
      </c>
      <c r="K2107" s="11">
        <v>46326</v>
      </c>
    </row>
    <row r="2108" spans="1:11" x14ac:dyDescent="0.4">
      <c r="A2108" s="8" t="s">
        <v>2324</v>
      </c>
      <c r="B2108" s="8"/>
      <c r="C2108" s="9" t="s">
        <v>13773</v>
      </c>
      <c r="D2108" s="9" t="s">
        <v>13774</v>
      </c>
      <c r="E2108" s="10" t="s">
        <v>13775</v>
      </c>
      <c r="F2108" s="10" t="s">
        <v>13776</v>
      </c>
      <c r="G2108" s="8" t="s">
        <v>13777</v>
      </c>
      <c r="H2108" s="8" t="s">
        <v>18644</v>
      </c>
      <c r="I2108" s="11">
        <v>39545</v>
      </c>
      <c r="J2108" s="11">
        <v>43586</v>
      </c>
      <c r="K2108" s="11">
        <v>45777</v>
      </c>
    </row>
    <row r="2109" spans="1:11" x14ac:dyDescent="0.4">
      <c r="A2109" s="8" t="s">
        <v>2324</v>
      </c>
      <c r="B2109" s="8"/>
      <c r="C2109" s="9" t="s">
        <v>13799</v>
      </c>
      <c r="D2109" s="9" t="s">
        <v>13800</v>
      </c>
      <c r="E2109" s="10"/>
      <c r="F2109" s="10"/>
      <c r="G2109" s="8"/>
      <c r="H2109" s="8" t="s">
        <v>18645</v>
      </c>
      <c r="I2109" s="11">
        <v>39603</v>
      </c>
      <c r="J2109" s="11">
        <v>44105</v>
      </c>
      <c r="K2109" s="11">
        <v>46295</v>
      </c>
    </row>
    <row r="2110" spans="1:11" x14ac:dyDescent="0.4">
      <c r="A2110" s="8" t="s">
        <v>2324</v>
      </c>
      <c r="B2110" s="8"/>
      <c r="C2110" s="9" t="s">
        <v>13822</v>
      </c>
      <c r="D2110" s="9" t="s">
        <v>13823</v>
      </c>
      <c r="E2110" s="10" t="s">
        <v>3144</v>
      </c>
      <c r="F2110" s="10" t="s">
        <v>13642</v>
      </c>
      <c r="G2110" s="8" t="s">
        <v>13643</v>
      </c>
      <c r="H2110" s="8" t="s">
        <v>18646</v>
      </c>
      <c r="I2110" s="11">
        <v>39660</v>
      </c>
      <c r="J2110" s="11">
        <v>44287</v>
      </c>
      <c r="K2110" s="11">
        <v>46477</v>
      </c>
    </row>
    <row r="2111" spans="1:11" x14ac:dyDescent="0.4">
      <c r="A2111" s="8" t="s">
        <v>2324</v>
      </c>
      <c r="B2111" s="8"/>
      <c r="C2111" s="9" t="s">
        <v>13830</v>
      </c>
      <c r="D2111" s="9" t="s">
        <v>12517</v>
      </c>
      <c r="E2111" s="10" t="s">
        <v>12522</v>
      </c>
      <c r="F2111" s="10" t="s">
        <v>13831</v>
      </c>
      <c r="G2111" s="8" t="s">
        <v>13832</v>
      </c>
      <c r="H2111" s="8" t="s">
        <v>18647</v>
      </c>
      <c r="I2111" s="11">
        <v>39661</v>
      </c>
      <c r="J2111" s="11">
        <v>43952</v>
      </c>
      <c r="K2111" s="11">
        <v>46142</v>
      </c>
    </row>
    <row r="2112" spans="1:11" x14ac:dyDescent="0.4">
      <c r="A2112" s="8" t="s">
        <v>2324</v>
      </c>
      <c r="B2112" s="8"/>
      <c r="C2112" s="9" t="s">
        <v>18648</v>
      </c>
      <c r="D2112" s="9" t="s">
        <v>18649</v>
      </c>
      <c r="E2112" s="10"/>
      <c r="F2112" s="10"/>
      <c r="G2112" s="8"/>
      <c r="H2112" s="8" t="s">
        <v>18650</v>
      </c>
      <c r="I2112" s="11">
        <v>39715</v>
      </c>
      <c r="J2112" s="11">
        <v>44287</v>
      </c>
      <c r="K2112" s="11">
        <v>46477</v>
      </c>
    </row>
    <row r="2113" spans="1:11" x14ac:dyDescent="0.4">
      <c r="A2113" s="8" t="s">
        <v>2324</v>
      </c>
      <c r="B2113" s="8"/>
      <c r="C2113" s="9" t="s">
        <v>14729</v>
      </c>
      <c r="D2113" s="9" t="s">
        <v>13036</v>
      </c>
      <c r="E2113" s="10"/>
      <c r="F2113" s="10" t="s">
        <v>5428</v>
      </c>
      <c r="G2113" s="8" t="s">
        <v>14479</v>
      </c>
      <c r="H2113" s="8" t="s">
        <v>18651</v>
      </c>
      <c r="I2113" s="11">
        <v>39730</v>
      </c>
      <c r="J2113" s="11">
        <v>43770</v>
      </c>
      <c r="K2113" s="11">
        <v>45961</v>
      </c>
    </row>
    <row r="2114" spans="1:11" x14ac:dyDescent="0.4">
      <c r="A2114" s="8" t="s">
        <v>2324</v>
      </c>
      <c r="B2114" s="8"/>
      <c r="C2114" s="9" t="s">
        <v>18652</v>
      </c>
      <c r="D2114" s="9" t="s">
        <v>18653</v>
      </c>
      <c r="E2114" s="10"/>
      <c r="F2114" s="10" t="s">
        <v>18654</v>
      </c>
      <c r="G2114" s="8" t="s">
        <v>18655</v>
      </c>
      <c r="H2114" s="8" t="s">
        <v>18656</v>
      </c>
      <c r="I2114" s="11">
        <v>39765</v>
      </c>
      <c r="J2114" s="11">
        <v>44287</v>
      </c>
      <c r="K2114" s="11">
        <v>46477</v>
      </c>
    </row>
    <row r="2115" spans="1:11" x14ac:dyDescent="0.4">
      <c r="A2115" s="8" t="s">
        <v>2324</v>
      </c>
      <c r="B2115" s="8"/>
      <c r="C2115" s="9" t="s">
        <v>13906</v>
      </c>
      <c r="D2115" s="9" t="s">
        <v>13907</v>
      </c>
      <c r="E2115" s="10"/>
      <c r="F2115" s="10" t="s">
        <v>13908</v>
      </c>
      <c r="G2115" s="8" t="s">
        <v>13909</v>
      </c>
      <c r="H2115" s="8" t="s">
        <v>18657</v>
      </c>
      <c r="I2115" s="11">
        <v>39773</v>
      </c>
      <c r="J2115" s="11">
        <v>43739</v>
      </c>
      <c r="K2115" s="11">
        <v>45565</v>
      </c>
    </row>
    <row r="2116" spans="1:11" x14ac:dyDescent="0.4">
      <c r="A2116" s="8" t="s">
        <v>2324</v>
      </c>
      <c r="B2116" s="8"/>
      <c r="C2116" s="9" t="s">
        <v>18658</v>
      </c>
      <c r="D2116" s="9" t="s">
        <v>18659</v>
      </c>
      <c r="E2116" s="10"/>
      <c r="F2116" s="10"/>
      <c r="G2116" s="8"/>
      <c r="H2116" s="8" t="s">
        <v>18660</v>
      </c>
      <c r="I2116" s="11">
        <v>39814</v>
      </c>
      <c r="J2116" s="11">
        <v>43770</v>
      </c>
      <c r="K2116" s="11">
        <v>45596</v>
      </c>
    </row>
    <row r="2117" spans="1:11" x14ac:dyDescent="0.4">
      <c r="A2117" s="8" t="s">
        <v>2324</v>
      </c>
      <c r="B2117" s="8"/>
      <c r="C2117" s="9" t="s">
        <v>18661</v>
      </c>
      <c r="D2117" s="9" t="s">
        <v>18662</v>
      </c>
      <c r="E2117" s="10"/>
      <c r="F2117" s="10"/>
      <c r="G2117" s="8"/>
      <c r="H2117" s="8" t="s">
        <v>18663</v>
      </c>
      <c r="I2117" s="11">
        <v>39836</v>
      </c>
      <c r="J2117" s="11">
        <v>44105</v>
      </c>
      <c r="K2117" s="11">
        <v>46295</v>
      </c>
    </row>
    <row r="2118" spans="1:11" x14ac:dyDescent="0.4">
      <c r="A2118" s="8" t="s">
        <v>2324</v>
      </c>
      <c r="B2118" s="8"/>
      <c r="C2118" s="9" t="s">
        <v>2150</v>
      </c>
      <c r="D2118" s="9" t="s">
        <v>18664</v>
      </c>
      <c r="E2118" s="10"/>
      <c r="F2118" s="10" t="s">
        <v>18665</v>
      </c>
      <c r="G2118" s="8" t="s">
        <v>18666</v>
      </c>
      <c r="H2118" s="8" t="s">
        <v>18667</v>
      </c>
      <c r="I2118" s="11">
        <v>39863</v>
      </c>
      <c r="J2118" s="11">
        <v>44105</v>
      </c>
      <c r="K2118" s="11">
        <v>46295</v>
      </c>
    </row>
    <row r="2119" spans="1:11" x14ac:dyDescent="0.4">
      <c r="A2119" s="8" t="s">
        <v>2324</v>
      </c>
      <c r="B2119" s="8"/>
      <c r="C2119" s="9" t="s">
        <v>18668</v>
      </c>
      <c r="D2119" s="9" t="s">
        <v>18669</v>
      </c>
      <c r="E2119" s="10"/>
      <c r="F2119" s="10"/>
      <c r="G2119" s="8"/>
      <c r="H2119" s="8" t="s">
        <v>18670</v>
      </c>
      <c r="I2119" s="11">
        <v>39897</v>
      </c>
      <c r="J2119" s="11">
        <v>43739</v>
      </c>
      <c r="K2119" s="11">
        <v>45565</v>
      </c>
    </row>
    <row r="2120" spans="1:11" x14ac:dyDescent="0.4">
      <c r="A2120" s="8" t="s">
        <v>2324</v>
      </c>
      <c r="B2120" s="8"/>
      <c r="C2120" s="9" t="s">
        <v>18671</v>
      </c>
      <c r="D2120" s="9" t="s">
        <v>18672</v>
      </c>
      <c r="E2120" s="10"/>
      <c r="F2120" s="10"/>
      <c r="G2120" s="8"/>
      <c r="H2120" s="8" t="s">
        <v>18673</v>
      </c>
      <c r="I2120" s="11">
        <v>39903</v>
      </c>
      <c r="J2120" s="11">
        <v>44105</v>
      </c>
      <c r="K2120" s="11">
        <v>46295</v>
      </c>
    </row>
    <row r="2121" spans="1:11" x14ac:dyDescent="0.4">
      <c r="A2121" s="8" t="s">
        <v>2324</v>
      </c>
      <c r="B2121" s="8"/>
      <c r="C2121" s="9" t="s">
        <v>18674</v>
      </c>
      <c r="D2121" s="9" t="s">
        <v>13377</v>
      </c>
      <c r="E2121" s="10"/>
      <c r="F2121" s="10" t="s">
        <v>2321</v>
      </c>
      <c r="G2121" s="8" t="s">
        <v>13377</v>
      </c>
      <c r="H2121" s="8" t="s">
        <v>18675</v>
      </c>
      <c r="I2121" s="11">
        <v>39909</v>
      </c>
      <c r="J2121" s="11">
        <v>44105</v>
      </c>
      <c r="K2121" s="11">
        <v>46326</v>
      </c>
    </row>
    <row r="2122" spans="1:11" x14ac:dyDescent="0.4">
      <c r="A2122" s="8" t="s">
        <v>2324</v>
      </c>
      <c r="B2122" s="8"/>
      <c r="C2122" s="9" t="s">
        <v>18676</v>
      </c>
      <c r="D2122" s="9" t="s">
        <v>14048</v>
      </c>
      <c r="E2122" s="10"/>
      <c r="F2122" s="10"/>
      <c r="G2122" s="8"/>
      <c r="H2122" s="8" t="s">
        <v>18677</v>
      </c>
      <c r="I2122" s="11">
        <v>39913</v>
      </c>
      <c r="J2122" s="11">
        <v>43770</v>
      </c>
      <c r="K2122" s="11">
        <v>45596</v>
      </c>
    </row>
    <row r="2123" spans="1:11" x14ac:dyDescent="0.4">
      <c r="A2123" s="8" t="s">
        <v>2324</v>
      </c>
      <c r="B2123" s="8"/>
      <c r="C2123" s="9" t="s">
        <v>12726</v>
      </c>
      <c r="D2123" s="9" t="s">
        <v>12727</v>
      </c>
      <c r="E2123" s="10"/>
      <c r="F2123" s="10"/>
      <c r="G2123" s="8"/>
      <c r="H2123" s="8" t="s">
        <v>18678</v>
      </c>
      <c r="I2123" s="11">
        <v>39919</v>
      </c>
      <c r="J2123" s="11">
        <v>43983</v>
      </c>
      <c r="K2123" s="11">
        <v>46173</v>
      </c>
    </row>
    <row r="2124" spans="1:11" x14ac:dyDescent="0.4">
      <c r="A2124" s="8" t="s">
        <v>2324</v>
      </c>
      <c r="B2124" s="8"/>
      <c r="C2124" s="9" t="s">
        <v>1644</v>
      </c>
      <c r="D2124" s="9" t="s">
        <v>11596</v>
      </c>
      <c r="E2124" s="10"/>
      <c r="F2124" s="10" t="s">
        <v>1644</v>
      </c>
      <c r="G2124" s="8" t="s">
        <v>11596</v>
      </c>
      <c r="H2124" s="8" t="s">
        <v>18679</v>
      </c>
      <c r="I2124" s="11">
        <v>39962</v>
      </c>
      <c r="J2124" s="11">
        <v>44287</v>
      </c>
      <c r="K2124" s="11">
        <v>46477</v>
      </c>
    </row>
    <row r="2125" spans="1:11" x14ac:dyDescent="0.4">
      <c r="A2125" s="8" t="s">
        <v>2324</v>
      </c>
      <c r="B2125" s="8"/>
      <c r="C2125" s="9" t="s">
        <v>18680</v>
      </c>
      <c r="D2125" s="9" t="s">
        <v>18681</v>
      </c>
      <c r="E2125" s="10"/>
      <c r="F2125" s="10"/>
      <c r="G2125" s="8"/>
      <c r="H2125" s="8" t="s">
        <v>18682</v>
      </c>
      <c r="I2125" s="11">
        <v>39988</v>
      </c>
      <c r="J2125" s="11">
        <v>44013</v>
      </c>
      <c r="K2125" s="11">
        <v>46203</v>
      </c>
    </row>
    <row r="2126" spans="1:11" x14ac:dyDescent="0.4">
      <c r="A2126" s="8" t="s">
        <v>2324</v>
      </c>
      <c r="B2126" s="8"/>
      <c r="C2126" s="9" t="s">
        <v>18683</v>
      </c>
      <c r="D2126" s="9" t="s">
        <v>14637</v>
      </c>
      <c r="E2126" s="10"/>
      <c r="F2126" s="10" t="s">
        <v>6096</v>
      </c>
      <c r="G2126" s="8" t="s">
        <v>14637</v>
      </c>
      <c r="H2126" s="8" t="s">
        <v>18684</v>
      </c>
      <c r="I2126" s="11">
        <v>39995</v>
      </c>
      <c r="J2126" s="11">
        <v>44105</v>
      </c>
      <c r="K2126" s="11">
        <v>46295</v>
      </c>
    </row>
    <row r="2127" spans="1:11" x14ac:dyDescent="0.4">
      <c r="A2127" s="8" t="s">
        <v>2324</v>
      </c>
      <c r="B2127" s="8"/>
      <c r="C2127" s="9" t="s">
        <v>14102</v>
      </c>
      <c r="D2127" s="9" t="s">
        <v>14103</v>
      </c>
      <c r="E2127" s="10"/>
      <c r="F2127" s="10" t="s">
        <v>14104</v>
      </c>
      <c r="G2127" s="8" t="s">
        <v>14105</v>
      </c>
      <c r="H2127" s="8" t="s">
        <v>18685</v>
      </c>
      <c r="I2127" s="11">
        <v>40009</v>
      </c>
      <c r="J2127" s="11">
        <v>44287</v>
      </c>
      <c r="K2127" s="11">
        <v>46112</v>
      </c>
    </row>
    <row r="2128" spans="1:11" x14ac:dyDescent="0.4">
      <c r="A2128" s="8" t="s">
        <v>2324</v>
      </c>
      <c r="B2128" s="8"/>
      <c r="C2128" s="9" t="s">
        <v>14158</v>
      </c>
      <c r="D2128" s="9" t="s">
        <v>14159</v>
      </c>
      <c r="E2128" s="10"/>
      <c r="F2128" s="10"/>
      <c r="G2128" s="8"/>
      <c r="H2128" s="8" t="s">
        <v>18686</v>
      </c>
      <c r="I2128" s="11">
        <v>40172</v>
      </c>
      <c r="J2128" s="11">
        <v>43922</v>
      </c>
      <c r="K2128" s="11">
        <v>45747</v>
      </c>
    </row>
    <row r="2129" spans="1:11" x14ac:dyDescent="0.4">
      <c r="A2129" s="8" t="s">
        <v>2324</v>
      </c>
      <c r="B2129" s="8"/>
      <c r="C2129" s="9" t="s">
        <v>18687</v>
      </c>
      <c r="D2129" s="9" t="s">
        <v>14181</v>
      </c>
      <c r="E2129" s="10"/>
      <c r="F2129" s="10"/>
      <c r="G2129" s="8"/>
      <c r="H2129" s="8" t="s">
        <v>18688</v>
      </c>
      <c r="I2129" s="11">
        <v>40256</v>
      </c>
      <c r="J2129" s="11">
        <v>44136</v>
      </c>
      <c r="K2129" s="11">
        <v>45961</v>
      </c>
    </row>
    <row r="2130" spans="1:11" x14ac:dyDescent="0.4">
      <c r="A2130" s="8" t="s">
        <v>2324</v>
      </c>
      <c r="B2130" s="8"/>
      <c r="C2130" s="9" t="s">
        <v>854</v>
      </c>
      <c r="D2130" s="9" t="s">
        <v>18689</v>
      </c>
      <c r="E2130" s="10"/>
      <c r="F2130" s="10" t="s">
        <v>854</v>
      </c>
      <c r="G2130" s="8" t="s">
        <v>15441</v>
      </c>
      <c r="H2130" s="8" t="s">
        <v>18690</v>
      </c>
      <c r="I2130" s="11">
        <v>40262</v>
      </c>
      <c r="J2130" s="11">
        <v>44013</v>
      </c>
      <c r="K2130" s="11">
        <v>45838</v>
      </c>
    </row>
    <row r="2131" spans="1:11" x14ac:dyDescent="0.4">
      <c r="A2131" s="8" t="s">
        <v>2324</v>
      </c>
      <c r="B2131" s="8"/>
      <c r="C2131" s="9" t="s">
        <v>11651</v>
      </c>
      <c r="D2131" s="9" t="s">
        <v>11652</v>
      </c>
      <c r="E2131" s="10"/>
      <c r="F2131" s="10" t="s">
        <v>11653</v>
      </c>
      <c r="G2131" s="8" t="s">
        <v>11654</v>
      </c>
      <c r="H2131" s="8" t="s">
        <v>18691</v>
      </c>
      <c r="I2131" s="11">
        <v>40299</v>
      </c>
      <c r="J2131" s="11">
        <v>44105</v>
      </c>
      <c r="K2131" s="11">
        <v>46295</v>
      </c>
    </row>
    <row r="2132" spans="1:11" x14ac:dyDescent="0.4">
      <c r="A2132" s="8" t="s">
        <v>2324</v>
      </c>
      <c r="B2132" s="8"/>
      <c r="C2132" s="9" t="s">
        <v>14731</v>
      </c>
      <c r="D2132" s="9" t="s">
        <v>14732</v>
      </c>
      <c r="E2132" s="10"/>
      <c r="F2132" s="10" t="s">
        <v>5428</v>
      </c>
      <c r="G2132" s="8" t="s">
        <v>14479</v>
      </c>
      <c r="H2132" s="8" t="s">
        <v>18692</v>
      </c>
      <c r="I2132" s="11">
        <v>40353</v>
      </c>
      <c r="J2132" s="11">
        <v>43191</v>
      </c>
      <c r="K2132" s="11">
        <v>45747</v>
      </c>
    </row>
    <row r="2133" spans="1:11" x14ac:dyDescent="0.4">
      <c r="A2133" s="8" t="s">
        <v>2324</v>
      </c>
      <c r="B2133" s="8"/>
      <c r="C2133" s="9" t="s">
        <v>11615</v>
      </c>
      <c r="D2133" s="9" t="s">
        <v>11616</v>
      </c>
      <c r="E2133" s="10"/>
      <c r="F2133" s="10"/>
      <c r="G2133" s="8"/>
      <c r="H2133" s="8" t="s">
        <v>18693</v>
      </c>
      <c r="I2133" s="11">
        <v>40420</v>
      </c>
      <c r="J2133" s="11">
        <v>44105</v>
      </c>
      <c r="K2133" s="11">
        <v>45930</v>
      </c>
    </row>
    <row r="2134" spans="1:11" x14ac:dyDescent="0.4">
      <c r="A2134" s="8" t="s">
        <v>2324</v>
      </c>
      <c r="B2134" s="8"/>
      <c r="C2134" s="9" t="s">
        <v>18694</v>
      </c>
      <c r="D2134" s="9" t="s">
        <v>16058</v>
      </c>
      <c r="E2134" s="10"/>
      <c r="F2134" s="10"/>
      <c r="G2134" s="8"/>
      <c r="H2134" s="8" t="s">
        <v>18695</v>
      </c>
      <c r="I2134" s="11">
        <v>40526</v>
      </c>
      <c r="J2134" s="11">
        <v>44287</v>
      </c>
      <c r="K2134" s="11">
        <v>46112</v>
      </c>
    </row>
    <row r="2135" spans="1:11" x14ac:dyDescent="0.4">
      <c r="A2135" s="8" t="s">
        <v>2324</v>
      </c>
      <c r="B2135" s="8"/>
      <c r="C2135" s="9" t="s">
        <v>18696</v>
      </c>
      <c r="D2135" s="9" t="s">
        <v>18697</v>
      </c>
      <c r="E2135" s="10"/>
      <c r="F2135" s="10"/>
      <c r="G2135" s="8"/>
      <c r="H2135" s="8" t="s">
        <v>18698</v>
      </c>
      <c r="I2135" s="11">
        <v>40620</v>
      </c>
      <c r="J2135" s="11">
        <v>44287</v>
      </c>
      <c r="K2135" s="11">
        <v>46112</v>
      </c>
    </row>
    <row r="2136" spans="1:11" x14ac:dyDescent="0.4">
      <c r="A2136" s="8" t="s">
        <v>2324</v>
      </c>
      <c r="B2136" s="8"/>
      <c r="C2136" s="9" t="s">
        <v>13802</v>
      </c>
      <c r="D2136" s="9" t="s">
        <v>13803</v>
      </c>
      <c r="E2136" s="10"/>
      <c r="F2136" s="10" t="s">
        <v>13804</v>
      </c>
      <c r="G2136" s="8" t="s">
        <v>13805</v>
      </c>
      <c r="H2136" s="8" t="s">
        <v>18699</v>
      </c>
      <c r="I2136" s="11">
        <v>40660</v>
      </c>
      <c r="J2136" s="11">
        <v>43739</v>
      </c>
      <c r="K2136" s="11">
        <v>45930</v>
      </c>
    </row>
    <row r="2137" spans="1:11" x14ac:dyDescent="0.4">
      <c r="A2137" s="8" t="s">
        <v>2324</v>
      </c>
      <c r="B2137" s="8"/>
      <c r="C2137" s="9" t="s">
        <v>593</v>
      </c>
      <c r="D2137" s="9" t="s">
        <v>18700</v>
      </c>
      <c r="E2137" s="10"/>
      <c r="F2137" s="10"/>
      <c r="G2137" s="8"/>
      <c r="H2137" s="8" t="s">
        <v>18701</v>
      </c>
      <c r="I2137" s="11">
        <v>40800</v>
      </c>
      <c r="J2137" s="11">
        <v>43282</v>
      </c>
      <c r="K2137" s="11">
        <v>45473</v>
      </c>
    </row>
    <row r="2138" spans="1:11" x14ac:dyDescent="0.4">
      <c r="A2138" s="8" t="s">
        <v>2324</v>
      </c>
      <c r="B2138" s="8"/>
      <c r="C2138" s="9" t="s">
        <v>14390</v>
      </c>
      <c r="D2138" s="9" t="s">
        <v>14391</v>
      </c>
      <c r="E2138" s="10"/>
      <c r="F2138" s="10"/>
      <c r="G2138" s="8"/>
      <c r="H2138" s="8" t="s">
        <v>18702</v>
      </c>
      <c r="I2138" s="11">
        <v>41087</v>
      </c>
      <c r="J2138" s="11">
        <v>43556</v>
      </c>
      <c r="K2138" s="11">
        <v>45747</v>
      </c>
    </row>
    <row r="2139" spans="1:11" x14ac:dyDescent="0.4">
      <c r="A2139" s="8" t="s">
        <v>2324</v>
      </c>
      <c r="B2139" s="8"/>
      <c r="C2139" s="9" t="s">
        <v>11426</v>
      </c>
      <c r="D2139" s="9" t="s">
        <v>11427</v>
      </c>
      <c r="E2139" s="10"/>
      <c r="F2139" s="10" t="s">
        <v>11428</v>
      </c>
      <c r="G2139" s="8" t="s">
        <v>11429</v>
      </c>
      <c r="H2139" s="8" t="s">
        <v>18703</v>
      </c>
      <c r="I2139" s="11">
        <v>41093</v>
      </c>
      <c r="J2139" s="11">
        <v>43586</v>
      </c>
      <c r="K2139" s="11">
        <v>45777</v>
      </c>
    </row>
    <row r="2140" spans="1:11" x14ac:dyDescent="0.4">
      <c r="A2140" s="8" t="s">
        <v>2324</v>
      </c>
      <c r="B2140" s="8"/>
      <c r="C2140" s="9" t="s">
        <v>18704</v>
      </c>
      <c r="D2140" s="9" t="s">
        <v>18705</v>
      </c>
      <c r="E2140" s="10"/>
      <c r="F2140" s="10"/>
      <c r="G2140" s="8"/>
      <c r="H2140" s="8" t="s">
        <v>18706</v>
      </c>
      <c r="I2140" s="11">
        <v>41100</v>
      </c>
      <c r="J2140" s="11">
        <v>43647</v>
      </c>
      <c r="K2140" s="11">
        <v>45838</v>
      </c>
    </row>
    <row r="2141" spans="1:11" x14ac:dyDescent="0.4">
      <c r="A2141" s="8" t="s">
        <v>2324</v>
      </c>
      <c r="B2141" s="8"/>
      <c r="C2141" s="9" t="s">
        <v>14465</v>
      </c>
      <c r="D2141" s="9" t="s">
        <v>14466</v>
      </c>
      <c r="E2141" s="10"/>
      <c r="F2141" s="10" t="s">
        <v>7045</v>
      </c>
      <c r="G2141" s="8" t="s">
        <v>14467</v>
      </c>
      <c r="H2141" s="8" t="s">
        <v>18707</v>
      </c>
      <c r="I2141" s="11">
        <v>41158</v>
      </c>
      <c r="J2141" s="11">
        <v>43374</v>
      </c>
      <c r="K2141" s="11">
        <v>45565</v>
      </c>
    </row>
    <row r="2142" spans="1:11" x14ac:dyDescent="0.4">
      <c r="A2142" s="8" t="s">
        <v>2324</v>
      </c>
      <c r="B2142" s="8"/>
      <c r="C2142" s="9" t="s">
        <v>14476</v>
      </c>
      <c r="D2142" s="9" t="s">
        <v>14477</v>
      </c>
      <c r="E2142" s="10"/>
      <c r="F2142" s="10" t="s">
        <v>5428</v>
      </c>
      <c r="G2142" s="8" t="s">
        <v>14479</v>
      </c>
      <c r="H2142" s="8" t="s">
        <v>18708</v>
      </c>
      <c r="I2142" s="11">
        <v>41171</v>
      </c>
      <c r="J2142" s="11">
        <v>43405</v>
      </c>
      <c r="K2142" s="11">
        <v>45596</v>
      </c>
    </row>
    <row r="2143" spans="1:11" x14ac:dyDescent="0.4">
      <c r="A2143" s="8" t="s">
        <v>2324</v>
      </c>
      <c r="B2143" s="8"/>
      <c r="C2143" s="9" t="s">
        <v>14492</v>
      </c>
      <c r="D2143" s="9" t="s">
        <v>14493</v>
      </c>
      <c r="E2143" s="10"/>
      <c r="F2143" s="10"/>
      <c r="G2143" s="8"/>
      <c r="H2143" s="8" t="s">
        <v>18709</v>
      </c>
      <c r="I2143" s="11">
        <v>41187</v>
      </c>
      <c r="J2143" s="11">
        <v>43435</v>
      </c>
      <c r="K2143" s="11">
        <v>45626</v>
      </c>
    </row>
    <row r="2144" spans="1:11" x14ac:dyDescent="0.4">
      <c r="A2144" s="8" t="s">
        <v>2324</v>
      </c>
      <c r="B2144" s="8"/>
      <c r="C2144" s="9" t="s">
        <v>18710</v>
      </c>
      <c r="D2144" s="9" t="s">
        <v>18711</v>
      </c>
      <c r="E2144" s="10"/>
      <c r="F2144" s="10"/>
      <c r="G2144" s="8"/>
      <c r="H2144" s="8" t="s">
        <v>18712</v>
      </c>
      <c r="I2144" s="11">
        <v>41186</v>
      </c>
      <c r="J2144" s="11">
        <v>43647</v>
      </c>
      <c r="K2144" s="11">
        <v>45838</v>
      </c>
    </row>
    <row r="2145" spans="1:11" x14ac:dyDescent="0.4">
      <c r="A2145" s="8" t="s">
        <v>2324</v>
      </c>
      <c r="B2145" s="8"/>
      <c r="C2145" s="9" t="s">
        <v>18713</v>
      </c>
      <c r="D2145" s="9" t="s">
        <v>18714</v>
      </c>
      <c r="E2145" s="10"/>
      <c r="F2145" s="10"/>
      <c r="G2145" s="8"/>
      <c r="H2145" s="8" t="s">
        <v>18715</v>
      </c>
      <c r="I2145" s="11">
        <v>41194</v>
      </c>
      <c r="J2145" s="11">
        <v>43405</v>
      </c>
      <c r="K2145" s="11">
        <v>45596</v>
      </c>
    </row>
    <row r="2146" spans="1:11" x14ac:dyDescent="0.4">
      <c r="A2146" s="8" t="s">
        <v>2324</v>
      </c>
      <c r="B2146" s="8"/>
      <c r="C2146" s="9" t="s">
        <v>11561</v>
      </c>
      <c r="D2146" s="9" t="s">
        <v>11562</v>
      </c>
      <c r="E2146" s="10"/>
      <c r="F2146" s="10" t="s">
        <v>11563</v>
      </c>
      <c r="G2146" s="8" t="s">
        <v>11562</v>
      </c>
      <c r="H2146" s="8" t="s">
        <v>18716</v>
      </c>
      <c r="I2146" s="11">
        <v>41209</v>
      </c>
      <c r="J2146" s="11">
        <v>43405</v>
      </c>
      <c r="K2146" s="11">
        <v>45596</v>
      </c>
    </row>
    <row r="2147" spans="1:11" x14ac:dyDescent="0.4">
      <c r="A2147" s="8" t="s">
        <v>2324</v>
      </c>
      <c r="B2147" s="8"/>
      <c r="C2147" s="9" t="s">
        <v>18717</v>
      </c>
      <c r="D2147" s="9" t="s">
        <v>18718</v>
      </c>
      <c r="E2147" s="10"/>
      <c r="F2147" s="10"/>
      <c r="G2147" s="8"/>
      <c r="H2147" s="8" t="s">
        <v>18719</v>
      </c>
      <c r="I2147" s="11">
        <v>41219</v>
      </c>
      <c r="J2147" s="11">
        <v>43556</v>
      </c>
      <c r="K2147" s="11">
        <v>45747</v>
      </c>
    </row>
    <row r="2148" spans="1:11" x14ac:dyDescent="0.4">
      <c r="A2148" s="8" t="s">
        <v>2324</v>
      </c>
      <c r="B2148" s="8"/>
      <c r="C2148" s="9" t="s">
        <v>18720</v>
      </c>
      <c r="D2148" s="9" t="s">
        <v>13581</v>
      </c>
      <c r="E2148" s="10" t="s">
        <v>13591</v>
      </c>
      <c r="F2148" s="10" t="s">
        <v>18721</v>
      </c>
      <c r="G2148" s="8" t="s">
        <v>18722</v>
      </c>
      <c r="H2148" s="8" t="s">
        <v>18723</v>
      </c>
      <c r="I2148" s="11">
        <v>41221</v>
      </c>
      <c r="J2148" s="11">
        <v>43435</v>
      </c>
      <c r="K2148" s="11">
        <v>45626</v>
      </c>
    </row>
    <row r="2149" spans="1:11" x14ac:dyDescent="0.4">
      <c r="A2149" s="8" t="s">
        <v>2324</v>
      </c>
      <c r="B2149" s="8"/>
      <c r="C2149" s="9" t="s">
        <v>18724</v>
      </c>
      <c r="D2149" s="9" t="s">
        <v>18725</v>
      </c>
      <c r="E2149" s="10" t="s">
        <v>18726</v>
      </c>
      <c r="F2149" s="10" t="s">
        <v>18727</v>
      </c>
      <c r="G2149" s="8" t="s">
        <v>18728</v>
      </c>
      <c r="H2149" s="8" t="s">
        <v>18729</v>
      </c>
      <c r="I2149" s="11">
        <v>41281</v>
      </c>
      <c r="J2149" s="11">
        <v>43556</v>
      </c>
      <c r="K2149" s="11">
        <v>45747</v>
      </c>
    </row>
    <row r="2150" spans="1:11" x14ac:dyDescent="0.4">
      <c r="A2150" s="8" t="s">
        <v>2324</v>
      </c>
      <c r="B2150" s="8"/>
      <c r="C2150" s="9" t="s">
        <v>18730</v>
      </c>
      <c r="D2150" s="9" t="s">
        <v>18731</v>
      </c>
      <c r="E2150" s="10"/>
      <c r="F2150" s="10"/>
      <c r="G2150" s="8"/>
      <c r="H2150" s="8" t="s">
        <v>18732</v>
      </c>
      <c r="I2150" s="11">
        <v>41325</v>
      </c>
      <c r="J2150" s="11">
        <v>43556</v>
      </c>
      <c r="K2150" s="11">
        <v>45747</v>
      </c>
    </row>
    <row r="2151" spans="1:11" x14ac:dyDescent="0.4">
      <c r="A2151" s="8" t="s">
        <v>2324</v>
      </c>
      <c r="B2151" s="8"/>
      <c r="C2151" s="9" t="s">
        <v>14555</v>
      </c>
      <c r="D2151" s="9" t="s">
        <v>14556</v>
      </c>
      <c r="E2151" s="10" t="s">
        <v>14557</v>
      </c>
      <c r="F2151" s="10"/>
      <c r="G2151" s="8"/>
      <c r="H2151" s="8" t="s">
        <v>18733</v>
      </c>
      <c r="I2151" s="11">
        <v>41333</v>
      </c>
      <c r="J2151" s="11">
        <v>43739</v>
      </c>
      <c r="K2151" s="11">
        <v>45930</v>
      </c>
    </row>
    <row r="2152" spans="1:11" x14ac:dyDescent="0.4">
      <c r="A2152" s="8" t="s">
        <v>2324</v>
      </c>
      <c r="B2152" s="8"/>
      <c r="C2152" s="9" t="s">
        <v>18734</v>
      </c>
      <c r="D2152" s="9" t="s">
        <v>18735</v>
      </c>
      <c r="E2152" s="10"/>
      <c r="F2152" s="10" t="s">
        <v>18736</v>
      </c>
      <c r="G2152" s="8" t="s">
        <v>11961</v>
      </c>
      <c r="H2152" s="8" t="s">
        <v>18737</v>
      </c>
      <c r="I2152" s="11">
        <v>41338</v>
      </c>
      <c r="J2152" s="11">
        <v>43586</v>
      </c>
      <c r="K2152" s="11">
        <v>45777</v>
      </c>
    </row>
    <row r="2153" spans="1:11" x14ac:dyDescent="0.4">
      <c r="A2153" s="8" t="s">
        <v>2324</v>
      </c>
      <c r="B2153" s="8"/>
      <c r="C2153" s="9" t="s">
        <v>14537</v>
      </c>
      <c r="D2153" s="9" t="s">
        <v>14538</v>
      </c>
      <c r="E2153" s="10"/>
      <c r="F2153" s="10"/>
      <c r="G2153" s="8"/>
      <c r="H2153" s="8" t="s">
        <v>18738</v>
      </c>
      <c r="I2153" s="11">
        <v>41353</v>
      </c>
      <c r="J2153" s="11">
        <v>43374</v>
      </c>
      <c r="K2153" s="11">
        <v>45565</v>
      </c>
    </row>
    <row r="2154" spans="1:11" x14ac:dyDescent="0.4">
      <c r="A2154" s="8" t="s">
        <v>2324</v>
      </c>
      <c r="B2154" s="8"/>
      <c r="C2154" s="9" t="s">
        <v>14596</v>
      </c>
      <c r="D2154" s="9" t="s">
        <v>14597</v>
      </c>
      <c r="E2154" s="10"/>
      <c r="F2154" s="10" t="s">
        <v>14598</v>
      </c>
      <c r="G2154" s="8" t="s">
        <v>14599</v>
      </c>
      <c r="H2154" s="8" t="s">
        <v>18739</v>
      </c>
      <c r="I2154" s="11">
        <v>41365</v>
      </c>
      <c r="J2154" s="11">
        <v>43800</v>
      </c>
      <c r="K2154" s="11">
        <v>45991</v>
      </c>
    </row>
    <row r="2155" spans="1:11" x14ac:dyDescent="0.4">
      <c r="A2155" s="8" t="s">
        <v>2324</v>
      </c>
      <c r="B2155" s="8"/>
      <c r="C2155" s="9" t="s">
        <v>12327</v>
      </c>
      <c r="D2155" s="9" t="s">
        <v>12315</v>
      </c>
      <c r="E2155" s="10" t="s">
        <v>5985</v>
      </c>
      <c r="F2155" s="10" t="s">
        <v>5644</v>
      </c>
      <c r="G2155" s="8" t="s">
        <v>12328</v>
      </c>
      <c r="H2155" s="8" t="s">
        <v>18740</v>
      </c>
      <c r="I2155" s="11">
        <v>41415</v>
      </c>
      <c r="J2155" s="11">
        <v>43647</v>
      </c>
      <c r="K2155" s="11">
        <v>45838</v>
      </c>
    </row>
    <row r="2156" spans="1:11" x14ac:dyDescent="0.4">
      <c r="A2156" s="8" t="s">
        <v>2324</v>
      </c>
      <c r="B2156" s="8"/>
      <c r="C2156" s="9" t="s">
        <v>18741</v>
      </c>
      <c r="D2156" s="9" t="s">
        <v>18742</v>
      </c>
      <c r="E2156" s="10"/>
      <c r="F2156" s="10" t="s">
        <v>18743</v>
      </c>
      <c r="G2156" s="8" t="s">
        <v>18744</v>
      </c>
      <c r="H2156" s="8" t="s">
        <v>18745</v>
      </c>
      <c r="I2156" s="11">
        <v>41432</v>
      </c>
      <c r="J2156" s="11">
        <v>43739</v>
      </c>
      <c r="K2156" s="11">
        <v>45930</v>
      </c>
    </row>
    <row r="2157" spans="1:11" x14ac:dyDescent="0.4">
      <c r="A2157" s="8" t="s">
        <v>2324</v>
      </c>
      <c r="B2157" s="8"/>
      <c r="C2157" s="9" t="s">
        <v>18746</v>
      </c>
      <c r="D2157" s="9" t="s">
        <v>18747</v>
      </c>
      <c r="E2157" s="10"/>
      <c r="F2157" s="10" t="s">
        <v>18748</v>
      </c>
      <c r="G2157" s="8" t="s">
        <v>18749</v>
      </c>
      <c r="H2157" s="8" t="s">
        <v>18750</v>
      </c>
      <c r="I2157" s="11">
        <v>41474</v>
      </c>
      <c r="J2157" s="11">
        <v>43770</v>
      </c>
      <c r="K2157" s="11">
        <v>45596</v>
      </c>
    </row>
    <row r="2158" spans="1:11" x14ac:dyDescent="0.4">
      <c r="A2158" s="8" t="s">
        <v>2324</v>
      </c>
      <c r="B2158" s="8"/>
      <c r="C2158" s="9" t="s">
        <v>14702</v>
      </c>
      <c r="D2158" s="9" t="s">
        <v>14703</v>
      </c>
      <c r="E2158" s="10"/>
      <c r="F2158" s="10"/>
      <c r="G2158" s="8"/>
      <c r="H2158" s="8" t="s">
        <v>18751</v>
      </c>
      <c r="I2158" s="11">
        <v>41523</v>
      </c>
      <c r="J2158" s="11">
        <v>43922</v>
      </c>
      <c r="K2158" s="11">
        <v>46112</v>
      </c>
    </row>
    <row r="2159" spans="1:11" x14ac:dyDescent="0.4">
      <c r="A2159" s="8" t="s">
        <v>2324</v>
      </c>
      <c r="B2159" s="8"/>
      <c r="C2159" s="9" t="s">
        <v>14722</v>
      </c>
      <c r="D2159" s="9" t="s">
        <v>14723</v>
      </c>
      <c r="E2159" s="10" t="s">
        <v>14724</v>
      </c>
      <c r="F2159" s="10"/>
      <c r="G2159" s="8"/>
      <c r="H2159" s="8" t="s">
        <v>18752</v>
      </c>
      <c r="I2159" s="11">
        <v>41562</v>
      </c>
      <c r="J2159" s="11">
        <v>43770</v>
      </c>
      <c r="K2159" s="11">
        <v>45961</v>
      </c>
    </row>
    <row r="2160" spans="1:11" x14ac:dyDescent="0.4">
      <c r="A2160" s="8" t="s">
        <v>2324</v>
      </c>
      <c r="B2160" s="8"/>
      <c r="C2160" s="9" t="s">
        <v>18753</v>
      </c>
      <c r="D2160" s="9" t="s">
        <v>12517</v>
      </c>
      <c r="E2160" s="10" t="s">
        <v>12522</v>
      </c>
      <c r="F2160" s="10" t="s">
        <v>9292</v>
      </c>
      <c r="G2160" s="8" t="s">
        <v>18754</v>
      </c>
      <c r="H2160" s="8" t="s">
        <v>18755</v>
      </c>
      <c r="I2160" s="11">
        <v>41573</v>
      </c>
      <c r="J2160" s="11">
        <v>43952</v>
      </c>
      <c r="K2160" s="11">
        <v>46142</v>
      </c>
    </row>
    <row r="2161" spans="1:11" x14ac:dyDescent="0.4">
      <c r="A2161" s="8" t="s">
        <v>2324</v>
      </c>
      <c r="B2161" s="8"/>
      <c r="C2161" s="9" t="s">
        <v>18756</v>
      </c>
      <c r="D2161" s="9" t="s">
        <v>18757</v>
      </c>
      <c r="E2161" s="10"/>
      <c r="F2161" s="10"/>
      <c r="G2161" s="8"/>
      <c r="H2161" s="8" t="s">
        <v>18758</v>
      </c>
      <c r="I2161" s="11">
        <v>41647</v>
      </c>
      <c r="J2161" s="11">
        <v>44136</v>
      </c>
      <c r="K2161" s="11">
        <v>46326</v>
      </c>
    </row>
    <row r="2162" spans="1:11" x14ac:dyDescent="0.4">
      <c r="A2162" s="8" t="s">
        <v>2324</v>
      </c>
      <c r="B2162" s="8"/>
      <c r="C2162" s="9" t="s">
        <v>18759</v>
      </c>
      <c r="D2162" s="9" t="s">
        <v>18760</v>
      </c>
      <c r="E2162" s="10"/>
      <c r="F2162" s="10" t="s">
        <v>18761</v>
      </c>
      <c r="G2162" s="8" t="s">
        <v>18762</v>
      </c>
      <c r="H2162" s="8" t="s">
        <v>18763</v>
      </c>
      <c r="I2162" s="11">
        <v>41709</v>
      </c>
      <c r="J2162" s="11">
        <v>43922</v>
      </c>
      <c r="K2162" s="11">
        <v>46112</v>
      </c>
    </row>
    <row r="2163" spans="1:11" x14ac:dyDescent="0.4">
      <c r="A2163" s="8" t="s">
        <v>2324</v>
      </c>
      <c r="B2163" s="8"/>
      <c r="C2163" s="9" t="s">
        <v>14896</v>
      </c>
      <c r="D2163" s="9" t="s">
        <v>14897</v>
      </c>
      <c r="E2163" s="10"/>
      <c r="F2163" s="10"/>
      <c r="G2163" s="8"/>
      <c r="H2163" s="8" t="s">
        <v>18764</v>
      </c>
      <c r="I2163" s="11">
        <v>41709</v>
      </c>
      <c r="J2163" s="11">
        <v>43647</v>
      </c>
      <c r="K2163" s="11">
        <v>45473</v>
      </c>
    </row>
    <row r="2164" spans="1:11" x14ac:dyDescent="0.4">
      <c r="A2164" s="8" t="s">
        <v>2324</v>
      </c>
      <c r="B2164" s="8"/>
      <c r="C2164" s="9" t="s">
        <v>14922</v>
      </c>
      <c r="D2164" s="9" t="s">
        <v>14923</v>
      </c>
      <c r="E2164" s="10"/>
      <c r="F2164" s="10"/>
      <c r="G2164" s="8"/>
      <c r="H2164" s="8" t="s">
        <v>18765</v>
      </c>
      <c r="I2164" s="11">
        <v>41730</v>
      </c>
      <c r="J2164" s="11">
        <v>44013</v>
      </c>
      <c r="K2164" s="11">
        <v>46203</v>
      </c>
    </row>
    <row r="2165" spans="1:11" x14ac:dyDescent="0.4">
      <c r="A2165" s="8" t="s">
        <v>2324</v>
      </c>
      <c r="B2165" s="8"/>
      <c r="C2165" s="9" t="s">
        <v>18766</v>
      </c>
      <c r="D2165" s="9" t="s">
        <v>18767</v>
      </c>
      <c r="E2165" s="10"/>
      <c r="F2165" s="10"/>
      <c r="G2165" s="8"/>
      <c r="H2165" s="8" t="s">
        <v>18768</v>
      </c>
      <c r="I2165" s="11">
        <v>41838</v>
      </c>
      <c r="J2165" s="11">
        <v>43739</v>
      </c>
      <c r="K2165" s="11">
        <v>45565</v>
      </c>
    </row>
    <row r="2166" spans="1:11" x14ac:dyDescent="0.4">
      <c r="A2166" s="8" t="s">
        <v>2324</v>
      </c>
      <c r="B2166" s="8"/>
      <c r="C2166" s="9" t="s">
        <v>18769</v>
      </c>
      <c r="D2166" s="9" t="s">
        <v>18770</v>
      </c>
      <c r="E2166" s="10"/>
      <c r="F2166" s="10"/>
      <c r="G2166" s="8"/>
      <c r="H2166" s="8" t="s">
        <v>18771</v>
      </c>
      <c r="I2166" s="11">
        <v>41962</v>
      </c>
      <c r="J2166" s="11">
        <v>44287</v>
      </c>
      <c r="K2166" s="11">
        <v>46477</v>
      </c>
    </row>
    <row r="2167" spans="1:11" x14ac:dyDescent="0.4">
      <c r="A2167" s="8" t="s">
        <v>2324</v>
      </c>
      <c r="B2167" s="8"/>
      <c r="C2167" s="9" t="s">
        <v>18772</v>
      </c>
      <c r="D2167" s="9" t="s">
        <v>18773</v>
      </c>
      <c r="E2167" s="10" t="s">
        <v>18774</v>
      </c>
      <c r="F2167" s="10"/>
      <c r="G2167" s="8"/>
      <c r="H2167" s="8" t="s">
        <v>18775</v>
      </c>
      <c r="I2167" s="11">
        <v>41879</v>
      </c>
      <c r="J2167" s="11">
        <v>44105</v>
      </c>
      <c r="K2167" s="11">
        <v>46295</v>
      </c>
    </row>
    <row r="2168" spans="1:11" x14ac:dyDescent="0.4">
      <c r="A2168" s="8" t="s">
        <v>2324</v>
      </c>
      <c r="B2168" s="8"/>
      <c r="C2168" s="9" t="s">
        <v>18776</v>
      </c>
      <c r="D2168" s="9" t="s">
        <v>18777</v>
      </c>
      <c r="E2168" s="10"/>
      <c r="F2168" s="10"/>
      <c r="G2168" s="8"/>
      <c r="H2168" s="8" t="s">
        <v>18778</v>
      </c>
      <c r="I2168" s="11">
        <v>41879</v>
      </c>
      <c r="J2168" s="11">
        <v>44378</v>
      </c>
      <c r="K2168" s="11">
        <v>46568</v>
      </c>
    </row>
    <row r="2169" spans="1:11" x14ac:dyDescent="0.4">
      <c r="A2169" s="8" t="s">
        <v>2324</v>
      </c>
      <c r="B2169" s="8"/>
      <c r="C2169" s="9" t="s">
        <v>18779</v>
      </c>
      <c r="D2169" s="9" t="s">
        <v>18780</v>
      </c>
      <c r="E2169" s="10"/>
      <c r="F2169" s="10" t="s">
        <v>18665</v>
      </c>
      <c r="G2169" s="8" t="s">
        <v>18666</v>
      </c>
      <c r="H2169" s="8" t="s">
        <v>18781</v>
      </c>
      <c r="I2169" s="11">
        <v>41899</v>
      </c>
      <c r="J2169" s="11">
        <v>44287</v>
      </c>
      <c r="K2169" s="11">
        <v>46477</v>
      </c>
    </row>
    <row r="2170" spans="1:11" x14ac:dyDescent="0.4">
      <c r="A2170" s="8" t="s">
        <v>2324</v>
      </c>
      <c r="B2170" s="8"/>
      <c r="C2170" s="9" t="s">
        <v>18782</v>
      </c>
      <c r="D2170" s="9" t="s">
        <v>18783</v>
      </c>
      <c r="E2170" s="10"/>
      <c r="F2170" s="10"/>
      <c r="G2170" s="8"/>
      <c r="H2170" s="8" t="s">
        <v>18784</v>
      </c>
      <c r="I2170" s="11">
        <v>41970</v>
      </c>
      <c r="J2170" s="11">
        <v>44013</v>
      </c>
      <c r="K2170" s="11">
        <v>45838</v>
      </c>
    </row>
    <row r="2171" spans="1:11" x14ac:dyDescent="0.4">
      <c r="A2171" s="8" t="s">
        <v>2324</v>
      </c>
      <c r="B2171" s="8"/>
      <c r="C2171" s="9" t="s">
        <v>18785</v>
      </c>
      <c r="D2171" s="9" t="s">
        <v>18786</v>
      </c>
      <c r="E2171" s="10"/>
      <c r="F2171" s="10"/>
      <c r="G2171" s="8"/>
      <c r="H2171" s="8" t="s">
        <v>18787</v>
      </c>
      <c r="I2171" s="11">
        <v>42111</v>
      </c>
      <c r="J2171" s="11">
        <v>43952</v>
      </c>
      <c r="K2171" s="11">
        <v>45777</v>
      </c>
    </row>
    <row r="2172" spans="1:11" x14ac:dyDescent="0.4">
      <c r="A2172" s="8" t="s">
        <v>2324</v>
      </c>
      <c r="B2172" s="8"/>
      <c r="C2172" s="9" t="s">
        <v>18788</v>
      </c>
      <c r="D2172" s="9" t="s">
        <v>18789</v>
      </c>
      <c r="E2172" s="10"/>
      <c r="F2172" s="10"/>
      <c r="G2172" s="8"/>
      <c r="H2172" s="8" t="s">
        <v>18790</v>
      </c>
      <c r="I2172" s="11">
        <v>42147</v>
      </c>
      <c r="J2172" s="11">
        <v>44287</v>
      </c>
      <c r="K2172" s="11">
        <v>46112</v>
      </c>
    </row>
    <row r="2173" spans="1:11" x14ac:dyDescent="0.4">
      <c r="A2173" s="8" t="s">
        <v>2324</v>
      </c>
      <c r="B2173" s="8"/>
      <c r="C2173" s="9" t="s">
        <v>18791</v>
      </c>
      <c r="D2173" s="9" t="s">
        <v>18792</v>
      </c>
      <c r="E2173" s="10"/>
      <c r="F2173" s="10" t="s">
        <v>1181</v>
      </c>
      <c r="G2173" s="8" t="s">
        <v>12850</v>
      </c>
      <c r="H2173" s="8" t="s">
        <v>18793</v>
      </c>
      <c r="I2173" s="11">
        <v>42171</v>
      </c>
      <c r="J2173" s="11">
        <v>44136</v>
      </c>
      <c r="K2173" s="11">
        <v>45961</v>
      </c>
    </row>
    <row r="2174" spans="1:11" x14ac:dyDescent="0.4">
      <c r="A2174" s="8" t="s">
        <v>2324</v>
      </c>
      <c r="B2174" s="8"/>
      <c r="C2174" s="9" t="s">
        <v>18794</v>
      </c>
      <c r="D2174" s="9" t="s">
        <v>18795</v>
      </c>
      <c r="E2174" s="10"/>
      <c r="F2174" s="10" t="s">
        <v>18796</v>
      </c>
      <c r="G2174" s="8" t="s">
        <v>18797</v>
      </c>
      <c r="H2174" s="8" t="s">
        <v>18798</v>
      </c>
      <c r="I2174" s="11">
        <v>42220</v>
      </c>
      <c r="J2174" s="11">
        <v>44136</v>
      </c>
      <c r="K2174" s="11">
        <v>45961</v>
      </c>
    </row>
    <row r="2175" spans="1:11" x14ac:dyDescent="0.4">
      <c r="A2175" s="8" t="s">
        <v>2324</v>
      </c>
      <c r="B2175" s="8" t="s">
        <v>1871</v>
      </c>
      <c r="C2175" s="9" t="s">
        <v>15414</v>
      </c>
      <c r="D2175" s="9" t="s">
        <v>1332</v>
      </c>
      <c r="E2175" s="10"/>
      <c r="F2175" s="10" t="s">
        <v>11050</v>
      </c>
      <c r="G2175" s="8" t="s">
        <v>15415</v>
      </c>
      <c r="H2175" s="8" t="s">
        <v>18799</v>
      </c>
      <c r="I2175" s="11">
        <v>42353</v>
      </c>
      <c r="J2175" s="11">
        <v>44348</v>
      </c>
      <c r="K2175" s="11">
        <v>46173</v>
      </c>
    </row>
    <row r="2176" spans="1:11" x14ac:dyDescent="0.4">
      <c r="A2176" s="8" t="s">
        <v>2324</v>
      </c>
      <c r="B2176" s="8"/>
      <c r="C2176" s="9" t="s">
        <v>15468</v>
      </c>
      <c r="D2176" s="9" t="s">
        <v>15469</v>
      </c>
      <c r="E2176" s="10"/>
      <c r="F2176" s="10"/>
      <c r="G2176" s="8"/>
      <c r="H2176" s="8" t="s">
        <v>18800</v>
      </c>
      <c r="I2176" s="11">
        <v>43070</v>
      </c>
      <c r="J2176" s="11">
        <v>43070</v>
      </c>
      <c r="K2176" s="11">
        <v>45565</v>
      </c>
    </row>
    <row r="2177" spans="1:11" x14ac:dyDescent="0.4">
      <c r="A2177" s="8" t="s">
        <v>2324</v>
      </c>
      <c r="B2177" s="8"/>
      <c r="C2177" s="9" t="s">
        <v>11448</v>
      </c>
      <c r="D2177" s="9" t="s">
        <v>11449</v>
      </c>
      <c r="E2177" s="10"/>
      <c r="F2177" s="10" t="s">
        <v>11450</v>
      </c>
      <c r="G2177" s="8" t="s">
        <v>11451</v>
      </c>
      <c r="H2177" s="8" t="s">
        <v>18801</v>
      </c>
      <c r="I2177" s="11">
        <v>43140</v>
      </c>
      <c r="J2177" s="11">
        <v>43140</v>
      </c>
      <c r="K2177" s="11">
        <v>45565</v>
      </c>
    </row>
    <row r="2178" spans="1:11" x14ac:dyDescent="0.4">
      <c r="A2178" s="8" t="s">
        <v>2324</v>
      </c>
      <c r="B2178" s="8"/>
      <c r="C2178" s="9" t="s">
        <v>4186</v>
      </c>
      <c r="D2178" s="9" t="s">
        <v>11479</v>
      </c>
      <c r="E2178" s="10"/>
      <c r="F2178" s="10" t="s">
        <v>4183</v>
      </c>
      <c r="G2178" s="8" t="s">
        <v>11480</v>
      </c>
      <c r="H2178" s="8" t="s">
        <v>18802</v>
      </c>
      <c r="I2178" s="11">
        <v>43207</v>
      </c>
      <c r="J2178" s="11">
        <v>43207</v>
      </c>
      <c r="K2178" s="11">
        <v>45473</v>
      </c>
    </row>
    <row r="2179" spans="1:11" x14ac:dyDescent="0.4">
      <c r="A2179" s="8" t="s">
        <v>2324</v>
      </c>
      <c r="B2179" s="8"/>
      <c r="C2179" s="9" t="s">
        <v>15607</v>
      </c>
      <c r="D2179" s="9" t="s">
        <v>15608</v>
      </c>
      <c r="E2179" s="10" t="s">
        <v>15609</v>
      </c>
      <c r="F2179" s="10"/>
      <c r="G2179" s="8"/>
      <c r="H2179" s="8" t="s">
        <v>18803</v>
      </c>
      <c r="I2179" s="11">
        <v>43217</v>
      </c>
      <c r="J2179" s="11">
        <v>43217</v>
      </c>
      <c r="K2179" s="11">
        <v>45565</v>
      </c>
    </row>
    <row r="2180" spans="1:11" x14ac:dyDescent="0.4">
      <c r="A2180" s="8" t="s">
        <v>2324</v>
      </c>
      <c r="B2180" s="8"/>
      <c r="C2180" s="9" t="s">
        <v>18804</v>
      </c>
      <c r="D2180" s="9" t="s">
        <v>18805</v>
      </c>
      <c r="E2180" s="10" t="s">
        <v>18806</v>
      </c>
      <c r="F2180" s="10"/>
      <c r="G2180" s="8"/>
      <c r="H2180" s="8" t="s">
        <v>18807</v>
      </c>
      <c r="I2180" s="11">
        <v>43228</v>
      </c>
      <c r="J2180" s="11">
        <v>43228</v>
      </c>
      <c r="K2180" s="11">
        <v>45747</v>
      </c>
    </row>
    <row r="2181" spans="1:11" x14ac:dyDescent="0.4">
      <c r="A2181" s="8" t="s">
        <v>2324</v>
      </c>
      <c r="B2181" s="8"/>
      <c r="C2181" s="9" t="s">
        <v>15661</v>
      </c>
      <c r="D2181" s="9" t="s">
        <v>15662</v>
      </c>
      <c r="E2181" s="10"/>
      <c r="F2181" s="10" t="s">
        <v>15663</v>
      </c>
      <c r="G2181" s="8" t="s">
        <v>15664</v>
      </c>
      <c r="H2181" s="8" t="s">
        <v>18808</v>
      </c>
      <c r="I2181" s="11">
        <v>43245</v>
      </c>
      <c r="J2181" s="11">
        <v>43245</v>
      </c>
      <c r="K2181" s="11">
        <v>45596</v>
      </c>
    </row>
    <row r="2182" spans="1:11" x14ac:dyDescent="0.4">
      <c r="A2182" s="8" t="s">
        <v>2324</v>
      </c>
      <c r="B2182" s="8"/>
      <c r="C2182" s="9" t="s">
        <v>18809</v>
      </c>
      <c r="D2182" s="9" t="s">
        <v>18810</v>
      </c>
      <c r="E2182" s="10"/>
      <c r="F2182" s="10"/>
      <c r="G2182" s="8"/>
      <c r="H2182" s="8" t="s">
        <v>18811</v>
      </c>
      <c r="I2182" s="11">
        <v>43312</v>
      </c>
      <c r="J2182" s="11">
        <v>43312</v>
      </c>
      <c r="K2182" s="11">
        <v>45565</v>
      </c>
    </row>
    <row r="2183" spans="1:11" x14ac:dyDescent="0.4">
      <c r="A2183" s="8" t="s">
        <v>2324</v>
      </c>
      <c r="B2183" s="8"/>
      <c r="C2183" s="9" t="s">
        <v>15772</v>
      </c>
      <c r="D2183" s="9" t="s">
        <v>15773</v>
      </c>
      <c r="E2183" s="10"/>
      <c r="F2183" s="10" t="s">
        <v>8001</v>
      </c>
      <c r="G2183" s="8" t="s">
        <v>11509</v>
      </c>
      <c r="H2183" s="8" t="s">
        <v>18812</v>
      </c>
      <c r="I2183" s="11">
        <v>43313</v>
      </c>
      <c r="J2183" s="11">
        <v>43313</v>
      </c>
      <c r="K2183" s="11">
        <v>45747</v>
      </c>
    </row>
    <row r="2184" spans="1:11" x14ac:dyDescent="0.4">
      <c r="A2184" s="8" t="s">
        <v>2324</v>
      </c>
      <c r="B2184" s="8"/>
      <c r="C2184" s="9" t="s">
        <v>18813</v>
      </c>
      <c r="D2184" s="9" t="s">
        <v>18814</v>
      </c>
      <c r="E2184" s="10"/>
      <c r="F2184" s="10"/>
      <c r="G2184" s="8"/>
      <c r="H2184" s="8" t="s">
        <v>18815</v>
      </c>
      <c r="I2184" s="11">
        <v>43351</v>
      </c>
      <c r="J2184" s="11">
        <v>43351</v>
      </c>
      <c r="K2184" s="11">
        <v>45747</v>
      </c>
    </row>
    <row r="2185" spans="1:11" x14ac:dyDescent="0.4">
      <c r="A2185" s="8" t="s">
        <v>2324</v>
      </c>
      <c r="B2185" s="8"/>
      <c r="C2185" s="9" t="s">
        <v>15811</v>
      </c>
      <c r="D2185" s="9" t="s">
        <v>15812</v>
      </c>
      <c r="E2185" s="10"/>
      <c r="F2185" s="10"/>
      <c r="G2185" s="8"/>
      <c r="H2185" s="8" t="s">
        <v>18816</v>
      </c>
      <c r="I2185" s="11">
        <v>43340</v>
      </c>
      <c r="J2185" s="11">
        <v>43340</v>
      </c>
      <c r="K2185" s="11">
        <v>45838</v>
      </c>
    </row>
    <row r="2186" spans="1:11" x14ac:dyDescent="0.4">
      <c r="A2186" s="8" t="s">
        <v>2324</v>
      </c>
      <c r="B2186" s="8"/>
      <c r="C2186" s="9" t="s">
        <v>15820</v>
      </c>
      <c r="D2186" s="9" t="s">
        <v>15821</v>
      </c>
      <c r="E2186" s="10" t="s">
        <v>15822</v>
      </c>
      <c r="F2186" s="10"/>
      <c r="G2186" s="8"/>
      <c r="H2186" s="8" t="s">
        <v>18817</v>
      </c>
      <c r="I2186" s="11">
        <v>43344</v>
      </c>
      <c r="J2186" s="11">
        <v>43344</v>
      </c>
      <c r="K2186" s="11">
        <v>45596</v>
      </c>
    </row>
    <row r="2187" spans="1:11" x14ac:dyDescent="0.4">
      <c r="A2187" s="8" t="s">
        <v>2324</v>
      </c>
      <c r="B2187" s="8"/>
      <c r="C2187" s="9" t="s">
        <v>18818</v>
      </c>
      <c r="D2187" s="9" t="s">
        <v>18819</v>
      </c>
      <c r="E2187" s="10"/>
      <c r="F2187" s="10" t="s">
        <v>18820</v>
      </c>
      <c r="G2187" s="8" t="s">
        <v>18821</v>
      </c>
      <c r="H2187" s="8" t="s">
        <v>18822</v>
      </c>
      <c r="I2187" s="11">
        <v>43364</v>
      </c>
      <c r="J2187" s="11">
        <v>43364</v>
      </c>
      <c r="K2187" s="11">
        <v>45777</v>
      </c>
    </row>
    <row r="2188" spans="1:11" x14ac:dyDescent="0.4">
      <c r="A2188" s="8" t="s">
        <v>2324</v>
      </c>
      <c r="B2188" s="8"/>
      <c r="C2188" s="9" t="s">
        <v>18823</v>
      </c>
      <c r="D2188" s="9" t="s">
        <v>18824</v>
      </c>
      <c r="E2188" s="10"/>
      <c r="F2188" s="10"/>
      <c r="G2188" s="8"/>
      <c r="H2188" s="8" t="s">
        <v>18825</v>
      </c>
      <c r="I2188" s="11">
        <v>43370</v>
      </c>
      <c r="J2188" s="11">
        <v>43370</v>
      </c>
      <c r="K2188" s="11">
        <v>45565</v>
      </c>
    </row>
    <row r="2189" spans="1:11" x14ac:dyDescent="0.4">
      <c r="A2189" s="8" t="s">
        <v>2324</v>
      </c>
      <c r="B2189" s="8"/>
      <c r="C2189" s="9" t="s">
        <v>5541</v>
      </c>
      <c r="D2189" s="9" t="s">
        <v>18826</v>
      </c>
      <c r="E2189" s="10"/>
      <c r="F2189" s="10" t="s">
        <v>18827</v>
      </c>
      <c r="G2189" s="8" t="s">
        <v>18828</v>
      </c>
      <c r="H2189" s="8" t="s">
        <v>18829</v>
      </c>
      <c r="I2189" s="11">
        <v>43374</v>
      </c>
      <c r="J2189" s="11">
        <v>43374</v>
      </c>
      <c r="K2189" s="11">
        <v>45838</v>
      </c>
    </row>
    <row r="2190" spans="1:11" x14ac:dyDescent="0.4">
      <c r="A2190" s="8" t="s">
        <v>2324</v>
      </c>
      <c r="B2190" s="8"/>
      <c r="C2190" s="9" t="s">
        <v>16013</v>
      </c>
      <c r="D2190" s="9" t="s">
        <v>16014</v>
      </c>
      <c r="E2190" s="10"/>
      <c r="F2190" s="10" t="s">
        <v>16015</v>
      </c>
      <c r="G2190" s="8" t="s">
        <v>16016</v>
      </c>
      <c r="H2190" s="8" t="s">
        <v>18830</v>
      </c>
      <c r="I2190" s="11">
        <v>43377</v>
      </c>
      <c r="J2190" s="11">
        <v>43377</v>
      </c>
      <c r="K2190" s="11">
        <v>45596</v>
      </c>
    </row>
    <row r="2191" spans="1:11" x14ac:dyDescent="0.4">
      <c r="A2191" s="8" t="s">
        <v>2324</v>
      </c>
      <c r="B2191" s="8"/>
      <c r="C2191" s="9" t="s">
        <v>18831</v>
      </c>
      <c r="D2191" s="9" t="s">
        <v>18832</v>
      </c>
      <c r="E2191" s="10" t="s">
        <v>18833</v>
      </c>
      <c r="F2191" s="10"/>
      <c r="G2191" s="8"/>
      <c r="H2191" s="8" t="s">
        <v>18834</v>
      </c>
      <c r="I2191" s="11">
        <v>43399</v>
      </c>
      <c r="J2191" s="11">
        <v>43399</v>
      </c>
      <c r="K2191" s="11">
        <v>45747</v>
      </c>
    </row>
    <row r="2192" spans="1:11" x14ac:dyDescent="0.4">
      <c r="A2192" s="8" t="s">
        <v>2324</v>
      </c>
      <c r="B2192" s="8"/>
      <c r="C2192" s="9" t="s">
        <v>15829</v>
      </c>
      <c r="D2192" s="9" t="s">
        <v>15830</v>
      </c>
      <c r="E2192" s="10"/>
      <c r="F2192" s="10"/>
      <c r="G2192" s="8"/>
      <c r="H2192" s="8" t="s">
        <v>18835</v>
      </c>
      <c r="I2192" s="11">
        <v>43432</v>
      </c>
      <c r="J2192" s="11">
        <v>43432</v>
      </c>
      <c r="K2192" s="11">
        <v>45930</v>
      </c>
    </row>
    <row r="2193" spans="1:11" x14ac:dyDescent="0.4">
      <c r="A2193" s="8" t="s">
        <v>2324</v>
      </c>
      <c r="B2193" s="8"/>
      <c r="C2193" s="9" t="s">
        <v>15996</v>
      </c>
      <c r="D2193" s="9" t="s">
        <v>15997</v>
      </c>
      <c r="E2193" s="10"/>
      <c r="F2193" s="10"/>
      <c r="G2193" s="8"/>
      <c r="H2193" s="8" t="s">
        <v>18836</v>
      </c>
      <c r="I2193" s="11">
        <v>43439</v>
      </c>
      <c r="J2193" s="11">
        <v>43439</v>
      </c>
      <c r="K2193" s="11">
        <v>45961</v>
      </c>
    </row>
    <row r="2194" spans="1:11" x14ac:dyDescent="0.4">
      <c r="A2194" s="8" t="s">
        <v>2324</v>
      </c>
      <c r="B2194" s="8"/>
      <c r="C2194" s="9" t="s">
        <v>18837</v>
      </c>
      <c r="D2194" s="9" t="s">
        <v>18838</v>
      </c>
      <c r="E2194" s="10"/>
      <c r="F2194" s="10"/>
      <c r="G2194" s="8"/>
      <c r="H2194" s="8" t="s">
        <v>18839</v>
      </c>
      <c r="I2194" s="11">
        <v>43441</v>
      </c>
      <c r="J2194" s="11">
        <v>43441</v>
      </c>
      <c r="K2194" s="11">
        <v>45747</v>
      </c>
    </row>
    <row r="2195" spans="1:11" x14ac:dyDescent="0.4">
      <c r="A2195" s="8" t="s">
        <v>2324</v>
      </c>
      <c r="B2195" s="8"/>
      <c r="C2195" s="9" t="s">
        <v>16021</v>
      </c>
      <c r="D2195" s="9" t="s">
        <v>16022</v>
      </c>
      <c r="E2195" s="10" t="s">
        <v>16023</v>
      </c>
      <c r="F2195" s="10"/>
      <c r="G2195" s="8"/>
      <c r="H2195" s="8" t="s">
        <v>18840</v>
      </c>
      <c r="I2195" s="11">
        <v>43462</v>
      </c>
      <c r="J2195" s="11">
        <v>43462</v>
      </c>
      <c r="K2195" s="11">
        <v>45747</v>
      </c>
    </row>
    <row r="2196" spans="1:11" x14ac:dyDescent="0.4">
      <c r="A2196" s="8" t="s">
        <v>2324</v>
      </c>
      <c r="B2196" s="8"/>
      <c r="C2196" s="9" t="s">
        <v>18841</v>
      </c>
      <c r="D2196" s="9" t="s">
        <v>18842</v>
      </c>
      <c r="E2196" s="10"/>
      <c r="F2196" s="10"/>
      <c r="G2196" s="8"/>
      <c r="H2196" s="8" t="s">
        <v>18843</v>
      </c>
      <c r="I2196" s="11">
        <v>43510</v>
      </c>
      <c r="J2196" s="11">
        <v>43510</v>
      </c>
      <c r="K2196" s="11">
        <v>45747</v>
      </c>
    </row>
    <row r="2197" spans="1:11" x14ac:dyDescent="0.4">
      <c r="A2197" s="8" t="s">
        <v>2324</v>
      </c>
      <c r="B2197" s="8"/>
      <c r="C2197" s="9" t="s">
        <v>18844</v>
      </c>
      <c r="D2197" s="9" t="s">
        <v>16114</v>
      </c>
      <c r="E2197" s="10"/>
      <c r="F2197" s="10" t="s">
        <v>16115</v>
      </c>
      <c r="G2197" s="8" t="s">
        <v>16116</v>
      </c>
      <c r="H2197" s="8" t="s">
        <v>18845</v>
      </c>
      <c r="I2197" s="11">
        <v>43511</v>
      </c>
      <c r="J2197" s="11">
        <v>43511</v>
      </c>
      <c r="K2197" s="11">
        <v>45596</v>
      </c>
    </row>
    <row r="2198" spans="1:11" x14ac:dyDescent="0.4">
      <c r="A2198" s="8" t="s">
        <v>2324</v>
      </c>
      <c r="B2198" s="8"/>
      <c r="C2198" s="9" t="s">
        <v>18846</v>
      </c>
      <c r="D2198" s="9" t="s">
        <v>18847</v>
      </c>
      <c r="E2198" s="10"/>
      <c r="F2198" s="10"/>
      <c r="G2198" s="8"/>
      <c r="H2198" s="8" t="s">
        <v>18848</v>
      </c>
      <c r="I2198" s="11">
        <v>43515</v>
      </c>
      <c r="J2198" s="11">
        <v>43515</v>
      </c>
      <c r="K2198" s="11">
        <v>45777</v>
      </c>
    </row>
    <row r="2199" spans="1:11" x14ac:dyDescent="0.4">
      <c r="A2199" s="8" t="s">
        <v>2324</v>
      </c>
      <c r="B2199" s="8"/>
      <c r="C2199" s="9" t="s">
        <v>18849</v>
      </c>
      <c r="D2199" s="9" t="s">
        <v>15540</v>
      </c>
      <c r="E2199" s="10"/>
      <c r="F2199" s="10" t="s">
        <v>18761</v>
      </c>
      <c r="G2199" s="8" t="s">
        <v>18762</v>
      </c>
      <c r="H2199" s="8" t="s">
        <v>18850</v>
      </c>
      <c r="I2199" s="11">
        <v>43517</v>
      </c>
      <c r="J2199" s="11">
        <v>43517</v>
      </c>
      <c r="K2199" s="11">
        <v>45930</v>
      </c>
    </row>
    <row r="2200" spans="1:11" x14ac:dyDescent="0.4">
      <c r="A2200" s="8" t="s">
        <v>2324</v>
      </c>
      <c r="B2200" s="8"/>
      <c r="C2200" s="9" t="s">
        <v>18851</v>
      </c>
      <c r="D2200" s="9" t="s">
        <v>18852</v>
      </c>
      <c r="E2200" s="10"/>
      <c r="F2200" s="10"/>
      <c r="G2200" s="8"/>
      <c r="H2200" s="8" t="s">
        <v>18853</v>
      </c>
      <c r="I2200" s="11">
        <v>43530</v>
      </c>
      <c r="J2200" s="11">
        <v>43530</v>
      </c>
      <c r="K2200" s="11">
        <v>45473</v>
      </c>
    </row>
    <row r="2201" spans="1:11" x14ac:dyDescent="0.4">
      <c r="A2201" s="8" t="s">
        <v>2324</v>
      </c>
      <c r="B2201" s="8"/>
      <c r="C2201" s="9" t="s">
        <v>15797</v>
      </c>
      <c r="D2201" s="9" t="s">
        <v>15798</v>
      </c>
      <c r="E2201" s="10"/>
      <c r="F2201" s="10"/>
      <c r="G2201" s="8"/>
      <c r="H2201" s="8" t="s">
        <v>18854</v>
      </c>
      <c r="I2201" s="11">
        <v>43532</v>
      </c>
      <c r="J2201" s="11">
        <v>43532</v>
      </c>
      <c r="K2201" s="11">
        <v>45565</v>
      </c>
    </row>
    <row r="2202" spans="1:11" x14ac:dyDescent="0.4">
      <c r="A2202" s="8" t="s">
        <v>2324</v>
      </c>
      <c r="B2202" s="8"/>
      <c r="C2202" s="9" t="s">
        <v>18855</v>
      </c>
      <c r="D2202" s="9" t="s">
        <v>18856</v>
      </c>
      <c r="E2202" s="10"/>
      <c r="F2202" s="10"/>
      <c r="G2202" s="8"/>
      <c r="H2202" s="8" t="s">
        <v>18857</v>
      </c>
      <c r="I2202" s="11">
        <v>43575</v>
      </c>
      <c r="J2202" s="11">
        <v>43575</v>
      </c>
      <c r="K2202" s="11">
        <v>45991</v>
      </c>
    </row>
    <row r="2203" spans="1:11" x14ac:dyDescent="0.4">
      <c r="A2203" s="8" t="s">
        <v>2324</v>
      </c>
      <c r="B2203" s="8"/>
      <c r="C2203" s="9" t="s">
        <v>18858</v>
      </c>
      <c r="D2203" s="9" t="s">
        <v>18859</v>
      </c>
      <c r="E2203" s="10"/>
      <c r="F2203" s="10"/>
      <c r="G2203" s="8"/>
      <c r="H2203" s="8" t="s">
        <v>18860</v>
      </c>
      <c r="I2203" s="11">
        <v>43595</v>
      </c>
      <c r="J2203" s="11">
        <v>43595</v>
      </c>
      <c r="K2203" s="11">
        <v>45473</v>
      </c>
    </row>
    <row r="2204" spans="1:11" x14ac:dyDescent="0.4">
      <c r="A2204" s="8" t="s">
        <v>2324</v>
      </c>
      <c r="B2204" s="8"/>
      <c r="C2204" s="9" t="s">
        <v>18861</v>
      </c>
      <c r="D2204" s="9" t="s">
        <v>18862</v>
      </c>
      <c r="E2204" s="10"/>
      <c r="F2204" s="10" t="s">
        <v>18863</v>
      </c>
      <c r="G2204" s="8" t="s">
        <v>18864</v>
      </c>
      <c r="H2204" s="8" t="s">
        <v>18865</v>
      </c>
      <c r="I2204" s="11">
        <v>43614</v>
      </c>
      <c r="J2204" s="11">
        <v>43614</v>
      </c>
      <c r="K2204" s="11">
        <v>46112</v>
      </c>
    </row>
    <row r="2205" spans="1:11" x14ac:dyDescent="0.4">
      <c r="A2205" s="8" t="s">
        <v>2324</v>
      </c>
      <c r="B2205" s="8"/>
      <c r="C2205" s="9" t="s">
        <v>18866</v>
      </c>
      <c r="D2205" s="9" t="s">
        <v>18867</v>
      </c>
      <c r="E2205" s="10"/>
      <c r="F2205" s="10" t="s">
        <v>13210</v>
      </c>
      <c r="G2205" s="8" t="s">
        <v>18868</v>
      </c>
      <c r="H2205" s="8" t="s">
        <v>18869</v>
      </c>
      <c r="I2205" s="11">
        <v>43616</v>
      </c>
      <c r="J2205" s="11">
        <v>43616</v>
      </c>
      <c r="K2205" s="11">
        <v>45930</v>
      </c>
    </row>
    <row r="2206" spans="1:11" x14ac:dyDescent="0.4">
      <c r="A2206" s="8" t="s">
        <v>2324</v>
      </c>
      <c r="B2206" s="8"/>
      <c r="C2206" s="9" t="s">
        <v>18870</v>
      </c>
      <c r="D2206" s="9" t="s">
        <v>18871</v>
      </c>
      <c r="E2206" s="10"/>
      <c r="F2206" s="10"/>
      <c r="G2206" s="8"/>
      <c r="H2206" s="8" t="s">
        <v>18872</v>
      </c>
      <c r="I2206" s="11">
        <v>43634</v>
      </c>
      <c r="J2206" s="11">
        <v>43634</v>
      </c>
      <c r="K2206" s="11">
        <v>45747</v>
      </c>
    </row>
    <row r="2207" spans="1:11" x14ac:dyDescent="0.4">
      <c r="A2207" s="8" t="s">
        <v>2324</v>
      </c>
      <c r="B2207" s="8"/>
      <c r="C2207" s="9" t="s">
        <v>17975</v>
      </c>
      <c r="D2207" s="9" t="s">
        <v>17976</v>
      </c>
      <c r="E2207" s="10" t="s">
        <v>18873</v>
      </c>
      <c r="F2207" s="10" t="s">
        <v>16397</v>
      </c>
      <c r="G2207" s="8" t="s">
        <v>18874</v>
      </c>
      <c r="H2207" s="8" t="s">
        <v>18875</v>
      </c>
      <c r="I2207" s="11">
        <v>43641</v>
      </c>
      <c r="J2207" s="11">
        <v>43641</v>
      </c>
      <c r="K2207" s="11">
        <v>46112</v>
      </c>
    </row>
    <row r="2208" spans="1:11" x14ac:dyDescent="0.4">
      <c r="A2208" s="8" t="s">
        <v>2324</v>
      </c>
      <c r="B2208" s="8"/>
      <c r="C2208" s="9" t="s">
        <v>16516</v>
      </c>
      <c r="D2208" s="9" t="s">
        <v>16517</v>
      </c>
      <c r="E2208" s="10"/>
      <c r="F2208" s="10"/>
      <c r="G2208" s="8"/>
      <c r="H2208" s="8" t="s">
        <v>18876</v>
      </c>
      <c r="I2208" s="11">
        <v>43671</v>
      </c>
      <c r="J2208" s="11">
        <v>43671</v>
      </c>
      <c r="K2208" s="11">
        <v>46112</v>
      </c>
    </row>
    <row r="2209" spans="1:11" x14ac:dyDescent="0.4">
      <c r="A2209" s="8" t="s">
        <v>2324</v>
      </c>
      <c r="B2209" s="8"/>
      <c r="C2209" s="9" t="s">
        <v>16561</v>
      </c>
      <c r="D2209" s="9" t="s">
        <v>16562</v>
      </c>
      <c r="E2209" s="10"/>
      <c r="F2209" s="10" t="s">
        <v>16563</v>
      </c>
      <c r="G2209" s="8" t="s">
        <v>16564</v>
      </c>
      <c r="H2209" s="8" t="s">
        <v>18877</v>
      </c>
      <c r="I2209" s="11">
        <v>43698</v>
      </c>
      <c r="J2209" s="11">
        <v>43698</v>
      </c>
      <c r="K2209" s="11">
        <v>45747</v>
      </c>
    </row>
    <row r="2210" spans="1:11" x14ac:dyDescent="0.4">
      <c r="A2210" s="8" t="s">
        <v>2324</v>
      </c>
      <c r="B2210" s="8"/>
      <c r="C2210" s="9" t="s">
        <v>18878</v>
      </c>
      <c r="D2210" s="9" t="s">
        <v>18879</v>
      </c>
      <c r="E2210" s="10"/>
      <c r="F2210" s="10"/>
      <c r="G2210" s="8"/>
      <c r="H2210" s="8" t="s">
        <v>18880</v>
      </c>
      <c r="I2210" s="11">
        <v>43700</v>
      </c>
      <c r="J2210" s="11">
        <v>43700</v>
      </c>
      <c r="K2210" s="11">
        <v>45747</v>
      </c>
    </row>
    <row r="2211" spans="1:11" x14ac:dyDescent="0.4">
      <c r="A2211" s="8" t="s">
        <v>2324</v>
      </c>
      <c r="B2211" s="8"/>
      <c r="C2211" s="9" t="s">
        <v>18881</v>
      </c>
      <c r="D2211" s="9" t="s">
        <v>18882</v>
      </c>
      <c r="E2211" s="10"/>
      <c r="F2211" s="10"/>
      <c r="G2211" s="8"/>
      <c r="H2211" s="8" t="s">
        <v>18883</v>
      </c>
      <c r="I2211" s="11">
        <v>43711</v>
      </c>
      <c r="J2211" s="11">
        <v>43711</v>
      </c>
      <c r="K2211" s="11">
        <v>45747</v>
      </c>
    </row>
    <row r="2212" spans="1:11" x14ac:dyDescent="0.4">
      <c r="A2212" s="8" t="s">
        <v>2324</v>
      </c>
      <c r="B2212" s="8"/>
      <c r="C2212" s="9" t="s">
        <v>18884</v>
      </c>
      <c r="D2212" s="9" t="s">
        <v>18885</v>
      </c>
      <c r="E2212" s="10"/>
      <c r="F2212" s="10"/>
      <c r="G2212" s="8"/>
      <c r="H2212" s="8" t="s">
        <v>18886</v>
      </c>
      <c r="I2212" s="11">
        <v>43712</v>
      </c>
      <c r="J2212" s="11">
        <v>43712</v>
      </c>
      <c r="K2212" s="11">
        <v>45838</v>
      </c>
    </row>
    <row r="2213" spans="1:11" x14ac:dyDescent="0.4">
      <c r="A2213" s="8" t="s">
        <v>2324</v>
      </c>
      <c r="B2213" s="8"/>
      <c r="C2213" s="9" t="s">
        <v>18887</v>
      </c>
      <c r="D2213" s="9" t="s">
        <v>18888</v>
      </c>
      <c r="E2213" s="10"/>
      <c r="F2213" s="10" t="s">
        <v>12833</v>
      </c>
      <c r="G2213" s="8" t="s">
        <v>18889</v>
      </c>
      <c r="H2213" s="8" t="s">
        <v>18890</v>
      </c>
      <c r="I2213" s="11">
        <v>43720</v>
      </c>
      <c r="J2213" s="11">
        <v>43720</v>
      </c>
      <c r="K2213" s="11">
        <v>45930</v>
      </c>
    </row>
    <row r="2214" spans="1:11" x14ac:dyDescent="0.4">
      <c r="A2214" s="8" t="s">
        <v>2324</v>
      </c>
      <c r="B2214" s="8"/>
      <c r="C2214" s="9" t="s">
        <v>18891</v>
      </c>
      <c r="D2214" s="9" t="s">
        <v>18892</v>
      </c>
      <c r="E2214" s="10"/>
      <c r="F2214" s="10" t="s">
        <v>18893</v>
      </c>
      <c r="G2214" s="8" t="s">
        <v>18894</v>
      </c>
      <c r="H2214" s="8" t="s">
        <v>18895</v>
      </c>
      <c r="I2214" s="11">
        <v>43718</v>
      </c>
      <c r="J2214" s="11">
        <v>43718</v>
      </c>
      <c r="K2214" s="11">
        <v>45991</v>
      </c>
    </row>
    <row r="2215" spans="1:11" x14ac:dyDescent="0.4">
      <c r="A2215" s="8" t="s">
        <v>2324</v>
      </c>
      <c r="B2215" s="8"/>
      <c r="C2215" s="9" t="s">
        <v>16646</v>
      </c>
      <c r="D2215" s="9" t="s">
        <v>16647</v>
      </c>
      <c r="E2215" s="10"/>
      <c r="F2215" s="10" t="s">
        <v>16648</v>
      </c>
      <c r="G2215" s="8" t="s">
        <v>16649</v>
      </c>
      <c r="H2215" s="8" t="s">
        <v>18896</v>
      </c>
      <c r="I2215" s="11">
        <v>43732</v>
      </c>
      <c r="J2215" s="11">
        <v>43732</v>
      </c>
      <c r="K2215" s="11">
        <v>46173</v>
      </c>
    </row>
    <row r="2216" spans="1:11" x14ac:dyDescent="0.4">
      <c r="A2216" s="8" t="s">
        <v>2324</v>
      </c>
      <c r="B2216" s="8"/>
      <c r="C2216" s="9" t="s">
        <v>18897</v>
      </c>
      <c r="D2216" s="9" t="s">
        <v>18898</v>
      </c>
      <c r="E2216" s="10"/>
      <c r="F2216" s="10"/>
      <c r="G2216" s="8"/>
      <c r="H2216" s="8" t="s">
        <v>18899</v>
      </c>
      <c r="I2216" s="11">
        <v>43739</v>
      </c>
      <c r="J2216" s="11">
        <v>43739</v>
      </c>
      <c r="K2216" s="11">
        <v>45838</v>
      </c>
    </row>
    <row r="2217" spans="1:11" x14ac:dyDescent="0.4">
      <c r="A2217" s="8" t="s">
        <v>2324</v>
      </c>
      <c r="B2217" s="8"/>
      <c r="C2217" s="9" t="s">
        <v>3634</v>
      </c>
      <c r="D2217" s="9" t="s">
        <v>16661</v>
      </c>
      <c r="E2217" s="10" t="s">
        <v>11740</v>
      </c>
      <c r="F2217" s="10"/>
      <c r="G2217" s="8"/>
      <c r="H2217" s="8" t="s">
        <v>18900</v>
      </c>
      <c r="I2217" s="11">
        <v>43745</v>
      </c>
      <c r="J2217" s="11">
        <v>43745</v>
      </c>
      <c r="K2217" s="11">
        <v>45991</v>
      </c>
    </row>
    <row r="2218" spans="1:11" x14ac:dyDescent="0.4">
      <c r="A2218" s="8" t="s">
        <v>2324</v>
      </c>
      <c r="B2218" s="8"/>
      <c r="C2218" s="9" t="s">
        <v>16756</v>
      </c>
      <c r="D2218" s="9" t="s">
        <v>16757</v>
      </c>
      <c r="E2218" s="10"/>
      <c r="F2218" s="10" t="s">
        <v>16758</v>
      </c>
      <c r="G2218" s="8" t="s">
        <v>16759</v>
      </c>
      <c r="H2218" s="8" t="s">
        <v>18901</v>
      </c>
      <c r="I2218" s="11">
        <v>43754</v>
      </c>
      <c r="J2218" s="11">
        <v>43754</v>
      </c>
      <c r="K2218" s="11">
        <v>46568</v>
      </c>
    </row>
    <row r="2219" spans="1:11" x14ac:dyDescent="0.4">
      <c r="A2219" s="8" t="s">
        <v>2324</v>
      </c>
      <c r="B2219" s="8"/>
      <c r="C2219" s="9" t="s">
        <v>16756</v>
      </c>
      <c r="D2219" s="9" t="s">
        <v>16757</v>
      </c>
      <c r="E2219" s="10"/>
      <c r="F2219" s="10" t="s">
        <v>16758</v>
      </c>
      <c r="G2219" s="8" t="s">
        <v>16759</v>
      </c>
      <c r="H2219" s="8" t="s">
        <v>18902</v>
      </c>
      <c r="I2219" s="11">
        <v>43754</v>
      </c>
      <c r="J2219" s="11">
        <v>43754</v>
      </c>
      <c r="K2219" s="11">
        <v>46568</v>
      </c>
    </row>
    <row r="2220" spans="1:11" x14ac:dyDescent="0.4">
      <c r="A2220" s="8" t="s">
        <v>2324</v>
      </c>
      <c r="B2220" s="8"/>
      <c r="C2220" s="9" t="s">
        <v>18903</v>
      </c>
      <c r="D2220" s="9" t="s">
        <v>18904</v>
      </c>
      <c r="E2220" s="10"/>
      <c r="F2220" s="10" t="s">
        <v>18903</v>
      </c>
      <c r="G2220" s="8" t="s">
        <v>18905</v>
      </c>
      <c r="H2220" s="8" t="s">
        <v>18906</v>
      </c>
      <c r="I2220" s="11">
        <v>43757</v>
      </c>
      <c r="J2220" s="11">
        <v>43757</v>
      </c>
      <c r="K2220" s="11">
        <v>46295</v>
      </c>
    </row>
    <row r="2221" spans="1:11" x14ac:dyDescent="0.4">
      <c r="A2221" s="8" t="s">
        <v>2324</v>
      </c>
      <c r="B2221" s="8"/>
      <c r="C2221" s="9" t="s">
        <v>10862</v>
      </c>
      <c r="D2221" s="9" t="s">
        <v>18907</v>
      </c>
      <c r="E2221" s="10"/>
      <c r="F2221" s="10" t="s">
        <v>10860</v>
      </c>
      <c r="G2221" s="8" t="s">
        <v>18908</v>
      </c>
      <c r="H2221" s="8" t="s">
        <v>18909</v>
      </c>
      <c r="I2221" s="11">
        <v>43762</v>
      </c>
      <c r="J2221" s="11">
        <v>43762</v>
      </c>
      <c r="K2221" s="11">
        <v>46295</v>
      </c>
    </row>
    <row r="2222" spans="1:11" x14ac:dyDescent="0.4">
      <c r="A2222" s="8" t="s">
        <v>2324</v>
      </c>
      <c r="B2222" s="8"/>
      <c r="C2222" s="9" t="s">
        <v>18910</v>
      </c>
      <c r="D2222" s="9" t="s">
        <v>18911</v>
      </c>
      <c r="E2222" s="10"/>
      <c r="F2222" s="10"/>
      <c r="G2222" s="8"/>
      <c r="H2222" s="8" t="s">
        <v>18912</v>
      </c>
      <c r="I2222" s="11">
        <v>43763</v>
      </c>
      <c r="J2222" s="11">
        <v>43763</v>
      </c>
      <c r="K2222" s="11">
        <v>45596</v>
      </c>
    </row>
    <row r="2223" spans="1:11" x14ac:dyDescent="0.4">
      <c r="A2223" s="8" t="s">
        <v>2324</v>
      </c>
      <c r="B2223" s="8"/>
      <c r="C2223" s="9" t="s">
        <v>16791</v>
      </c>
      <c r="D2223" s="9" t="s">
        <v>16792</v>
      </c>
      <c r="E2223" s="10"/>
      <c r="F2223" s="10"/>
      <c r="G2223" s="8"/>
      <c r="H2223" s="8" t="s">
        <v>18913</v>
      </c>
      <c r="I2223" s="11">
        <v>43775</v>
      </c>
      <c r="J2223" s="11">
        <v>43775</v>
      </c>
      <c r="K2223" s="11">
        <v>45838</v>
      </c>
    </row>
    <row r="2224" spans="1:11" x14ac:dyDescent="0.4">
      <c r="A2224" s="8" t="s">
        <v>2324</v>
      </c>
      <c r="B2224" s="8"/>
      <c r="C2224" s="9" t="s">
        <v>16795</v>
      </c>
      <c r="D2224" s="9" t="s">
        <v>16796</v>
      </c>
      <c r="E2224" s="10"/>
      <c r="F2224" s="10"/>
      <c r="G2224" s="8"/>
      <c r="H2224" s="8" t="s">
        <v>18914</v>
      </c>
      <c r="I2224" s="11">
        <v>43776</v>
      </c>
      <c r="J2224" s="11">
        <v>43776</v>
      </c>
      <c r="K2224" s="11">
        <v>46203</v>
      </c>
    </row>
    <row r="2225" spans="1:11" x14ac:dyDescent="0.4">
      <c r="A2225" s="8" t="s">
        <v>2324</v>
      </c>
      <c r="B2225" s="8"/>
      <c r="C2225" s="9" t="s">
        <v>18915</v>
      </c>
      <c r="D2225" s="9" t="s">
        <v>16011</v>
      </c>
      <c r="E2225" s="10"/>
      <c r="F2225" s="10"/>
      <c r="G2225" s="8"/>
      <c r="H2225" s="8" t="s">
        <v>18916</v>
      </c>
      <c r="I2225" s="11">
        <v>43776</v>
      </c>
      <c r="J2225" s="11">
        <v>43776</v>
      </c>
      <c r="K2225" s="11">
        <v>45961</v>
      </c>
    </row>
    <row r="2226" spans="1:11" x14ac:dyDescent="0.4">
      <c r="A2226" s="8" t="s">
        <v>2324</v>
      </c>
      <c r="B2226" s="8"/>
      <c r="C2226" s="9" t="s">
        <v>18917</v>
      </c>
      <c r="D2226" s="9" t="s">
        <v>18918</v>
      </c>
      <c r="E2226" s="10"/>
      <c r="F2226" s="10" t="s">
        <v>18919</v>
      </c>
      <c r="G2226" s="8" t="s">
        <v>18920</v>
      </c>
      <c r="H2226" s="8" t="s">
        <v>18921</v>
      </c>
      <c r="I2226" s="11">
        <v>43777</v>
      </c>
      <c r="J2226" s="11">
        <v>43777</v>
      </c>
      <c r="K2226" s="11">
        <v>46142</v>
      </c>
    </row>
    <row r="2227" spans="1:11" x14ac:dyDescent="0.4">
      <c r="A2227" s="8" t="s">
        <v>2324</v>
      </c>
      <c r="B2227" s="8"/>
      <c r="C2227" s="9" t="s">
        <v>18922</v>
      </c>
      <c r="D2227" s="9" t="s">
        <v>18923</v>
      </c>
      <c r="E2227" s="10"/>
      <c r="F2227" s="10" t="s">
        <v>18924</v>
      </c>
      <c r="G2227" s="8" t="s">
        <v>18925</v>
      </c>
      <c r="H2227" s="8" t="s">
        <v>18926</v>
      </c>
      <c r="I2227" s="11">
        <v>43811</v>
      </c>
      <c r="J2227" s="11">
        <v>43811</v>
      </c>
      <c r="K2227" s="11">
        <v>46326</v>
      </c>
    </row>
    <row r="2228" spans="1:11" x14ac:dyDescent="0.4">
      <c r="A2228" s="8" t="s">
        <v>2324</v>
      </c>
      <c r="B2228" s="8"/>
      <c r="C2228" s="9" t="s">
        <v>16888</v>
      </c>
      <c r="D2228" s="9" t="s">
        <v>16889</v>
      </c>
      <c r="E2228" s="10"/>
      <c r="F2228" s="10" t="s">
        <v>10250</v>
      </c>
      <c r="G2228" s="8" t="s">
        <v>16890</v>
      </c>
      <c r="H2228" s="8" t="s">
        <v>18927</v>
      </c>
      <c r="I2228" s="11">
        <v>43817</v>
      </c>
      <c r="J2228" s="11">
        <v>43817</v>
      </c>
      <c r="K2228" s="11">
        <v>46326</v>
      </c>
    </row>
    <row r="2229" spans="1:11" x14ac:dyDescent="0.4">
      <c r="A2229" s="8" t="s">
        <v>2324</v>
      </c>
      <c r="B2229" s="8"/>
      <c r="C2229" s="9" t="s">
        <v>13451</v>
      </c>
      <c r="D2229" s="9" t="s">
        <v>18928</v>
      </c>
      <c r="E2229" s="10" t="s">
        <v>13453</v>
      </c>
      <c r="F2229" s="10"/>
      <c r="G2229" s="8"/>
      <c r="H2229" s="8" t="s">
        <v>18929</v>
      </c>
      <c r="I2229" s="11">
        <v>43857</v>
      </c>
      <c r="J2229" s="11">
        <v>43857</v>
      </c>
      <c r="K2229" s="11">
        <v>46295</v>
      </c>
    </row>
    <row r="2230" spans="1:11" x14ac:dyDescent="0.4">
      <c r="A2230" s="8" t="s">
        <v>2324</v>
      </c>
      <c r="B2230" s="8" t="s">
        <v>1871</v>
      </c>
      <c r="C2230" s="9" t="s">
        <v>16980</v>
      </c>
      <c r="D2230" s="9" t="s">
        <v>15365</v>
      </c>
      <c r="E2230" s="10"/>
      <c r="F2230" s="10"/>
      <c r="G2230" s="8"/>
      <c r="H2230" s="8" t="s">
        <v>18930</v>
      </c>
      <c r="I2230" s="11">
        <v>43848</v>
      </c>
      <c r="J2230" s="11">
        <v>43848</v>
      </c>
      <c r="K2230" s="11">
        <v>45808</v>
      </c>
    </row>
    <row r="2231" spans="1:11" x14ac:dyDescent="0.4">
      <c r="A2231" s="8" t="s">
        <v>2324</v>
      </c>
      <c r="B2231" s="8"/>
      <c r="C2231" s="9" t="s">
        <v>18931</v>
      </c>
      <c r="D2231" s="9" t="s">
        <v>18932</v>
      </c>
      <c r="E2231" s="10"/>
      <c r="F2231" s="10"/>
      <c r="G2231" s="8"/>
      <c r="H2231" s="8" t="s">
        <v>18933</v>
      </c>
      <c r="I2231" s="11">
        <v>43858</v>
      </c>
      <c r="J2231" s="11">
        <v>43858</v>
      </c>
      <c r="K2231" s="11">
        <v>45747</v>
      </c>
    </row>
    <row r="2232" spans="1:11" x14ac:dyDescent="0.4">
      <c r="A2232" s="8" t="s">
        <v>2324</v>
      </c>
      <c r="B2232" s="8"/>
      <c r="C2232" s="9" t="s">
        <v>17000</v>
      </c>
      <c r="D2232" s="9" t="s">
        <v>17001</v>
      </c>
      <c r="E2232" s="10"/>
      <c r="F2232" s="10"/>
      <c r="G2232" s="8"/>
      <c r="H2232" s="8" t="s">
        <v>18934</v>
      </c>
      <c r="I2232" s="11">
        <v>43865</v>
      </c>
      <c r="J2232" s="11">
        <v>43865</v>
      </c>
      <c r="K2232" s="11">
        <v>45747</v>
      </c>
    </row>
    <row r="2233" spans="1:11" x14ac:dyDescent="0.4">
      <c r="A2233" s="8" t="s">
        <v>2324</v>
      </c>
      <c r="B2233" s="8"/>
      <c r="C2233" s="9" t="s">
        <v>11715</v>
      </c>
      <c r="D2233" s="9" t="s">
        <v>11716</v>
      </c>
      <c r="E2233" s="10" t="s">
        <v>11717</v>
      </c>
      <c r="F2233" s="10" t="s">
        <v>11718</v>
      </c>
      <c r="G2233" s="8" t="s">
        <v>11719</v>
      </c>
      <c r="H2233" s="8" t="s">
        <v>18935</v>
      </c>
      <c r="I2233" s="11">
        <v>43895</v>
      </c>
      <c r="J2233" s="11">
        <v>43895</v>
      </c>
      <c r="K2233" s="11">
        <v>46295</v>
      </c>
    </row>
    <row r="2234" spans="1:11" x14ac:dyDescent="0.4">
      <c r="A2234" s="8" t="s">
        <v>2324</v>
      </c>
      <c r="B2234" s="8"/>
      <c r="C2234" s="9" t="s">
        <v>18936</v>
      </c>
      <c r="D2234" s="9" t="s">
        <v>18937</v>
      </c>
      <c r="E2234" s="10"/>
      <c r="F2234" s="10"/>
      <c r="G2234" s="8"/>
      <c r="H2234" s="8" t="s">
        <v>18938</v>
      </c>
      <c r="I2234" s="11">
        <v>43902</v>
      </c>
      <c r="J2234" s="11">
        <v>43902</v>
      </c>
      <c r="K2234" s="11">
        <v>45961</v>
      </c>
    </row>
    <row r="2235" spans="1:11" x14ac:dyDescent="0.4">
      <c r="A2235" s="8" t="s">
        <v>2324</v>
      </c>
      <c r="B2235" s="8"/>
      <c r="C2235" s="9" t="s">
        <v>18939</v>
      </c>
      <c r="D2235" s="9" t="s">
        <v>18940</v>
      </c>
      <c r="E2235" s="10"/>
      <c r="F2235" s="10" t="s">
        <v>18941</v>
      </c>
      <c r="G2235" s="8" t="s">
        <v>18940</v>
      </c>
      <c r="H2235" s="8" t="s">
        <v>18942</v>
      </c>
      <c r="I2235" s="11">
        <v>43902</v>
      </c>
      <c r="J2235" s="11">
        <v>43902</v>
      </c>
      <c r="K2235" s="11">
        <v>46112</v>
      </c>
    </row>
    <row r="2236" spans="1:11" x14ac:dyDescent="0.4">
      <c r="A2236" s="8" t="s">
        <v>2324</v>
      </c>
      <c r="B2236" s="8"/>
      <c r="C2236" s="9" t="s">
        <v>17127</v>
      </c>
      <c r="D2236" s="9" t="s">
        <v>17128</v>
      </c>
      <c r="E2236" s="10"/>
      <c r="F2236" s="10"/>
      <c r="G2236" s="8"/>
      <c r="H2236" s="8" t="s">
        <v>18943</v>
      </c>
      <c r="I2236" s="11">
        <v>43922</v>
      </c>
      <c r="J2236" s="11">
        <v>43922</v>
      </c>
      <c r="K2236" s="11">
        <v>46326</v>
      </c>
    </row>
    <row r="2237" spans="1:11" x14ac:dyDescent="0.4">
      <c r="A2237" s="8" t="s">
        <v>2324</v>
      </c>
      <c r="B2237" s="8"/>
      <c r="C2237" s="9" t="s">
        <v>18944</v>
      </c>
      <c r="D2237" s="9" t="s">
        <v>18945</v>
      </c>
      <c r="E2237" s="10"/>
      <c r="F2237" s="10"/>
      <c r="G2237" s="8"/>
      <c r="H2237" s="8" t="s">
        <v>18946</v>
      </c>
      <c r="I2237" s="11">
        <v>43914</v>
      </c>
      <c r="J2237" s="11">
        <v>43914</v>
      </c>
      <c r="K2237" s="11">
        <v>45747</v>
      </c>
    </row>
    <row r="2238" spans="1:11" x14ac:dyDescent="0.4">
      <c r="A2238" s="8" t="s">
        <v>2324</v>
      </c>
      <c r="B2238" s="8"/>
      <c r="C2238" s="9" t="s">
        <v>18947</v>
      </c>
      <c r="D2238" s="9" t="s">
        <v>18948</v>
      </c>
      <c r="E2238" s="10"/>
      <c r="F2238" s="10"/>
      <c r="G2238" s="8"/>
      <c r="H2238" s="8" t="s">
        <v>18949</v>
      </c>
      <c r="I2238" s="11">
        <v>43921</v>
      </c>
      <c r="J2238" s="11">
        <v>43921</v>
      </c>
      <c r="K2238" s="11">
        <v>46112</v>
      </c>
    </row>
    <row r="2239" spans="1:11" x14ac:dyDescent="0.4">
      <c r="A2239" s="8" t="s">
        <v>2324</v>
      </c>
      <c r="B2239" s="8"/>
      <c r="C2239" s="9" t="s">
        <v>744</v>
      </c>
      <c r="D2239" s="9" t="s">
        <v>18950</v>
      </c>
      <c r="E2239" s="10"/>
      <c r="F2239" s="10"/>
      <c r="G2239" s="8"/>
      <c r="H2239" s="8" t="s">
        <v>18951</v>
      </c>
      <c r="I2239" s="11">
        <v>43931</v>
      </c>
      <c r="J2239" s="11">
        <v>43931</v>
      </c>
      <c r="K2239" s="11">
        <v>46203</v>
      </c>
    </row>
    <row r="2240" spans="1:11" x14ac:dyDescent="0.4">
      <c r="A2240" s="8" t="s">
        <v>2324</v>
      </c>
      <c r="B2240" s="8"/>
      <c r="C2240" s="9" t="s">
        <v>17258</v>
      </c>
      <c r="D2240" s="9" t="s">
        <v>17255</v>
      </c>
      <c r="E2240" s="10"/>
      <c r="F2240" s="10" t="s">
        <v>17259</v>
      </c>
      <c r="G2240" s="8" t="s">
        <v>16687</v>
      </c>
      <c r="H2240" s="8" t="s">
        <v>18952</v>
      </c>
      <c r="I2240" s="11">
        <v>43941</v>
      </c>
      <c r="J2240" s="11">
        <v>43941</v>
      </c>
      <c r="K2240" s="11">
        <v>45930</v>
      </c>
    </row>
    <row r="2241" spans="1:11" x14ac:dyDescent="0.4">
      <c r="A2241" s="8" t="s">
        <v>2324</v>
      </c>
      <c r="B2241" s="8"/>
      <c r="C2241" s="9" t="s">
        <v>11724</v>
      </c>
      <c r="D2241" s="9" t="s">
        <v>11725</v>
      </c>
      <c r="E2241" s="10"/>
      <c r="F2241" s="10" t="s">
        <v>11726</v>
      </c>
      <c r="G2241" s="8" t="s">
        <v>11727</v>
      </c>
      <c r="H2241" s="8" t="s">
        <v>18953</v>
      </c>
      <c r="I2241" s="11">
        <v>43952</v>
      </c>
      <c r="J2241" s="11">
        <v>43952</v>
      </c>
      <c r="K2241" s="11">
        <v>45961</v>
      </c>
    </row>
    <row r="2242" spans="1:11" x14ac:dyDescent="0.4">
      <c r="A2242" s="8" t="s">
        <v>2324</v>
      </c>
      <c r="B2242" s="8"/>
      <c r="C2242" s="9" t="s">
        <v>18954</v>
      </c>
      <c r="D2242" s="9" t="s">
        <v>18955</v>
      </c>
      <c r="E2242" s="10"/>
      <c r="F2242" s="10"/>
      <c r="G2242" s="8"/>
      <c r="H2242" s="8" t="s">
        <v>18956</v>
      </c>
      <c r="I2242" s="11">
        <v>43983</v>
      </c>
      <c r="J2242" s="11">
        <v>43983</v>
      </c>
      <c r="K2242" s="11">
        <v>45930</v>
      </c>
    </row>
    <row r="2243" spans="1:11" x14ac:dyDescent="0.4">
      <c r="A2243" s="8" t="s">
        <v>2324</v>
      </c>
      <c r="B2243" s="8" t="s">
        <v>1871</v>
      </c>
      <c r="C2243" s="9" t="s">
        <v>17402</v>
      </c>
      <c r="D2243" s="9" t="s">
        <v>1332</v>
      </c>
      <c r="E2243" s="10"/>
      <c r="F2243" s="10"/>
      <c r="G2243" s="8"/>
      <c r="H2243" s="8" t="s">
        <v>18957</v>
      </c>
      <c r="I2243" s="11">
        <v>43974</v>
      </c>
      <c r="J2243" s="11">
        <v>43974</v>
      </c>
      <c r="K2243" s="11">
        <v>45808</v>
      </c>
    </row>
    <row r="2244" spans="1:11" x14ac:dyDescent="0.4">
      <c r="A2244" s="8" t="s">
        <v>2324</v>
      </c>
      <c r="B2244" s="8"/>
      <c r="C2244" s="9" t="s">
        <v>18958</v>
      </c>
      <c r="D2244" s="9" t="s">
        <v>18959</v>
      </c>
      <c r="E2244" s="10"/>
      <c r="F2244" s="10" t="s">
        <v>18960</v>
      </c>
      <c r="G2244" s="8" t="s">
        <v>18961</v>
      </c>
      <c r="H2244" s="8" t="s">
        <v>18962</v>
      </c>
      <c r="I2244" s="11">
        <v>44013</v>
      </c>
      <c r="J2244" s="11">
        <v>44013</v>
      </c>
      <c r="K2244" s="11">
        <v>46568</v>
      </c>
    </row>
    <row r="2245" spans="1:11" x14ac:dyDescent="0.4">
      <c r="A2245" s="8" t="s">
        <v>2324</v>
      </c>
      <c r="B2245" s="8"/>
      <c r="C2245" s="9" t="s">
        <v>17511</v>
      </c>
      <c r="D2245" s="9" t="s">
        <v>17506</v>
      </c>
      <c r="E2245" s="10" t="s">
        <v>17507</v>
      </c>
      <c r="F2245" s="10" t="s">
        <v>17512</v>
      </c>
      <c r="G2245" s="8" t="s">
        <v>17513</v>
      </c>
      <c r="H2245" s="8" t="s">
        <v>18963</v>
      </c>
      <c r="I2245" s="11">
        <v>44005</v>
      </c>
      <c r="J2245" s="11">
        <v>44005</v>
      </c>
      <c r="K2245" s="11">
        <v>46356</v>
      </c>
    </row>
    <row r="2246" spans="1:11" x14ac:dyDescent="0.4">
      <c r="A2246" s="8" t="s">
        <v>2324</v>
      </c>
      <c r="B2246" s="8"/>
      <c r="C2246" s="9" t="s">
        <v>18964</v>
      </c>
      <c r="D2246" s="9" t="s">
        <v>17506</v>
      </c>
      <c r="E2246" s="10" t="s">
        <v>17507</v>
      </c>
      <c r="F2246" s="10"/>
      <c r="G2246" s="8"/>
      <c r="H2246" s="8" t="s">
        <v>18965</v>
      </c>
      <c r="I2246" s="11">
        <v>44005</v>
      </c>
      <c r="J2246" s="11">
        <v>44005</v>
      </c>
      <c r="K2246" s="11">
        <v>46356</v>
      </c>
    </row>
    <row r="2247" spans="1:11" x14ac:dyDescent="0.4">
      <c r="A2247" s="8" t="s">
        <v>2324</v>
      </c>
      <c r="B2247" s="8"/>
      <c r="C2247" s="9" t="s">
        <v>17515</v>
      </c>
      <c r="D2247" s="9" t="s">
        <v>18966</v>
      </c>
      <c r="E2247" s="10" t="s">
        <v>17507</v>
      </c>
      <c r="F2247" s="10"/>
      <c r="G2247" s="8"/>
      <c r="H2247" s="8" t="s">
        <v>18967</v>
      </c>
      <c r="I2247" s="11">
        <v>44005</v>
      </c>
      <c r="J2247" s="11">
        <v>44005</v>
      </c>
      <c r="K2247" s="11">
        <v>46356</v>
      </c>
    </row>
    <row r="2248" spans="1:11" x14ac:dyDescent="0.4">
      <c r="A2248" s="8" t="s">
        <v>2324</v>
      </c>
      <c r="B2248" s="8"/>
      <c r="C2248" s="9" t="s">
        <v>15958</v>
      </c>
      <c r="D2248" s="9" t="s">
        <v>18968</v>
      </c>
      <c r="E2248" s="10"/>
      <c r="F2248" s="10"/>
      <c r="G2248" s="8"/>
      <c r="H2248" s="8" t="s">
        <v>18969</v>
      </c>
      <c r="I2248" s="11">
        <v>44006</v>
      </c>
      <c r="J2248" s="11">
        <v>44006</v>
      </c>
      <c r="K2248" s="11">
        <v>46507</v>
      </c>
    </row>
    <row r="2249" spans="1:11" x14ac:dyDescent="0.4">
      <c r="A2249" s="8" t="s">
        <v>2324</v>
      </c>
      <c r="B2249" s="8"/>
      <c r="C2249" s="9" t="s">
        <v>18970</v>
      </c>
      <c r="D2249" s="9" t="s">
        <v>18971</v>
      </c>
      <c r="E2249" s="10"/>
      <c r="F2249" s="10"/>
      <c r="G2249" s="8"/>
      <c r="H2249" s="8" t="s">
        <v>18972</v>
      </c>
      <c r="I2249" s="11">
        <v>44013</v>
      </c>
      <c r="J2249" s="11">
        <v>44013</v>
      </c>
      <c r="K2249" s="11">
        <v>46326</v>
      </c>
    </row>
    <row r="2250" spans="1:11" x14ac:dyDescent="0.4">
      <c r="A2250" s="8" t="s">
        <v>2324</v>
      </c>
      <c r="B2250" s="8"/>
      <c r="C2250" s="9" t="s">
        <v>18973</v>
      </c>
      <c r="D2250" s="9" t="s">
        <v>18974</v>
      </c>
      <c r="E2250" s="10"/>
      <c r="F2250" s="10"/>
      <c r="G2250" s="8"/>
      <c r="H2250" s="8" t="s">
        <v>18975</v>
      </c>
      <c r="I2250" s="11">
        <v>44014</v>
      </c>
      <c r="J2250" s="11">
        <v>44014</v>
      </c>
      <c r="K2250" s="11">
        <v>46203</v>
      </c>
    </row>
    <row r="2251" spans="1:11" x14ac:dyDescent="0.4">
      <c r="A2251" s="8" t="s">
        <v>2324</v>
      </c>
      <c r="B2251" s="8"/>
      <c r="C2251" s="9" t="s">
        <v>18976</v>
      </c>
      <c r="D2251" s="9" t="s">
        <v>18977</v>
      </c>
      <c r="E2251" s="10"/>
      <c r="F2251" s="10"/>
      <c r="G2251" s="8"/>
      <c r="H2251" s="8" t="s">
        <v>18978</v>
      </c>
      <c r="I2251" s="11">
        <v>44044</v>
      </c>
      <c r="J2251" s="11">
        <v>44044</v>
      </c>
      <c r="K2251" s="11">
        <v>45930</v>
      </c>
    </row>
    <row r="2252" spans="1:11" x14ac:dyDescent="0.4">
      <c r="A2252" s="8" t="s">
        <v>2324</v>
      </c>
      <c r="B2252" s="8"/>
      <c r="C2252" s="9" t="s">
        <v>17639</v>
      </c>
      <c r="D2252" s="9" t="s">
        <v>17640</v>
      </c>
      <c r="E2252" s="10"/>
      <c r="F2252" s="10"/>
      <c r="G2252" s="8"/>
      <c r="H2252" s="8" t="s">
        <v>18979</v>
      </c>
      <c r="I2252" s="11">
        <v>44056</v>
      </c>
      <c r="J2252" s="11">
        <v>44056</v>
      </c>
      <c r="K2252" s="11">
        <v>46326</v>
      </c>
    </row>
    <row r="2253" spans="1:11" x14ac:dyDescent="0.4">
      <c r="A2253" s="8" t="s">
        <v>2324</v>
      </c>
      <c r="B2253" s="8"/>
      <c r="C2253" s="9" t="s">
        <v>11492</v>
      </c>
      <c r="D2253" s="9" t="s">
        <v>11493</v>
      </c>
      <c r="E2253" s="10"/>
      <c r="F2253" s="10" t="s">
        <v>11494</v>
      </c>
      <c r="G2253" s="8" t="s">
        <v>11495</v>
      </c>
      <c r="H2253" s="8" t="s">
        <v>18980</v>
      </c>
      <c r="I2253" s="11">
        <v>44075</v>
      </c>
      <c r="J2253" s="11">
        <v>44075</v>
      </c>
      <c r="K2253" s="11">
        <v>46538</v>
      </c>
    </row>
    <row r="2254" spans="1:11" x14ac:dyDescent="0.4">
      <c r="A2254" s="8" t="s">
        <v>2324</v>
      </c>
      <c r="B2254" s="8"/>
      <c r="C2254" s="9" t="s">
        <v>18981</v>
      </c>
      <c r="D2254" s="9" t="s">
        <v>18982</v>
      </c>
      <c r="E2254" s="10"/>
      <c r="F2254" s="10"/>
      <c r="G2254" s="8"/>
      <c r="H2254" s="8" t="s">
        <v>18983</v>
      </c>
      <c r="I2254" s="11">
        <v>44105</v>
      </c>
      <c r="J2254" s="11">
        <v>44105</v>
      </c>
      <c r="K2254" s="11">
        <v>46112</v>
      </c>
    </row>
    <row r="2255" spans="1:11" x14ac:dyDescent="0.4">
      <c r="A2255" s="8" t="s">
        <v>2324</v>
      </c>
      <c r="B2255" s="8"/>
      <c r="C2255" s="9" t="s">
        <v>18984</v>
      </c>
      <c r="D2255" s="9" t="s">
        <v>15152</v>
      </c>
      <c r="E2255" s="10"/>
      <c r="F2255" s="10" t="s">
        <v>15151</v>
      </c>
      <c r="G2255" s="8" t="s">
        <v>15153</v>
      </c>
      <c r="H2255" s="8" t="s">
        <v>18985</v>
      </c>
      <c r="I2255" s="11">
        <v>44085</v>
      </c>
      <c r="J2255" s="11">
        <v>44085</v>
      </c>
      <c r="K2255" s="11">
        <v>46691</v>
      </c>
    </row>
    <row r="2256" spans="1:11" x14ac:dyDescent="0.4">
      <c r="A2256" s="8" t="s">
        <v>2324</v>
      </c>
      <c r="B2256" s="8"/>
      <c r="C2256" s="9" t="s">
        <v>17724</v>
      </c>
      <c r="D2256" s="9" t="s">
        <v>17725</v>
      </c>
      <c r="E2256" s="10"/>
      <c r="F2256" s="10" t="s">
        <v>17726</v>
      </c>
      <c r="G2256" s="8" t="s">
        <v>17727</v>
      </c>
      <c r="H2256" s="8" t="s">
        <v>18986</v>
      </c>
      <c r="I2256" s="11">
        <v>44100</v>
      </c>
      <c r="J2256" s="11">
        <v>44100</v>
      </c>
      <c r="K2256" s="11">
        <v>46477</v>
      </c>
    </row>
    <row r="2257" spans="1:11" x14ac:dyDescent="0.4">
      <c r="A2257" s="8" t="s">
        <v>2324</v>
      </c>
      <c r="B2257" s="8"/>
      <c r="C2257" s="9" t="s">
        <v>910</v>
      </c>
      <c r="D2257" s="9" t="s">
        <v>18987</v>
      </c>
      <c r="E2257" s="10" t="s">
        <v>913</v>
      </c>
      <c r="F2257" s="10"/>
      <c r="G2257" s="8"/>
      <c r="H2257" s="8" t="s">
        <v>18988</v>
      </c>
      <c r="I2257" s="11">
        <v>44098</v>
      </c>
      <c r="J2257" s="11">
        <v>44098</v>
      </c>
      <c r="K2257" s="11">
        <v>45930</v>
      </c>
    </row>
    <row r="2258" spans="1:11" x14ac:dyDescent="0.4">
      <c r="A2258" s="8" t="s">
        <v>2324</v>
      </c>
      <c r="B2258" s="8"/>
      <c r="C2258" s="9" t="s">
        <v>16500</v>
      </c>
      <c r="D2258" s="9" t="s">
        <v>16501</v>
      </c>
      <c r="E2258" s="10"/>
      <c r="F2258" s="10"/>
      <c r="G2258" s="8"/>
      <c r="H2258" s="8" t="s">
        <v>18989</v>
      </c>
      <c r="I2258" s="11">
        <v>44098</v>
      </c>
      <c r="J2258" s="11">
        <v>44098</v>
      </c>
      <c r="K2258" s="11">
        <v>46112</v>
      </c>
    </row>
    <row r="2259" spans="1:11" x14ac:dyDescent="0.4">
      <c r="A2259" s="8" t="s">
        <v>2324</v>
      </c>
      <c r="B2259" s="8"/>
      <c r="C2259" s="9" t="s">
        <v>2535</v>
      </c>
      <c r="D2259" s="9" t="s">
        <v>11460</v>
      </c>
      <c r="E2259" s="10" t="s">
        <v>17737</v>
      </c>
      <c r="F2259" s="10" t="s">
        <v>17738</v>
      </c>
      <c r="G2259" s="8" t="s">
        <v>17739</v>
      </c>
      <c r="H2259" s="8" t="s">
        <v>18990</v>
      </c>
      <c r="I2259" s="11">
        <v>44099</v>
      </c>
      <c r="J2259" s="11">
        <v>44099</v>
      </c>
      <c r="K2259" s="11">
        <v>46356</v>
      </c>
    </row>
    <row r="2260" spans="1:11" x14ac:dyDescent="0.4">
      <c r="A2260" s="8" t="s">
        <v>2324</v>
      </c>
      <c r="B2260" s="8"/>
      <c r="C2260" s="9" t="s">
        <v>11687</v>
      </c>
      <c r="D2260" s="9" t="s">
        <v>18991</v>
      </c>
      <c r="E2260" s="10"/>
      <c r="F2260" s="10" t="s">
        <v>11689</v>
      </c>
      <c r="G2260" s="8" t="s">
        <v>18992</v>
      </c>
      <c r="H2260" s="8" t="s">
        <v>18993</v>
      </c>
      <c r="I2260" s="11">
        <v>44099</v>
      </c>
      <c r="J2260" s="11">
        <v>44099</v>
      </c>
      <c r="K2260" s="11">
        <v>46356</v>
      </c>
    </row>
    <row r="2261" spans="1:11" x14ac:dyDescent="0.4">
      <c r="A2261" s="8" t="s">
        <v>2324</v>
      </c>
      <c r="B2261" s="8"/>
      <c r="C2261" s="9" t="s">
        <v>11733</v>
      </c>
      <c r="D2261" s="9" t="s">
        <v>11734</v>
      </c>
      <c r="E2261" s="10"/>
      <c r="F2261" s="10"/>
      <c r="G2261" s="8"/>
      <c r="H2261" s="8" t="s">
        <v>18994</v>
      </c>
      <c r="I2261" s="11">
        <v>44104</v>
      </c>
      <c r="J2261" s="11">
        <v>44104</v>
      </c>
      <c r="K2261" s="11">
        <v>46203</v>
      </c>
    </row>
    <row r="2262" spans="1:11" x14ac:dyDescent="0.4">
      <c r="A2262" s="8" t="s">
        <v>2324</v>
      </c>
      <c r="B2262" s="8"/>
      <c r="C2262" s="9" t="s">
        <v>17744</v>
      </c>
      <c r="D2262" s="9" t="s">
        <v>17745</v>
      </c>
      <c r="E2262" s="10" t="s">
        <v>17746</v>
      </c>
      <c r="F2262" s="10" t="s">
        <v>17747</v>
      </c>
      <c r="G2262" s="8" t="s">
        <v>17748</v>
      </c>
      <c r="H2262" s="8" t="s">
        <v>18995</v>
      </c>
      <c r="I2262" s="11">
        <v>44105</v>
      </c>
      <c r="J2262" s="11">
        <v>44105</v>
      </c>
      <c r="K2262" s="11">
        <v>45930</v>
      </c>
    </row>
    <row r="2263" spans="1:11" x14ac:dyDescent="0.4">
      <c r="A2263" s="8" t="s">
        <v>2324</v>
      </c>
      <c r="B2263" s="8"/>
      <c r="C2263" s="9" t="s">
        <v>18996</v>
      </c>
      <c r="D2263" s="9" t="s">
        <v>18997</v>
      </c>
      <c r="E2263" s="10"/>
      <c r="F2263" s="10"/>
      <c r="G2263" s="8"/>
      <c r="H2263" s="8" t="s">
        <v>18998</v>
      </c>
      <c r="I2263" s="11">
        <v>44131</v>
      </c>
      <c r="J2263" s="11">
        <v>44131</v>
      </c>
      <c r="K2263" s="11">
        <v>46295</v>
      </c>
    </row>
    <row r="2264" spans="1:11" x14ac:dyDescent="0.4">
      <c r="A2264" s="8" t="s">
        <v>2324</v>
      </c>
      <c r="B2264" s="8"/>
      <c r="C2264" s="9" t="s">
        <v>17913</v>
      </c>
      <c r="D2264" s="9" t="s">
        <v>17914</v>
      </c>
      <c r="E2264" s="10"/>
      <c r="F2264" s="10"/>
      <c r="G2264" s="8"/>
      <c r="H2264" s="8" t="s">
        <v>18999</v>
      </c>
      <c r="I2264" s="11">
        <v>44156</v>
      </c>
      <c r="J2264" s="11">
        <v>44156</v>
      </c>
      <c r="K2264" s="11">
        <v>46112</v>
      </c>
    </row>
    <row r="2265" spans="1:11" x14ac:dyDescent="0.4">
      <c r="A2265" s="8" t="s">
        <v>2324</v>
      </c>
      <c r="B2265" s="8"/>
      <c r="C2265" s="9" t="s">
        <v>9260</v>
      </c>
      <c r="D2265" s="9" t="s">
        <v>19000</v>
      </c>
      <c r="E2265" s="10"/>
      <c r="F2265" s="10"/>
      <c r="G2265" s="8"/>
      <c r="H2265" s="8" t="s">
        <v>19001</v>
      </c>
      <c r="I2265" s="11">
        <v>44167</v>
      </c>
      <c r="J2265" s="11">
        <v>44167</v>
      </c>
      <c r="K2265" s="11">
        <v>46660</v>
      </c>
    </row>
    <row r="2266" spans="1:11" x14ac:dyDescent="0.4">
      <c r="A2266" s="8" t="s">
        <v>2324</v>
      </c>
      <c r="B2266" s="8"/>
      <c r="C2266" s="9" t="s">
        <v>17986</v>
      </c>
      <c r="D2266" s="9" t="s">
        <v>17987</v>
      </c>
      <c r="E2266" s="10"/>
      <c r="F2266" s="10" t="s">
        <v>17747</v>
      </c>
      <c r="G2266" s="8" t="s">
        <v>17748</v>
      </c>
      <c r="H2266" s="8" t="s">
        <v>19002</v>
      </c>
      <c r="I2266" s="11">
        <v>44178</v>
      </c>
      <c r="J2266" s="11">
        <v>44178</v>
      </c>
      <c r="K2266" s="11">
        <v>46295</v>
      </c>
    </row>
    <row r="2267" spans="1:11" x14ac:dyDescent="0.4">
      <c r="A2267" s="8" t="s">
        <v>2324</v>
      </c>
      <c r="B2267" s="8"/>
      <c r="C2267" s="9" t="s">
        <v>6114</v>
      </c>
      <c r="D2267" s="9" t="s">
        <v>19003</v>
      </c>
      <c r="E2267" s="10"/>
      <c r="F2267" s="10" t="s">
        <v>6104</v>
      </c>
      <c r="G2267" s="8" t="s">
        <v>19004</v>
      </c>
      <c r="H2267" s="8" t="s">
        <v>19005</v>
      </c>
      <c r="I2267" s="11">
        <v>44179</v>
      </c>
      <c r="J2267" s="11">
        <v>44179</v>
      </c>
      <c r="K2267" s="11">
        <v>47026</v>
      </c>
    </row>
    <row r="2268" spans="1:11" x14ac:dyDescent="0.4">
      <c r="A2268" s="8" t="s">
        <v>2324</v>
      </c>
      <c r="B2268" s="8"/>
      <c r="C2268" s="9" t="s">
        <v>17995</v>
      </c>
      <c r="D2268" s="9" t="s">
        <v>17996</v>
      </c>
      <c r="E2268" s="10"/>
      <c r="F2268" s="10"/>
      <c r="G2268" s="8"/>
      <c r="H2268" s="8" t="s">
        <v>19006</v>
      </c>
      <c r="I2268" s="11">
        <v>44180</v>
      </c>
      <c r="J2268" s="11">
        <v>44180</v>
      </c>
      <c r="K2268" s="11">
        <v>46507</v>
      </c>
    </row>
    <row r="2269" spans="1:11" x14ac:dyDescent="0.4">
      <c r="A2269" s="8" t="s">
        <v>2324</v>
      </c>
      <c r="B2269" s="8"/>
      <c r="C2269" s="9" t="s">
        <v>11742</v>
      </c>
      <c r="D2269" s="9" t="s">
        <v>11743</v>
      </c>
      <c r="E2269" s="10"/>
      <c r="F2269" s="10"/>
      <c r="G2269" s="8"/>
      <c r="H2269" s="8" t="s">
        <v>19007</v>
      </c>
      <c r="I2269" s="11">
        <v>44182</v>
      </c>
      <c r="J2269" s="11">
        <v>44182</v>
      </c>
      <c r="K2269" s="11">
        <v>46203</v>
      </c>
    </row>
    <row r="2270" spans="1:11" x14ac:dyDescent="0.4">
      <c r="A2270" s="8" t="s">
        <v>2324</v>
      </c>
      <c r="B2270" s="8"/>
      <c r="C2270" s="9" t="s">
        <v>19008</v>
      </c>
      <c r="D2270" s="9" t="s">
        <v>19009</v>
      </c>
      <c r="E2270" s="10"/>
      <c r="F2270" s="10" t="s">
        <v>19010</v>
      </c>
      <c r="G2270" s="8" t="s">
        <v>19011</v>
      </c>
      <c r="H2270" s="8" t="s">
        <v>19012</v>
      </c>
      <c r="I2270" s="11">
        <v>44190</v>
      </c>
      <c r="J2270" s="11">
        <v>44190</v>
      </c>
      <c r="K2270" s="11">
        <v>46112</v>
      </c>
    </row>
    <row r="2271" spans="1:11" x14ac:dyDescent="0.4">
      <c r="A2271" s="8" t="s">
        <v>2324</v>
      </c>
      <c r="B2271" s="8"/>
      <c r="C2271" s="9" t="s">
        <v>19013</v>
      </c>
      <c r="D2271" s="9" t="s">
        <v>19014</v>
      </c>
      <c r="E2271" s="10"/>
      <c r="F2271" s="10"/>
      <c r="G2271" s="8"/>
      <c r="H2271" s="8" t="s">
        <v>19015</v>
      </c>
      <c r="I2271" s="11">
        <v>44202</v>
      </c>
      <c r="J2271" s="11">
        <v>44202</v>
      </c>
      <c r="K2271" s="11">
        <v>46112</v>
      </c>
    </row>
    <row r="2272" spans="1:11" x14ac:dyDescent="0.4">
      <c r="A2272" s="8" t="s">
        <v>2324</v>
      </c>
      <c r="B2272" s="8"/>
      <c r="C2272" s="9" t="s">
        <v>11500</v>
      </c>
      <c r="D2272" s="9" t="s">
        <v>11501</v>
      </c>
      <c r="E2272" s="10"/>
      <c r="F2272" s="10" t="s">
        <v>11502</v>
      </c>
      <c r="G2272" s="8" t="s">
        <v>11503</v>
      </c>
      <c r="H2272" s="8" t="s">
        <v>19016</v>
      </c>
      <c r="I2272" s="11">
        <v>44215</v>
      </c>
      <c r="J2272" s="11">
        <v>44215</v>
      </c>
      <c r="K2272" s="11">
        <v>46721</v>
      </c>
    </row>
    <row r="2273" spans="1:11" x14ac:dyDescent="0.4">
      <c r="A2273" s="8" t="s">
        <v>2324</v>
      </c>
      <c r="B2273" s="8"/>
      <c r="C2273" s="9" t="s">
        <v>18104</v>
      </c>
      <c r="D2273" s="9" t="s">
        <v>18105</v>
      </c>
      <c r="E2273" s="10" t="s">
        <v>18106</v>
      </c>
      <c r="F2273" s="10" t="s">
        <v>7022</v>
      </c>
      <c r="G2273" s="8" t="s">
        <v>13548</v>
      </c>
      <c r="H2273" s="8" t="s">
        <v>19017</v>
      </c>
      <c r="I2273" s="11">
        <v>44243</v>
      </c>
      <c r="J2273" s="11">
        <v>44243</v>
      </c>
      <c r="K2273" s="11">
        <v>46660</v>
      </c>
    </row>
    <row r="2274" spans="1:11" x14ac:dyDescent="0.4">
      <c r="A2274" s="8" t="s">
        <v>2324</v>
      </c>
      <c r="B2274" s="8" t="s">
        <v>1871</v>
      </c>
      <c r="C2274" s="9" t="s">
        <v>19018</v>
      </c>
      <c r="D2274" s="9" t="s">
        <v>1332</v>
      </c>
      <c r="E2274" s="10"/>
      <c r="F2274" s="10" t="s">
        <v>19019</v>
      </c>
      <c r="G2274" s="8" t="s">
        <v>19020</v>
      </c>
      <c r="H2274" s="8" t="s">
        <v>19021</v>
      </c>
      <c r="I2274" s="11">
        <v>44261</v>
      </c>
      <c r="J2274" s="11">
        <v>44261</v>
      </c>
      <c r="K2274" s="11">
        <v>46173</v>
      </c>
    </row>
    <row r="2275" spans="1:11" x14ac:dyDescent="0.4">
      <c r="A2275" s="8" t="s">
        <v>2324</v>
      </c>
      <c r="B2275" s="8" t="s">
        <v>1871</v>
      </c>
      <c r="C2275" s="9" t="s">
        <v>18246</v>
      </c>
      <c r="D2275" s="9" t="s">
        <v>1332</v>
      </c>
      <c r="E2275" s="10"/>
      <c r="F2275" s="10"/>
      <c r="G2275" s="8"/>
      <c r="H2275" s="8" t="s">
        <v>19022</v>
      </c>
      <c r="I2275" s="11">
        <v>44277</v>
      </c>
      <c r="J2275" s="11">
        <v>44277</v>
      </c>
      <c r="K2275" s="11">
        <v>46173</v>
      </c>
    </row>
    <row r="2276" spans="1:11" x14ac:dyDescent="0.4">
      <c r="A2276" s="8" t="s">
        <v>2324</v>
      </c>
      <c r="B2276" s="8"/>
      <c r="C2276" s="9" t="s">
        <v>19023</v>
      </c>
      <c r="D2276" s="9" t="s">
        <v>12953</v>
      </c>
      <c r="E2276" s="10"/>
      <c r="F2276" s="10" t="s">
        <v>5428</v>
      </c>
      <c r="G2276" s="8" t="s">
        <v>14479</v>
      </c>
      <c r="H2276" s="8" t="s">
        <v>19024</v>
      </c>
      <c r="I2276" s="11">
        <v>44294</v>
      </c>
      <c r="J2276" s="11">
        <v>44294</v>
      </c>
      <c r="K2276" s="11">
        <v>46873</v>
      </c>
    </row>
    <row r="2277" spans="1:11" x14ac:dyDescent="0.4">
      <c r="A2277" s="8" t="s">
        <v>2324</v>
      </c>
      <c r="B2277" s="8" t="s">
        <v>1871</v>
      </c>
      <c r="C2277" s="9" t="s">
        <v>18395</v>
      </c>
      <c r="D2277" s="9" t="s">
        <v>1332</v>
      </c>
      <c r="E2277" s="10"/>
      <c r="F2277" s="10"/>
      <c r="G2277" s="8"/>
      <c r="H2277" s="8" t="s">
        <v>19025</v>
      </c>
      <c r="I2277" s="11">
        <v>44295</v>
      </c>
      <c r="J2277" s="11">
        <v>44295</v>
      </c>
      <c r="K2277" s="11">
        <v>46173</v>
      </c>
    </row>
    <row r="2278" spans="1:11" x14ac:dyDescent="0.4">
      <c r="A2278" s="8" t="s">
        <v>2324</v>
      </c>
      <c r="B2278" s="8"/>
      <c r="C2278" s="9" t="s">
        <v>8483</v>
      </c>
      <c r="D2278" s="9" t="s">
        <v>19026</v>
      </c>
      <c r="E2278" s="10"/>
      <c r="F2278" s="10"/>
      <c r="G2278" s="8"/>
      <c r="H2278" s="8" t="s">
        <v>19027</v>
      </c>
      <c r="I2278" s="11">
        <v>44299</v>
      </c>
      <c r="J2278" s="11">
        <v>44299</v>
      </c>
      <c r="K2278" s="11">
        <v>46326</v>
      </c>
    </row>
    <row r="2279" spans="1:11" x14ac:dyDescent="0.4">
      <c r="A2279" s="8" t="s">
        <v>2324</v>
      </c>
      <c r="B2279" s="8"/>
      <c r="C2279" s="9" t="s">
        <v>19028</v>
      </c>
      <c r="D2279" s="9" t="s">
        <v>19029</v>
      </c>
      <c r="E2279" s="10" t="s">
        <v>19030</v>
      </c>
      <c r="F2279" s="10" t="s">
        <v>19031</v>
      </c>
      <c r="G2279" s="8" t="s">
        <v>19032</v>
      </c>
      <c r="H2279" s="8" t="s">
        <v>19033</v>
      </c>
      <c r="I2279" s="11">
        <v>44313</v>
      </c>
      <c r="J2279" s="11">
        <v>44313</v>
      </c>
      <c r="K2279" s="11">
        <v>46843</v>
      </c>
    </row>
    <row r="2280" spans="1:11" x14ac:dyDescent="0.4">
      <c r="A2280" s="8" t="s">
        <v>2324</v>
      </c>
      <c r="B2280" s="8"/>
      <c r="C2280" s="9" t="s">
        <v>14890</v>
      </c>
      <c r="D2280" s="9" t="s">
        <v>14891</v>
      </c>
      <c r="E2280" s="10" t="s">
        <v>14892</v>
      </c>
      <c r="F2280" s="10" t="s">
        <v>14893</v>
      </c>
      <c r="G2280" s="8" t="s">
        <v>14894</v>
      </c>
      <c r="H2280" s="8" t="s">
        <v>19034</v>
      </c>
      <c r="I2280" s="11">
        <v>44317</v>
      </c>
      <c r="J2280" s="11">
        <v>44317</v>
      </c>
      <c r="K2280" s="11">
        <v>46721</v>
      </c>
    </row>
    <row r="2281" spans="1:11" x14ac:dyDescent="0.4">
      <c r="A2281" s="8" t="s">
        <v>2324</v>
      </c>
      <c r="B2281" s="8"/>
      <c r="C2281" s="9" t="s">
        <v>19035</v>
      </c>
      <c r="D2281" s="9" t="s">
        <v>19036</v>
      </c>
      <c r="E2281" s="10"/>
      <c r="F2281" s="10"/>
      <c r="G2281" s="8"/>
      <c r="H2281" s="8" t="s">
        <v>19037</v>
      </c>
      <c r="I2281" s="11">
        <v>44362</v>
      </c>
      <c r="J2281" s="11">
        <v>44362</v>
      </c>
      <c r="K2281" s="11">
        <v>46843</v>
      </c>
    </row>
    <row r="2282" spans="1:11" x14ac:dyDescent="0.4">
      <c r="A2282" s="8" t="s">
        <v>2324</v>
      </c>
      <c r="B2282" s="8"/>
      <c r="C2282" s="9" t="s">
        <v>11745</v>
      </c>
      <c r="D2282" s="9" t="s">
        <v>11746</v>
      </c>
      <c r="E2282" s="10"/>
      <c r="F2282" s="10"/>
      <c r="G2282" s="8"/>
      <c r="H2282" s="8" t="s">
        <v>19038</v>
      </c>
      <c r="I2282" s="11">
        <v>44335</v>
      </c>
      <c r="J2282" s="11">
        <v>44335</v>
      </c>
      <c r="K2282" s="11">
        <v>46691</v>
      </c>
    </row>
    <row r="2283" spans="1:11" x14ac:dyDescent="0.4">
      <c r="A2283" s="8" t="s">
        <v>2324</v>
      </c>
      <c r="B2283" s="8"/>
      <c r="C2283" s="9" t="s">
        <v>11748</v>
      </c>
      <c r="D2283" s="9" t="s">
        <v>11749</v>
      </c>
      <c r="E2283" s="10" t="s">
        <v>11750</v>
      </c>
      <c r="F2283" s="10"/>
      <c r="G2283" s="8"/>
      <c r="H2283" s="8" t="s">
        <v>19039</v>
      </c>
      <c r="I2283" s="11">
        <v>44343</v>
      </c>
      <c r="J2283" s="11">
        <v>44343</v>
      </c>
      <c r="K2283" s="11">
        <v>46873</v>
      </c>
    </row>
    <row r="2284" spans="1:11" x14ac:dyDescent="0.4">
      <c r="A2284" s="8" t="s">
        <v>6225</v>
      </c>
      <c r="B2284" s="8"/>
      <c r="C2284" s="9" t="s">
        <v>18552</v>
      </c>
      <c r="D2284" s="9" t="s">
        <v>18553</v>
      </c>
      <c r="E2284" s="10"/>
      <c r="F2284" s="10"/>
      <c r="G2284" s="8"/>
      <c r="H2284" s="8" t="s">
        <v>19040</v>
      </c>
      <c r="I2284" s="11">
        <v>27576</v>
      </c>
      <c r="J2284" s="11">
        <v>43922</v>
      </c>
      <c r="K2284" s="11">
        <v>45747</v>
      </c>
    </row>
    <row r="2285" spans="1:11" x14ac:dyDescent="0.4">
      <c r="A2285" s="8" t="s">
        <v>6225</v>
      </c>
      <c r="B2285" s="8"/>
      <c r="C2285" s="9" t="s">
        <v>18563</v>
      </c>
      <c r="D2285" s="9" t="s">
        <v>18564</v>
      </c>
      <c r="E2285" s="10"/>
      <c r="F2285" s="10" t="s">
        <v>8466</v>
      </c>
      <c r="G2285" s="8" t="s">
        <v>18564</v>
      </c>
      <c r="H2285" s="8" t="s">
        <v>19041</v>
      </c>
      <c r="I2285" s="11">
        <v>34288</v>
      </c>
      <c r="J2285" s="11">
        <v>43405</v>
      </c>
      <c r="K2285" s="11">
        <v>45596</v>
      </c>
    </row>
    <row r="2286" spans="1:11" x14ac:dyDescent="0.4">
      <c r="A2286" s="8" t="s">
        <v>6225</v>
      </c>
      <c r="B2286" s="8"/>
      <c r="C2286" s="9" t="s">
        <v>19042</v>
      </c>
      <c r="D2286" s="9" t="s">
        <v>19043</v>
      </c>
      <c r="E2286" s="10"/>
      <c r="F2286" s="10"/>
      <c r="G2286" s="8"/>
      <c r="H2286" s="8" t="s">
        <v>19044</v>
      </c>
      <c r="I2286" s="11">
        <v>34884</v>
      </c>
      <c r="J2286" s="11">
        <v>43922</v>
      </c>
      <c r="K2286" s="11">
        <v>45747</v>
      </c>
    </row>
    <row r="2287" spans="1:11" x14ac:dyDescent="0.4">
      <c r="A2287" s="8" t="s">
        <v>6225</v>
      </c>
      <c r="B2287" s="8" t="s">
        <v>405</v>
      </c>
      <c r="C2287" s="9" t="s">
        <v>19045</v>
      </c>
      <c r="D2287" s="9" t="s">
        <v>19046</v>
      </c>
      <c r="E2287" s="10"/>
      <c r="F2287" s="10" t="s">
        <v>19047</v>
      </c>
      <c r="G2287" s="8" t="s">
        <v>19048</v>
      </c>
      <c r="H2287" s="8" t="s">
        <v>19049</v>
      </c>
      <c r="I2287" s="11">
        <v>31141</v>
      </c>
      <c r="J2287" s="11">
        <v>43617</v>
      </c>
      <c r="K2287" s="11">
        <v>45808</v>
      </c>
    </row>
    <row r="2288" spans="1:11" x14ac:dyDescent="0.4">
      <c r="A2288" s="8" t="s">
        <v>6225</v>
      </c>
      <c r="B2288" s="8" t="s">
        <v>405</v>
      </c>
      <c r="C2288" s="9" t="s">
        <v>19050</v>
      </c>
      <c r="D2288" s="9" t="s">
        <v>19051</v>
      </c>
      <c r="E2288" s="10" t="s">
        <v>19050</v>
      </c>
      <c r="F2288" s="10" t="s">
        <v>6594</v>
      </c>
      <c r="G2288" s="8" t="s">
        <v>19051</v>
      </c>
      <c r="H2288" s="8" t="s">
        <v>19052</v>
      </c>
      <c r="I2288" s="11">
        <v>31129</v>
      </c>
      <c r="J2288" s="11">
        <v>43617</v>
      </c>
      <c r="K2288" s="11">
        <v>45808</v>
      </c>
    </row>
    <row r="2289" spans="1:11" x14ac:dyDescent="0.4">
      <c r="A2289" s="8" t="s">
        <v>6225</v>
      </c>
      <c r="B2289" s="8" t="s">
        <v>405</v>
      </c>
      <c r="C2289" s="9" t="s">
        <v>19053</v>
      </c>
      <c r="D2289" s="9" t="s">
        <v>13377</v>
      </c>
      <c r="E2289" s="10"/>
      <c r="F2289" s="10" t="s">
        <v>2321</v>
      </c>
      <c r="G2289" s="8" t="s">
        <v>13377</v>
      </c>
      <c r="H2289" s="8" t="s">
        <v>19054</v>
      </c>
      <c r="I2289" s="11">
        <v>33977</v>
      </c>
      <c r="J2289" s="11">
        <v>43617</v>
      </c>
      <c r="K2289" s="11">
        <v>45808</v>
      </c>
    </row>
    <row r="2290" spans="1:11" x14ac:dyDescent="0.4">
      <c r="A2290" s="8" t="s">
        <v>6225</v>
      </c>
      <c r="B2290" s="8" t="s">
        <v>405</v>
      </c>
      <c r="C2290" s="9" t="s">
        <v>19055</v>
      </c>
      <c r="D2290" s="9" t="s">
        <v>13613</v>
      </c>
      <c r="E2290" s="10"/>
      <c r="F2290" s="10" t="s">
        <v>19047</v>
      </c>
      <c r="G2290" s="8" t="s">
        <v>19048</v>
      </c>
      <c r="H2290" s="8" t="s">
        <v>19056</v>
      </c>
      <c r="I2290" s="11">
        <v>30993</v>
      </c>
      <c r="J2290" s="11">
        <v>43617</v>
      </c>
      <c r="K2290" s="11">
        <v>45808</v>
      </c>
    </row>
    <row r="2291" spans="1:11" x14ac:dyDescent="0.4">
      <c r="A2291" s="8" t="s">
        <v>6225</v>
      </c>
      <c r="B2291" s="8" t="s">
        <v>405</v>
      </c>
      <c r="C2291" s="9" t="s">
        <v>19057</v>
      </c>
      <c r="D2291" s="9" t="s">
        <v>13613</v>
      </c>
      <c r="E2291" s="10"/>
      <c r="F2291" s="10" t="s">
        <v>19047</v>
      </c>
      <c r="G2291" s="8" t="s">
        <v>19048</v>
      </c>
      <c r="H2291" s="8" t="s">
        <v>19058</v>
      </c>
      <c r="I2291" s="11">
        <v>30993</v>
      </c>
      <c r="J2291" s="11">
        <v>43617</v>
      </c>
      <c r="K2291" s="11">
        <v>45808</v>
      </c>
    </row>
    <row r="2292" spans="1:11" x14ac:dyDescent="0.4">
      <c r="A2292" s="8" t="s">
        <v>6225</v>
      </c>
      <c r="B2292" s="8" t="s">
        <v>405</v>
      </c>
      <c r="C2292" s="9" t="s">
        <v>19059</v>
      </c>
      <c r="D2292" s="9" t="s">
        <v>13613</v>
      </c>
      <c r="E2292" s="10"/>
      <c r="F2292" s="10" t="s">
        <v>19047</v>
      </c>
      <c r="G2292" s="8" t="s">
        <v>19048</v>
      </c>
      <c r="H2292" s="8" t="s">
        <v>19060</v>
      </c>
      <c r="I2292" s="11">
        <v>30223</v>
      </c>
      <c r="J2292" s="11">
        <v>43617</v>
      </c>
      <c r="K2292" s="11">
        <v>45808</v>
      </c>
    </row>
    <row r="2293" spans="1:11" x14ac:dyDescent="0.4">
      <c r="A2293" s="8" t="s">
        <v>6225</v>
      </c>
      <c r="B2293" s="8" t="s">
        <v>405</v>
      </c>
      <c r="C2293" s="9" t="s">
        <v>19061</v>
      </c>
      <c r="D2293" s="9" t="s">
        <v>13613</v>
      </c>
      <c r="E2293" s="10"/>
      <c r="F2293" s="10" t="s">
        <v>19047</v>
      </c>
      <c r="G2293" s="8" t="s">
        <v>19048</v>
      </c>
      <c r="H2293" s="8" t="s">
        <v>19062</v>
      </c>
      <c r="I2293" s="11">
        <v>30223</v>
      </c>
      <c r="J2293" s="11">
        <v>43617</v>
      </c>
      <c r="K2293" s="11">
        <v>45808</v>
      </c>
    </row>
    <row r="2294" spans="1:11" x14ac:dyDescent="0.4">
      <c r="A2294" s="8" t="s">
        <v>6225</v>
      </c>
      <c r="B2294" s="8" t="s">
        <v>405</v>
      </c>
      <c r="C2294" s="9" t="s">
        <v>19063</v>
      </c>
      <c r="D2294" s="9" t="s">
        <v>13613</v>
      </c>
      <c r="E2294" s="10"/>
      <c r="F2294" s="10" t="s">
        <v>19047</v>
      </c>
      <c r="G2294" s="8" t="s">
        <v>19048</v>
      </c>
      <c r="H2294" s="8" t="s">
        <v>19064</v>
      </c>
      <c r="I2294" s="11">
        <v>30223</v>
      </c>
      <c r="J2294" s="11">
        <v>43617</v>
      </c>
      <c r="K2294" s="11">
        <v>45808</v>
      </c>
    </row>
    <row r="2295" spans="1:11" x14ac:dyDescent="0.4">
      <c r="A2295" s="8" t="s">
        <v>6225</v>
      </c>
      <c r="B2295" s="8" t="s">
        <v>405</v>
      </c>
      <c r="C2295" s="9" t="s">
        <v>19065</v>
      </c>
      <c r="D2295" s="9" t="s">
        <v>13613</v>
      </c>
      <c r="E2295" s="10"/>
      <c r="F2295" s="10" t="s">
        <v>19047</v>
      </c>
      <c r="G2295" s="8" t="s">
        <v>19048</v>
      </c>
      <c r="H2295" s="8" t="s">
        <v>19066</v>
      </c>
      <c r="I2295" s="11">
        <v>30223</v>
      </c>
      <c r="J2295" s="11">
        <v>43617</v>
      </c>
      <c r="K2295" s="11">
        <v>45808</v>
      </c>
    </row>
    <row r="2296" spans="1:11" x14ac:dyDescent="0.4">
      <c r="A2296" s="8" t="s">
        <v>6225</v>
      </c>
      <c r="B2296" s="8" t="s">
        <v>405</v>
      </c>
      <c r="C2296" s="9" t="s">
        <v>19067</v>
      </c>
      <c r="D2296" s="9" t="s">
        <v>19068</v>
      </c>
      <c r="E2296" s="10" t="s">
        <v>19069</v>
      </c>
      <c r="F2296" s="10" t="s">
        <v>19070</v>
      </c>
      <c r="G2296" s="8" t="s">
        <v>19071</v>
      </c>
      <c r="H2296" s="8" t="s">
        <v>19072</v>
      </c>
      <c r="I2296" s="11">
        <v>30970</v>
      </c>
      <c r="J2296" s="11">
        <v>43617</v>
      </c>
      <c r="K2296" s="11">
        <v>45808</v>
      </c>
    </row>
    <row r="2297" spans="1:11" x14ac:dyDescent="0.4">
      <c r="A2297" s="8" t="s">
        <v>6225</v>
      </c>
      <c r="B2297" s="8" t="s">
        <v>405</v>
      </c>
      <c r="C2297" s="9" t="s">
        <v>19073</v>
      </c>
      <c r="D2297" s="9" t="s">
        <v>13613</v>
      </c>
      <c r="E2297" s="10" t="s">
        <v>19074</v>
      </c>
      <c r="F2297" s="10" t="s">
        <v>19047</v>
      </c>
      <c r="G2297" s="8" t="s">
        <v>19048</v>
      </c>
      <c r="H2297" s="8" t="s">
        <v>19075</v>
      </c>
      <c r="I2297" s="11">
        <v>35563</v>
      </c>
      <c r="J2297" s="11">
        <v>43617</v>
      </c>
      <c r="K2297" s="11">
        <v>45808</v>
      </c>
    </row>
    <row r="2298" spans="1:11" x14ac:dyDescent="0.4">
      <c r="A2298" s="8" t="s">
        <v>6225</v>
      </c>
      <c r="B2298" s="8"/>
      <c r="C2298" s="9" t="s">
        <v>19076</v>
      </c>
      <c r="D2298" s="9" t="s">
        <v>19077</v>
      </c>
      <c r="E2298" s="10"/>
      <c r="F2298" s="10"/>
      <c r="G2298" s="8"/>
      <c r="H2298" s="8" t="s">
        <v>19078</v>
      </c>
      <c r="I2298" s="11">
        <v>36341</v>
      </c>
      <c r="J2298" s="11">
        <v>43770</v>
      </c>
      <c r="K2298" s="11">
        <v>45596</v>
      </c>
    </row>
    <row r="2299" spans="1:11" x14ac:dyDescent="0.4">
      <c r="A2299" s="8" t="s">
        <v>6225</v>
      </c>
      <c r="B2299" s="8" t="s">
        <v>405</v>
      </c>
      <c r="C2299" s="9" t="s">
        <v>19079</v>
      </c>
      <c r="D2299" s="9" t="s">
        <v>19080</v>
      </c>
      <c r="E2299" s="10" t="s">
        <v>19081</v>
      </c>
      <c r="F2299" s="10" t="s">
        <v>19047</v>
      </c>
      <c r="G2299" s="8" t="s">
        <v>19048</v>
      </c>
      <c r="H2299" s="8" t="s">
        <v>19082</v>
      </c>
      <c r="I2299" s="11">
        <v>36742</v>
      </c>
      <c r="J2299" s="11">
        <v>43617</v>
      </c>
      <c r="K2299" s="11">
        <v>45808</v>
      </c>
    </row>
    <row r="2300" spans="1:11" x14ac:dyDescent="0.4">
      <c r="A2300" s="8" t="s">
        <v>6225</v>
      </c>
      <c r="B2300" s="8" t="s">
        <v>405</v>
      </c>
      <c r="C2300" s="9" t="s">
        <v>19083</v>
      </c>
      <c r="D2300" s="9" t="s">
        <v>19084</v>
      </c>
      <c r="E2300" s="10"/>
      <c r="F2300" s="10" t="s">
        <v>19047</v>
      </c>
      <c r="G2300" s="8" t="s">
        <v>19048</v>
      </c>
      <c r="H2300" s="8" t="s">
        <v>19085</v>
      </c>
      <c r="I2300" s="11">
        <v>36914</v>
      </c>
      <c r="J2300" s="11">
        <v>43617</v>
      </c>
      <c r="K2300" s="11">
        <v>45808</v>
      </c>
    </row>
    <row r="2301" spans="1:11" x14ac:dyDescent="0.4">
      <c r="A2301" s="8" t="s">
        <v>6225</v>
      </c>
      <c r="B2301" s="8"/>
      <c r="C2301" s="9" t="s">
        <v>18579</v>
      </c>
      <c r="D2301" s="9" t="s">
        <v>18580</v>
      </c>
      <c r="E2301" s="10"/>
      <c r="F2301" s="10"/>
      <c r="G2301" s="8"/>
      <c r="H2301" s="8" t="s">
        <v>19086</v>
      </c>
      <c r="I2301" s="11">
        <v>37335</v>
      </c>
      <c r="J2301" s="11">
        <v>44013</v>
      </c>
      <c r="K2301" s="11">
        <v>46203</v>
      </c>
    </row>
    <row r="2302" spans="1:11" x14ac:dyDescent="0.4">
      <c r="A2302" s="8" t="s">
        <v>6225</v>
      </c>
      <c r="B2302" s="8"/>
      <c r="C2302" s="9" t="s">
        <v>19087</v>
      </c>
      <c r="D2302" s="9" t="s">
        <v>19088</v>
      </c>
      <c r="E2302" s="10"/>
      <c r="F2302" s="10"/>
      <c r="G2302" s="8"/>
      <c r="H2302" s="8" t="s">
        <v>19089</v>
      </c>
      <c r="I2302" s="11">
        <v>37574</v>
      </c>
      <c r="J2302" s="11">
        <v>43556</v>
      </c>
      <c r="K2302" s="11">
        <v>45747</v>
      </c>
    </row>
    <row r="2303" spans="1:11" x14ac:dyDescent="0.4">
      <c r="A2303" s="8" t="s">
        <v>6225</v>
      </c>
      <c r="B2303" s="8"/>
      <c r="C2303" s="9" t="s">
        <v>19090</v>
      </c>
      <c r="D2303" s="9" t="s">
        <v>19091</v>
      </c>
      <c r="E2303" s="10"/>
      <c r="F2303" s="10"/>
      <c r="G2303" s="8"/>
      <c r="H2303" s="8" t="s">
        <v>19092</v>
      </c>
      <c r="I2303" s="11">
        <v>38141</v>
      </c>
      <c r="J2303" s="11">
        <v>43800</v>
      </c>
      <c r="K2303" s="11">
        <v>45626</v>
      </c>
    </row>
    <row r="2304" spans="1:11" x14ac:dyDescent="0.4">
      <c r="A2304" s="8" t="s">
        <v>6225</v>
      </c>
      <c r="B2304" s="8"/>
      <c r="C2304" s="9" t="s">
        <v>11398</v>
      </c>
      <c r="D2304" s="9" t="s">
        <v>19093</v>
      </c>
      <c r="E2304" s="10"/>
      <c r="F2304" s="10" t="s">
        <v>11400</v>
      </c>
      <c r="G2304" s="8" t="s">
        <v>11401</v>
      </c>
      <c r="H2304" s="8" t="s">
        <v>19094</v>
      </c>
      <c r="I2304" s="11">
        <v>38259</v>
      </c>
      <c r="J2304" s="11">
        <v>44287</v>
      </c>
      <c r="K2304" s="11">
        <v>46112</v>
      </c>
    </row>
    <row r="2305" spans="1:11" x14ac:dyDescent="0.4">
      <c r="A2305" s="8" t="s">
        <v>6225</v>
      </c>
      <c r="B2305" s="8" t="s">
        <v>405</v>
      </c>
      <c r="C2305" s="9" t="s">
        <v>19095</v>
      </c>
      <c r="D2305" s="9" t="s">
        <v>19096</v>
      </c>
      <c r="E2305" s="10" t="s">
        <v>19097</v>
      </c>
      <c r="F2305" s="10" t="s">
        <v>19047</v>
      </c>
      <c r="G2305" s="8" t="s">
        <v>19048</v>
      </c>
      <c r="H2305" s="8" t="s">
        <v>19098</v>
      </c>
      <c r="I2305" s="11">
        <v>35309</v>
      </c>
      <c r="J2305" s="11">
        <v>43617</v>
      </c>
      <c r="K2305" s="11">
        <v>45808</v>
      </c>
    </row>
    <row r="2306" spans="1:11" x14ac:dyDescent="0.4">
      <c r="A2306" s="8" t="s">
        <v>6225</v>
      </c>
      <c r="B2306" s="8" t="s">
        <v>405</v>
      </c>
      <c r="C2306" s="9" t="s">
        <v>19099</v>
      </c>
      <c r="D2306" s="9" t="s">
        <v>19100</v>
      </c>
      <c r="E2306" s="10" t="s">
        <v>19101</v>
      </c>
      <c r="F2306" s="10" t="s">
        <v>19047</v>
      </c>
      <c r="G2306" s="8" t="s">
        <v>19048</v>
      </c>
      <c r="H2306" s="8" t="s">
        <v>19102</v>
      </c>
      <c r="I2306" s="11">
        <v>35306</v>
      </c>
      <c r="J2306" s="11">
        <v>43617</v>
      </c>
      <c r="K2306" s="11">
        <v>45808</v>
      </c>
    </row>
    <row r="2307" spans="1:11" x14ac:dyDescent="0.4">
      <c r="A2307" s="8" t="s">
        <v>6225</v>
      </c>
      <c r="B2307" s="8"/>
      <c r="C2307" s="9" t="s">
        <v>18620</v>
      </c>
      <c r="D2307" s="9" t="s">
        <v>11619</v>
      </c>
      <c r="E2307" s="10"/>
      <c r="F2307" s="10" t="s">
        <v>11620</v>
      </c>
      <c r="G2307" s="8" t="s">
        <v>11621</v>
      </c>
      <c r="H2307" s="8" t="s">
        <v>19103</v>
      </c>
      <c r="I2307" s="11">
        <v>38660</v>
      </c>
      <c r="J2307" s="11">
        <v>43405</v>
      </c>
      <c r="K2307" s="11">
        <v>45596</v>
      </c>
    </row>
    <row r="2308" spans="1:11" x14ac:dyDescent="0.4">
      <c r="A2308" s="8" t="s">
        <v>6225</v>
      </c>
      <c r="B2308" s="8" t="s">
        <v>405</v>
      </c>
      <c r="C2308" s="9" t="s">
        <v>19104</v>
      </c>
      <c r="D2308" s="9" t="s">
        <v>13951</v>
      </c>
      <c r="E2308" s="10" t="s">
        <v>19105</v>
      </c>
      <c r="F2308" s="10" t="s">
        <v>19106</v>
      </c>
      <c r="G2308" s="8" t="s">
        <v>19107</v>
      </c>
      <c r="H2308" s="8" t="s">
        <v>19108</v>
      </c>
      <c r="I2308" s="11">
        <v>39016</v>
      </c>
      <c r="J2308" s="11">
        <v>43617</v>
      </c>
      <c r="K2308" s="11">
        <v>45808</v>
      </c>
    </row>
    <row r="2309" spans="1:11" x14ac:dyDescent="0.4">
      <c r="A2309" s="8" t="s">
        <v>6225</v>
      </c>
      <c r="B2309" s="8" t="s">
        <v>405</v>
      </c>
      <c r="C2309" s="9" t="s">
        <v>13410</v>
      </c>
      <c r="D2309" s="9" t="s">
        <v>13411</v>
      </c>
      <c r="E2309" s="10"/>
      <c r="F2309" s="10" t="s">
        <v>19047</v>
      </c>
      <c r="G2309" s="8" t="s">
        <v>19048</v>
      </c>
      <c r="H2309" s="8" t="s">
        <v>19109</v>
      </c>
      <c r="I2309" s="11">
        <v>39034</v>
      </c>
      <c r="J2309" s="11">
        <v>43617</v>
      </c>
      <c r="K2309" s="11">
        <v>45808</v>
      </c>
    </row>
    <row r="2310" spans="1:11" x14ac:dyDescent="0.4">
      <c r="A2310" s="8" t="s">
        <v>6225</v>
      </c>
      <c r="B2310" s="8" t="s">
        <v>405</v>
      </c>
      <c r="C2310" s="9" t="s">
        <v>19110</v>
      </c>
      <c r="D2310" s="9" t="s">
        <v>19111</v>
      </c>
      <c r="E2310" s="10"/>
      <c r="F2310" s="10" t="s">
        <v>19106</v>
      </c>
      <c r="G2310" s="8" t="s">
        <v>19107</v>
      </c>
      <c r="H2310" s="8" t="s">
        <v>19112</v>
      </c>
      <c r="I2310" s="11">
        <v>39023</v>
      </c>
      <c r="J2310" s="11">
        <v>43617</v>
      </c>
      <c r="K2310" s="11">
        <v>45808</v>
      </c>
    </row>
    <row r="2311" spans="1:11" x14ac:dyDescent="0.4">
      <c r="A2311" s="8" t="s">
        <v>6225</v>
      </c>
      <c r="B2311" s="8" t="s">
        <v>405</v>
      </c>
      <c r="C2311" s="9" t="s">
        <v>19113</v>
      </c>
      <c r="D2311" s="9" t="s">
        <v>19114</v>
      </c>
      <c r="E2311" s="10"/>
      <c r="F2311" s="10" t="s">
        <v>19047</v>
      </c>
      <c r="G2311" s="8" t="s">
        <v>19048</v>
      </c>
      <c r="H2311" s="8" t="s">
        <v>19115</v>
      </c>
      <c r="I2311" s="11">
        <v>39217</v>
      </c>
      <c r="J2311" s="11">
        <v>43617</v>
      </c>
      <c r="K2311" s="11">
        <v>45808</v>
      </c>
    </row>
    <row r="2312" spans="1:11" x14ac:dyDescent="0.4">
      <c r="A2312" s="8" t="s">
        <v>6225</v>
      </c>
      <c r="B2312" s="8"/>
      <c r="C2312" s="9" t="s">
        <v>18630</v>
      </c>
      <c r="D2312" s="9" t="s">
        <v>13581</v>
      </c>
      <c r="E2312" s="10" t="s">
        <v>13582</v>
      </c>
      <c r="F2312" s="10" t="s">
        <v>1674</v>
      </c>
      <c r="G2312" s="8" t="s">
        <v>11514</v>
      </c>
      <c r="H2312" s="8" t="s">
        <v>19116</v>
      </c>
      <c r="I2312" s="11">
        <v>39345</v>
      </c>
      <c r="J2312" s="11">
        <v>43435</v>
      </c>
      <c r="K2312" s="11">
        <v>45626</v>
      </c>
    </row>
    <row r="2313" spans="1:11" x14ac:dyDescent="0.4">
      <c r="A2313" s="8" t="s">
        <v>6225</v>
      </c>
      <c r="B2313" s="8"/>
      <c r="C2313" s="9" t="s">
        <v>18636</v>
      </c>
      <c r="D2313" s="9" t="s">
        <v>18637</v>
      </c>
      <c r="E2313" s="10"/>
      <c r="F2313" s="10"/>
      <c r="G2313" s="8"/>
      <c r="H2313" s="8" t="s">
        <v>19117</v>
      </c>
      <c r="I2313" s="11">
        <v>39400</v>
      </c>
      <c r="J2313" s="11">
        <v>43922</v>
      </c>
      <c r="K2313" s="11">
        <v>46112</v>
      </c>
    </row>
    <row r="2314" spans="1:11" x14ac:dyDescent="0.4">
      <c r="A2314" s="8" t="s">
        <v>6225</v>
      </c>
      <c r="B2314" s="8"/>
      <c r="C2314" s="9" t="s">
        <v>18668</v>
      </c>
      <c r="D2314" s="9" t="s">
        <v>18669</v>
      </c>
      <c r="E2314" s="10"/>
      <c r="F2314" s="10"/>
      <c r="G2314" s="8"/>
      <c r="H2314" s="8" t="s">
        <v>19118</v>
      </c>
      <c r="I2314" s="11">
        <v>39897</v>
      </c>
      <c r="J2314" s="11">
        <v>43739</v>
      </c>
      <c r="K2314" s="11">
        <v>45565</v>
      </c>
    </row>
    <row r="2315" spans="1:11" x14ac:dyDescent="0.4">
      <c r="A2315" s="8" t="s">
        <v>6225</v>
      </c>
      <c r="B2315" s="8"/>
      <c r="C2315" s="9" t="s">
        <v>2150</v>
      </c>
      <c r="D2315" s="9" t="s">
        <v>18664</v>
      </c>
      <c r="E2315" s="10"/>
      <c r="F2315" s="10" t="s">
        <v>18665</v>
      </c>
      <c r="G2315" s="8" t="s">
        <v>18666</v>
      </c>
      <c r="H2315" s="8" t="s">
        <v>19119</v>
      </c>
      <c r="I2315" s="11">
        <v>40053</v>
      </c>
      <c r="J2315" s="11">
        <v>44105</v>
      </c>
      <c r="K2315" s="11">
        <v>46295</v>
      </c>
    </row>
    <row r="2316" spans="1:11" x14ac:dyDescent="0.4">
      <c r="A2316" s="8" t="s">
        <v>6225</v>
      </c>
      <c r="B2316" s="8" t="s">
        <v>405</v>
      </c>
      <c r="C2316" s="9" t="s">
        <v>19120</v>
      </c>
      <c r="D2316" s="9" t="s">
        <v>19121</v>
      </c>
      <c r="E2316" s="10"/>
      <c r="F2316" s="10" t="s">
        <v>19047</v>
      </c>
      <c r="G2316" s="8" t="s">
        <v>19048</v>
      </c>
      <c r="H2316" s="8" t="s">
        <v>19122</v>
      </c>
      <c r="I2316" s="11">
        <v>41157</v>
      </c>
      <c r="J2316" s="11">
        <v>43617</v>
      </c>
      <c r="K2316" s="11">
        <v>45808</v>
      </c>
    </row>
    <row r="2317" spans="1:11" x14ac:dyDescent="0.4">
      <c r="A2317" s="8" t="s">
        <v>6225</v>
      </c>
      <c r="B2317" s="8" t="s">
        <v>405</v>
      </c>
      <c r="C2317" s="9" t="s">
        <v>19123</v>
      </c>
      <c r="D2317" s="9" t="s">
        <v>19124</v>
      </c>
      <c r="E2317" s="10"/>
      <c r="F2317" s="10" t="s">
        <v>19106</v>
      </c>
      <c r="G2317" s="8" t="s">
        <v>19107</v>
      </c>
      <c r="H2317" s="8" t="s">
        <v>19125</v>
      </c>
      <c r="I2317" s="11">
        <v>41347</v>
      </c>
      <c r="J2317" s="11">
        <v>43617</v>
      </c>
      <c r="K2317" s="11">
        <v>45808</v>
      </c>
    </row>
    <row r="2318" spans="1:11" x14ac:dyDescent="0.4">
      <c r="A2318" s="8" t="s">
        <v>6225</v>
      </c>
      <c r="B2318" s="8"/>
      <c r="C2318" s="9" t="s">
        <v>19126</v>
      </c>
      <c r="D2318" s="9" t="s">
        <v>19127</v>
      </c>
      <c r="E2318" s="10"/>
      <c r="F2318" s="10" t="s">
        <v>8210</v>
      </c>
      <c r="G2318" s="8" t="s">
        <v>13828</v>
      </c>
      <c r="H2318" s="8" t="s">
        <v>19128</v>
      </c>
      <c r="I2318" s="11">
        <v>41368</v>
      </c>
      <c r="J2318" s="11">
        <v>43586</v>
      </c>
      <c r="K2318" s="11">
        <v>45777</v>
      </c>
    </row>
    <row r="2319" spans="1:11" x14ac:dyDescent="0.4">
      <c r="A2319" s="8" t="s">
        <v>6225</v>
      </c>
      <c r="B2319" s="8"/>
      <c r="C2319" s="9" t="s">
        <v>19129</v>
      </c>
      <c r="D2319" s="9" t="s">
        <v>19130</v>
      </c>
      <c r="E2319" s="10"/>
      <c r="F2319" s="10" t="s">
        <v>7543</v>
      </c>
      <c r="G2319" s="8" t="s">
        <v>19131</v>
      </c>
      <c r="H2319" s="8" t="s">
        <v>19132</v>
      </c>
      <c r="I2319" s="11">
        <v>41489</v>
      </c>
      <c r="J2319" s="11">
        <v>43922</v>
      </c>
      <c r="K2319" s="11">
        <v>46112</v>
      </c>
    </row>
    <row r="2320" spans="1:11" x14ac:dyDescent="0.4">
      <c r="A2320" s="8" t="s">
        <v>6225</v>
      </c>
      <c r="B2320" s="8"/>
      <c r="C2320" s="9" t="s">
        <v>18756</v>
      </c>
      <c r="D2320" s="9" t="s">
        <v>18757</v>
      </c>
      <c r="E2320" s="10"/>
      <c r="F2320" s="10"/>
      <c r="G2320" s="8"/>
      <c r="H2320" s="8" t="s">
        <v>19133</v>
      </c>
      <c r="I2320" s="11">
        <v>41647</v>
      </c>
      <c r="J2320" s="11">
        <v>44136</v>
      </c>
      <c r="K2320" s="11">
        <v>46326</v>
      </c>
    </row>
    <row r="2321" spans="1:11" x14ac:dyDescent="0.4">
      <c r="A2321" s="8" t="s">
        <v>6225</v>
      </c>
      <c r="B2321" s="8"/>
      <c r="C2321" s="9" t="s">
        <v>19134</v>
      </c>
      <c r="D2321" s="9" t="s">
        <v>19135</v>
      </c>
      <c r="E2321" s="10"/>
      <c r="F2321" s="10"/>
      <c r="G2321" s="8"/>
      <c r="H2321" s="8" t="s">
        <v>19136</v>
      </c>
      <c r="I2321" s="11">
        <v>41717</v>
      </c>
      <c r="J2321" s="11">
        <v>43922</v>
      </c>
      <c r="K2321" s="11">
        <v>46112</v>
      </c>
    </row>
    <row r="2322" spans="1:11" x14ac:dyDescent="0.4">
      <c r="A2322" s="8" t="s">
        <v>6225</v>
      </c>
      <c r="B2322" s="8"/>
      <c r="C2322" s="9" t="s">
        <v>18772</v>
      </c>
      <c r="D2322" s="9" t="s">
        <v>18773</v>
      </c>
      <c r="E2322" s="10" t="s">
        <v>18774</v>
      </c>
      <c r="F2322" s="10"/>
      <c r="G2322" s="8"/>
      <c r="H2322" s="8" t="s">
        <v>19137</v>
      </c>
      <c r="I2322" s="11">
        <v>41879</v>
      </c>
      <c r="J2322" s="11">
        <v>44105</v>
      </c>
      <c r="K2322" s="11">
        <v>46295</v>
      </c>
    </row>
    <row r="2323" spans="1:11" x14ac:dyDescent="0.4">
      <c r="A2323" s="8" t="s">
        <v>6225</v>
      </c>
      <c r="B2323" s="8"/>
      <c r="C2323" s="9" t="s">
        <v>19138</v>
      </c>
      <c r="D2323" s="9" t="s">
        <v>19139</v>
      </c>
      <c r="E2323" s="10"/>
      <c r="F2323" s="10" t="s">
        <v>19140</v>
      </c>
      <c r="G2323" s="8" t="s">
        <v>19141</v>
      </c>
      <c r="H2323" s="8" t="s">
        <v>19142</v>
      </c>
      <c r="I2323" s="11">
        <v>42068</v>
      </c>
      <c r="J2323" s="11">
        <v>43952</v>
      </c>
      <c r="K2323" s="11">
        <v>45777</v>
      </c>
    </row>
    <row r="2324" spans="1:11" x14ac:dyDescent="0.4">
      <c r="A2324" s="8" t="s">
        <v>6225</v>
      </c>
      <c r="B2324" s="8"/>
      <c r="C2324" s="9" t="s">
        <v>19143</v>
      </c>
      <c r="D2324" s="9" t="s">
        <v>19144</v>
      </c>
      <c r="E2324" s="10"/>
      <c r="F2324" s="10" t="s">
        <v>19145</v>
      </c>
      <c r="G2324" s="8" t="s">
        <v>19146</v>
      </c>
      <c r="H2324" s="8" t="s">
        <v>19147</v>
      </c>
      <c r="I2324" s="11">
        <v>42069</v>
      </c>
      <c r="J2324" s="11">
        <v>44287</v>
      </c>
      <c r="K2324" s="11">
        <v>46477</v>
      </c>
    </row>
    <row r="2325" spans="1:11" x14ac:dyDescent="0.4">
      <c r="A2325" s="8" t="s">
        <v>6225</v>
      </c>
      <c r="B2325" s="8"/>
      <c r="C2325" s="9" t="s">
        <v>19148</v>
      </c>
      <c r="D2325" s="9" t="s">
        <v>19149</v>
      </c>
      <c r="E2325" s="10"/>
      <c r="F2325" s="10"/>
      <c r="G2325" s="8"/>
      <c r="H2325" s="8" t="s">
        <v>19150</v>
      </c>
      <c r="I2325" s="11">
        <v>42292</v>
      </c>
      <c r="J2325" s="11">
        <v>44317</v>
      </c>
      <c r="K2325" s="11">
        <v>46142</v>
      </c>
    </row>
    <row r="2326" spans="1:11" x14ac:dyDescent="0.4">
      <c r="A2326" s="8" t="s">
        <v>6225</v>
      </c>
      <c r="B2326" s="8" t="s">
        <v>405</v>
      </c>
      <c r="C2326" s="9" t="s">
        <v>19151</v>
      </c>
      <c r="D2326" s="9" t="s">
        <v>19152</v>
      </c>
      <c r="E2326" s="10"/>
      <c r="F2326" s="10" t="s">
        <v>13765</v>
      </c>
      <c r="G2326" s="8" t="s">
        <v>13766</v>
      </c>
      <c r="H2326" s="8" t="s">
        <v>19153</v>
      </c>
      <c r="I2326" s="11">
        <v>43262</v>
      </c>
      <c r="J2326" s="11">
        <v>43262</v>
      </c>
      <c r="K2326" s="11">
        <v>45808</v>
      </c>
    </row>
    <row r="2327" spans="1:11" x14ac:dyDescent="0.4">
      <c r="A2327" s="8" t="s">
        <v>6225</v>
      </c>
      <c r="B2327" s="8" t="s">
        <v>405</v>
      </c>
      <c r="C2327" s="9" t="s">
        <v>19154</v>
      </c>
      <c r="D2327" s="9" t="s">
        <v>19155</v>
      </c>
      <c r="E2327" s="10"/>
      <c r="F2327" s="10" t="s">
        <v>19047</v>
      </c>
      <c r="G2327" s="8" t="s">
        <v>19048</v>
      </c>
      <c r="H2327" s="8" t="s">
        <v>19156</v>
      </c>
      <c r="I2327" s="11">
        <v>43263</v>
      </c>
      <c r="J2327" s="11">
        <v>43263</v>
      </c>
      <c r="K2327" s="11">
        <v>45808</v>
      </c>
    </row>
    <row r="2328" spans="1:11" x14ac:dyDescent="0.4">
      <c r="A2328" s="8" t="s">
        <v>6225</v>
      </c>
      <c r="B2328" s="8" t="s">
        <v>405</v>
      </c>
      <c r="C2328" s="9" t="s">
        <v>19157</v>
      </c>
      <c r="D2328" s="9" t="s">
        <v>19158</v>
      </c>
      <c r="E2328" s="10"/>
      <c r="F2328" s="10" t="s">
        <v>19159</v>
      </c>
      <c r="G2328" s="8" t="s">
        <v>19160</v>
      </c>
      <c r="H2328" s="8" t="s">
        <v>19161</v>
      </c>
      <c r="I2328" s="11">
        <v>43265</v>
      </c>
      <c r="J2328" s="11">
        <v>43265</v>
      </c>
      <c r="K2328" s="11">
        <v>45808</v>
      </c>
    </row>
    <row r="2329" spans="1:11" x14ac:dyDescent="0.4">
      <c r="A2329" s="8" t="s">
        <v>6225</v>
      </c>
      <c r="B2329" s="8" t="s">
        <v>405</v>
      </c>
      <c r="C2329" s="9" t="s">
        <v>19162</v>
      </c>
      <c r="D2329" s="9" t="s">
        <v>19163</v>
      </c>
      <c r="E2329" s="10" t="s">
        <v>19164</v>
      </c>
      <c r="F2329" s="10" t="s">
        <v>19165</v>
      </c>
      <c r="G2329" s="8" t="s">
        <v>19166</v>
      </c>
      <c r="H2329" s="8" t="s">
        <v>19167</v>
      </c>
      <c r="I2329" s="11">
        <v>43291</v>
      </c>
      <c r="J2329" s="11">
        <v>43291</v>
      </c>
      <c r="K2329" s="11">
        <v>45808</v>
      </c>
    </row>
    <row r="2330" spans="1:11" x14ac:dyDescent="0.4">
      <c r="A2330" s="8" t="s">
        <v>6225</v>
      </c>
      <c r="B2330" s="8" t="s">
        <v>405</v>
      </c>
      <c r="C2330" s="9" t="s">
        <v>19168</v>
      </c>
      <c r="D2330" s="9" t="s">
        <v>19169</v>
      </c>
      <c r="E2330" s="10"/>
      <c r="F2330" s="10" t="s">
        <v>19047</v>
      </c>
      <c r="G2330" s="8" t="s">
        <v>19170</v>
      </c>
      <c r="H2330" s="8" t="s">
        <v>19171</v>
      </c>
      <c r="I2330" s="11">
        <v>43318</v>
      </c>
      <c r="J2330" s="11">
        <v>43318</v>
      </c>
      <c r="K2330" s="11">
        <v>45808</v>
      </c>
    </row>
    <row r="2331" spans="1:11" x14ac:dyDescent="0.4">
      <c r="A2331" s="8" t="s">
        <v>6225</v>
      </c>
      <c r="B2331" s="8" t="s">
        <v>405</v>
      </c>
      <c r="C2331" s="9" t="s">
        <v>19172</v>
      </c>
      <c r="D2331" s="9" t="s">
        <v>19173</v>
      </c>
      <c r="E2331" s="10"/>
      <c r="F2331" s="10" t="s">
        <v>19047</v>
      </c>
      <c r="G2331" s="8" t="s">
        <v>19048</v>
      </c>
      <c r="H2331" s="8" t="s">
        <v>19174</v>
      </c>
      <c r="I2331" s="11">
        <v>43385</v>
      </c>
      <c r="J2331" s="11">
        <v>43385</v>
      </c>
      <c r="K2331" s="11">
        <v>45808</v>
      </c>
    </row>
    <row r="2332" spans="1:11" x14ac:dyDescent="0.4">
      <c r="A2332" s="8" t="s">
        <v>6225</v>
      </c>
      <c r="B2332" s="8" t="s">
        <v>405</v>
      </c>
      <c r="C2332" s="9" t="s">
        <v>19175</v>
      </c>
      <c r="D2332" s="9" t="s">
        <v>19176</v>
      </c>
      <c r="E2332" s="10"/>
      <c r="F2332" s="10" t="s">
        <v>19047</v>
      </c>
      <c r="G2332" s="8" t="s">
        <v>19048</v>
      </c>
      <c r="H2332" s="8" t="s">
        <v>19177</v>
      </c>
      <c r="I2332" s="11">
        <v>43412</v>
      </c>
      <c r="J2332" s="11">
        <v>43412</v>
      </c>
      <c r="K2332" s="11">
        <v>45808</v>
      </c>
    </row>
    <row r="2333" spans="1:11" x14ac:dyDescent="0.4">
      <c r="A2333" s="8" t="s">
        <v>6225</v>
      </c>
      <c r="B2333" s="8" t="s">
        <v>405</v>
      </c>
      <c r="C2333" s="9" t="s">
        <v>19178</v>
      </c>
      <c r="D2333" s="9" t="s">
        <v>19179</v>
      </c>
      <c r="E2333" s="10"/>
      <c r="F2333" s="10" t="s">
        <v>19047</v>
      </c>
      <c r="G2333" s="8" t="s">
        <v>19048</v>
      </c>
      <c r="H2333" s="8" t="s">
        <v>19180</v>
      </c>
      <c r="I2333" s="11">
        <v>43426</v>
      </c>
      <c r="J2333" s="11">
        <v>43426</v>
      </c>
      <c r="K2333" s="11">
        <v>45808</v>
      </c>
    </row>
    <row r="2334" spans="1:11" x14ac:dyDescent="0.4">
      <c r="A2334" s="8" t="s">
        <v>6225</v>
      </c>
      <c r="B2334" s="8" t="s">
        <v>405</v>
      </c>
      <c r="C2334" s="9" t="s">
        <v>19181</v>
      </c>
      <c r="D2334" s="9" t="s">
        <v>13364</v>
      </c>
      <c r="E2334" s="10" t="s">
        <v>4189</v>
      </c>
      <c r="F2334" s="10" t="s">
        <v>19182</v>
      </c>
      <c r="G2334" s="8" t="s">
        <v>13777</v>
      </c>
      <c r="H2334" s="8" t="s">
        <v>19183</v>
      </c>
      <c r="I2334" s="11">
        <v>43454</v>
      </c>
      <c r="J2334" s="11">
        <v>43454</v>
      </c>
      <c r="K2334" s="11">
        <v>45808</v>
      </c>
    </row>
    <row r="2335" spans="1:11" x14ac:dyDescent="0.4">
      <c r="A2335" s="8" t="s">
        <v>6225</v>
      </c>
      <c r="B2335" s="8" t="s">
        <v>405</v>
      </c>
      <c r="C2335" s="9" t="s">
        <v>19184</v>
      </c>
      <c r="D2335" s="9" t="s">
        <v>19185</v>
      </c>
      <c r="E2335" s="10"/>
      <c r="F2335" s="10" t="s">
        <v>19047</v>
      </c>
      <c r="G2335" s="8" t="s">
        <v>19048</v>
      </c>
      <c r="H2335" s="8" t="s">
        <v>19186</v>
      </c>
      <c r="I2335" s="11">
        <v>43504</v>
      </c>
      <c r="J2335" s="11">
        <v>43504</v>
      </c>
      <c r="K2335" s="11">
        <v>45808</v>
      </c>
    </row>
    <row r="2336" spans="1:11" x14ac:dyDescent="0.4">
      <c r="A2336" s="8" t="s">
        <v>6225</v>
      </c>
      <c r="B2336" s="8" t="s">
        <v>405</v>
      </c>
      <c r="C2336" s="9" t="s">
        <v>19187</v>
      </c>
      <c r="D2336" s="9" t="s">
        <v>19121</v>
      </c>
      <c r="E2336" s="10"/>
      <c r="F2336" s="10" t="s">
        <v>19047</v>
      </c>
      <c r="G2336" s="8" t="s">
        <v>19170</v>
      </c>
      <c r="H2336" s="8" t="s">
        <v>19188</v>
      </c>
      <c r="I2336" s="11">
        <v>43504</v>
      </c>
      <c r="J2336" s="11">
        <v>43504</v>
      </c>
      <c r="K2336" s="11">
        <v>45808</v>
      </c>
    </row>
    <row r="2337" spans="1:11" x14ac:dyDescent="0.4">
      <c r="A2337" s="8" t="s">
        <v>6225</v>
      </c>
      <c r="B2337" s="8"/>
      <c r="C2337" s="9" t="s">
        <v>19189</v>
      </c>
      <c r="D2337" s="9" t="s">
        <v>19190</v>
      </c>
      <c r="E2337" s="10"/>
      <c r="F2337" s="10" t="s">
        <v>10765</v>
      </c>
      <c r="G2337" s="8" t="s">
        <v>19191</v>
      </c>
      <c r="H2337" s="8" t="s">
        <v>19192</v>
      </c>
      <c r="I2337" s="11">
        <v>43519</v>
      </c>
      <c r="J2337" s="11">
        <v>43519</v>
      </c>
      <c r="K2337" s="11">
        <v>45777</v>
      </c>
    </row>
    <row r="2338" spans="1:11" x14ac:dyDescent="0.4">
      <c r="A2338" s="8" t="s">
        <v>6225</v>
      </c>
      <c r="B2338" s="8" t="s">
        <v>405</v>
      </c>
      <c r="C2338" s="9" t="s">
        <v>19193</v>
      </c>
      <c r="D2338" s="9" t="s">
        <v>19194</v>
      </c>
      <c r="E2338" s="10"/>
      <c r="F2338" s="10" t="s">
        <v>19047</v>
      </c>
      <c r="G2338" s="8" t="s">
        <v>19170</v>
      </c>
      <c r="H2338" s="8" t="s">
        <v>19195</v>
      </c>
      <c r="I2338" s="11">
        <v>43544</v>
      </c>
      <c r="J2338" s="11">
        <v>43544</v>
      </c>
      <c r="K2338" s="11">
        <v>45808</v>
      </c>
    </row>
    <row r="2339" spans="1:11" x14ac:dyDescent="0.4">
      <c r="A2339" s="8" t="s">
        <v>6225</v>
      </c>
      <c r="B2339" s="8" t="s">
        <v>405</v>
      </c>
      <c r="C2339" s="9" t="s">
        <v>19196</v>
      </c>
      <c r="D2339" s="9" t="s">
        <v>19197</v>
      </c>
      <c r="E2339" s="10"/>
      <c r="F2339" s="10" t="s">
        <v>19047</v>
      </c>
      <c r="G2339" s="8" t="s">
        <v>19170</v>
      </c>
      <c r="H2339" s="8" t="s">
        <v>19198</v>
      </c>
      <c r="I2339" s="11">
        <v>43566</v>
      </c>
      <c r="J2339" s="11">
        <v>43566</v>
      </c>
      <c r="K2339" s="11">
        <v>45808</v>
      </c>
    </row>
    <row r="2340" spans="1:11" x14ac:dyDescent="0.4">
      <c r="A2340" s="8" t="s">
        <v>6225</v>
      </c>
      <c r="B2340" s="8" t="s">
        <v>405</v>
      </c>
      <c r="C2340" s="9" t="s">
        <v>19199</v>
      </c>
      <c r="D2340" s="9" t="s">
        <v>19200</v>
      </c>
      <c r="E2340" s="10"/>
      <c r="F2340" s="10" t="s">
        <v>19201</v>
      </c>
      <c r="G2340" s="8" t="s">
        <v>19202</v>
      </c>
      <c r="H2340" s="8" t="s">
        <v>19203</v>
      </c>
      <c r="I2340" s="11">
        <v>43606</v>
      </c>
      <c r="J2340" s="11">
        <v>43606</v>
      </c>
      <c r="K2340" s="11">
        <v>45808</v>
      </c>
    </row>
    <row r="2341" spans="1:11" x14ac:dyDescent="0.4">
      <c r="A2341" s="8" t="s">
        <v>6225</v>
      </c>
      <c r="B2341" s="8" t="s">
        <v>1871</v>
      </c>
      <c r="C2341" s="9" t="s">
        <v>19204</v>
      </c>
      <c r="D2341" s="9"/>
      <c r="E2341" s="10" t="s">
        <v>1332</v>
      </c>
      <c r="F2341" s="10"/>
      <c r="G2341" s="8"/>
      <c r="H2341" s="8" t="s">
        <v>19205</v>
      </c>
      <c r="I2341" s="11">
        <v>43652</v>
      </c>
      <c r="J2341" s="11">
        <v>43652</v>
      </c>
      <c r="K2341" s="11">
        <v>45808</v>
      </c>
    </row>
    <row r="2342" spans="1:11" x14ac:dyDescent="0.4">
      <c r="A2342" s="8" t="s">
        <v>6225</v>
      </c>
      <c r="B2342" s="8" t="s">
        <v>1871</v>
      </c>
      <c r="C2342" s="9" t="s">
        <v>19206</v>
      </c>
      <c r="D2342" s="9" t="s">
        <v>1332</v>
      </c>
      <c r="E2342" s="10"/>
      <c r="F2342" s="10"/>
      <c r="G2342" s="8"/>
      <c r="H2342" s="8" t="s">
        <v>19207</v>
      </c>
      <c r="I2342" s="11">
        <v>43664</v>
      </c>
      <c r="J2342" s="11">
        <v>43664</v>
      </c>
      <c r="K2342" s="11">
        <v>45808</v>
      </c>
    </row>
    <row r="2343" spans="1:11" x14ac:dyDescent="0.4">
      <c r="A2343" s="8" t="s">
        <v>6225</v>
      </c>
      <c r="B2343" s="8" t="s">
        <v>405</v>
      </c>
      <c r="C2343" s="9" t="s">
        <v>19208</v>
      </c>
      <c r="D2343" s="9" t="s">
        <v>19209</v>
      </c>
      <c r="E2343" s="10"/>
      <c r="F2343" s="10" t="s">
        <v>19210</v>
      </c>
      <c r="G2343" s="8" t="s">
        <v>19211</v>
      </c>
      <c r="H2343" s="8" t="s">
        <v>19212</v>
      </c>
      <c r="I2343" s="11">
        <v>43671</v>
      </c>
      <c r="J2343" s="11">
        <v>43671</v>
      </c>
      <c r="K2343" s="11">
        <v>46173</v>
      </c>
    </row>
    <row r="2344" spans="1:11" x14ac:dyDescent="0.4">
      <c r="A2344" s="8" t="s">
        <v>6225</v>
      </c>
      <c r="B2344" s="8"/>
      <c r="C2344" s="9" t="s">
        <v>19213</v>
      </c>
      <c r="D2344" s="9" t="s">
        <v>19214</v>
      </c>
      <c r="E2344" s="10" t="s">
        <v>19215</v>
      </c>
      <c r="F2344" s="10" t="s">
        <v>17919</v>
      </c>
      <c r="G2344" s="8" t="s">
        <v>19216</v>
      </c>
      <c r="H2344" s="8" t="s">
        <v>19217</v>
      </c>
      <c r="I2344" s="11">
        <v>43680</v>
      </c>
      <c r="J2344" s="11">
        <v>43680</v>
      </c>
      <c r="K2344" s="11">
        <v>45961</v>
      </c>
    </row>
    <row r="2345" spans="1:11" x14ac:dyDescent="0.4">
      <c r="A2345" s="8" t="s">
        <v>6225</v>
      </c>
      <c r="B2345" s="8" t="s">
        <v>405</v>
      </c>
      <c r="C2345" s="9" t="s">
        <v>19218</v>
      </c>
      <c r="D2345" s="9" t="s">
        <v>13951</v>
      </c>
      <c r="E2345" s="10"/>
      <c r="F2345" s="10" t="s">
        <v>19047</v>
      </c>
      <c r="G2345" s="8" t="s">
        <v>19170</v>
      </c>
      <c r="H2345" s="8" t="s">
        <v>19219</v>
      </c>
      <c r="I2345" s="11">
        <v>43684</v>
      </c>
      <c r="J2345" s="11">
        <v>43684</v>
      </c>
      <c r="K2345" s="11">
        <v>46173</v>
      </c>
    </row>
    <row r="2346" spans="1:11" x14ac:dyDescent="0.4">
      <c r="A2346" s="8" t="s">
        <v>6225</v>
      </c>
      <c r="B2346" s="8"/>
      <c r="C2346" s="9" t="s">
        <v>19220</v>
      </c>
      <c r="D2346" s="9" t="s">
        <v>18907</v>
      </c>
      <c r="E2346" s="10"/>
      <c r="F2346" s="10" t="s">
        <v>10860</v>
      </c>
      <c r="G2346" s="8" t="s">
        <v>18908</v>
      </c>
      <c r="H2346" s="8" t="s">
        <v>19221</v>
      </c>
      <c r="I2346" s="11">
        <v>43739</v>
      </c>
      <c r="J2346" s="11">
        <v>43739</v>
      </c>
      <c r="K2346" s="11">
        <v>45930</v>
      </c>
    </row>
    <row r="2347" spans="1:11" x14ac:dyDescent="0.4">
      <c r="A2347" s="8" t="s">
        <v>6225</v>
      </c>
      <c r="B2347" s="8" t="s">
        <v>405</v>
      </c>
      <c r="C2347" s="9" t="s">
        <v>19222</v>
      </c>
      <c r="D2347" s="9" t="s">
        <v>19223</v>
      </c>
      <c r="E2347" s="10"/>
      <c r="F2347" s="10" t="s">
        <v>19047</v>
      </c>
      <c r="G2347" s="8" t="s">
        <v>19170</v>
      </c>
      <c r="H2347" s="8" t="s">
        <v>19224</v>
      </c>
      <c r="I2347" s="11">
        <v>43748</v>
      </c>
      <c r="J2347" s="11">
        <v>43748</v>
      </c>
      <c r="K2347" s="11">
        <v>46173</v>
      </c>
    </row>
    <row r="2348" spans="1:11" x14ac:dyDescent="0.4">
      <c r="A2348" s="8" t="s">
        <v>6225</v>
      </c>
      <c r="B2348" s="8"/>
      <c r="C2348" s="9" t="s">
        <v>19225</v>
      </c>
      <c r="D2348" s="9" t="s">
        <v>11437</v>
      </c>
      <c r="E2348" s="10" t="s">
        <v>13205</v>
      </c>
      <c r="F2348" s="10" t="s">
        <v>19226</v>
      </c>
      <c r="G2348" s="8" t="s">
        <v>19227</v>
      </c>
      <c r="H2348" s="8" t="s">
        <v>19228</v>
      </c>
      <c r="I2348" s="11">
        <v>43748</v>
      </c>
      <c r="J2348" s="11">
        <v>43748</v>
      </c>
      <c r="K2348" s="11">
        <v>46295</v>
      </c>
    </row>
    <row r="2349" spans="1:11" x14ac:dyDescent="0.4">
      <c r="A2349" s="8" t="s">
        <v>6225</v>
      </c>
      <c r="B2349" s="8"/>
      <c r="C2349" s="9" t="s">
        <v>19229</v>
      </c>
      <c r="D2349" s="9" t="s">
        <v>11437</v>
      </c>
      <c r="E2349" s="10" t="s">
        <v>16704</v>
      </c>
      <c r="F2349" s="10" t="s">
        <v>13214</v>
      </c>
      <c r="G2349" s="8" t="s">
        <v>13215</v>
      </c>
      <c r="H2349" s="8" t="s">
        <v>19230</v>
      </c>
      <c r="I2349" s="11">
        <v>43753</v>
      </c>
      <c r="J2349" s="11">
        <v>43753</v>
      </c>
      <c r="K2349" s="11">
        <v>46295</v>
      </c>
    </row>
    <row r="2350" spans="1:11" x14ac:dyDescent="0.4">
      <c r="A2350" s="8" t="s">
        <v>6225</v>
      </c>
      <c r="B2350" s="8"/>
      <c r="C2350" s="9" t="s">
        <v>4345</v>
      </c>
      <c r="D2350" s="9" t="s">
        <v>11437</v>
      </c>
      <c r="E2350" s="10" t="s">
        <v>11467</v>
      </c>
      <c r="F2350" s="10" t="s">
        <v>4343</v>
      </c>
      <c r="G2350" s="8" t="s">
        <v>19231</v>
      </c>
      <c r="H2350" s="8" t="s">
        <v>19232</v>
      </c>
      <c r="I2350" s="11">
        <v>43755</v>
      </c>
      <c r="J2350" s="11">
        <v>43755</v>
      </c>
      <c r="K2350" s="11">
        <v>46295</v>
      </c>
    </row>
    <row r="2351" spans="1:11" x14ac:dyDescent="0.4">
      <c r="A2351" s="8" t="s">
        <v>6225</v>
      </c>
      <c r="B2351" s="8" t="s">
        <v>1871</v>
      </c>
      <c r="C2351" s="9" t="s">
        <v>11471</v>
      </c>
      <c r="D2351" s="9" t="s">
        <v>1332</v>
      </c>
      <c r="E2351" s="10"/>
      <c r="F2351" s="10" t="s">
        <v>11472</v>
      </c>
      <c r="G2351" s="8" t="s">
        <v>11473</v>
      </c>
      <c r="H2351" s="8" t="s">
        <v>19233</v>
      </c>
      <c r="I2351" s="11">
        <v>43755</v>
      </c>
      <c r="J2351" s="11">
        <v>43755</v>
      </c>
      <c r="K2351" s="11">
        <v>45808</v>
      </c>
    </row>
    <row r="2352" spans="1:11" x14ac:dyDescent="0.4">
      <c r="A2352" s="8" t="s">
        <v>6225</v>
      </c>
      <c r="B2352" s="8"/>
      <c r="C2352" s="9" t="s">
        <v>19234</v>
      </c>
      <c r="D2352" s="9" t="s">
        <v>19235</v>
      </c>
      <c r="E2352" s="10" t="s">
        <v>11467</v>
      </c>
      <c r="F2352" s="10"/>
      <c r="G2352" s="8"/>
      <c r="H2352" s="8" t="s">
        <v>19236</v>
      </c>
      <c r="I2352" s="11">
        <v>43755</v>
      </c>
      <c r="J2352" s="11">
        <v>43755</v>
      </c>
      <c r="K2352" s="11">
        <v>46295</v>
      </c>
    </row>
    <row r="2353" spans="1:11" x14ac:dyDescent="0.4">
      <c r="A2353" s="8" t="s">
        <v>6225</v>
      </c>
      <c r="B2353" s="8" t="s">
        <v>405</v>
      </c>
      <c r="C2353" s="9" t="s">
        <v>19237</v>
      </c>
      <c r="D2353" s="9" t="s">
        <v>19238</v>
      </c>
      <c r="E2353" s="10"/>
      <c r="F2353" s="10" t="s">
        <v>19239</v>
      </c>
      <c r="G2353" s="8" t="s">
        <v>19240</v>
      </c>
      <c r="H2353" s="8" t="s">
        <v>19241</v>
      </c>
      <c r="I2353" s="11">
        <v>43803</v>
      </c>
      <c r="J2353" s="11">
        <v>43803</v>
      </c>
      <c r="K2353" s="11">
        <v>46173</v>
      </c>
    </row>
    <row r="2354" spans="1:11" x14ac:dyDescent="0.4">
      <c r="A2354" s="8" t="s">
        <v>6225</v>
      </c>
      <c r="B2354" s="8" t="s">
        <v>405</v>
      </c>
      <c r="C2354" s="9" t="s">
        <v>19242</v>
      </c>
      <c r="D2354" s="9" t="s">
        <v>19243</v>
      </c>
      <c r="E2354" s="10"/>
      <c r="F2354" s="10" t="s">
        <v>19244</v>
      </c>
      <c r="G2354" s="8" t="s">
        <v>19245</v>
      </c>
      <c r="H2354" s="8" t="s">
        <v>19246</v>
      </c>
      <c r="I2354" s="11">
        <v>43809</v>
      </c>
      <c r="J2354" s="11">
        <v>43809</v>
      </c>
      <c r="K2354" s="11">
        <v>46173</v>
      </c>
    </row>
    <row r="2355" spans="1:11" x14ac:dyDescent="0.4">
      <c r="A2355" s="8" t="s">
        <v>6225</v>
      </c>
      <c r="B2355" s="8" t="s">
        <v>405</v>
      </c>
      <c r="C2355" s="9" t="s">
        <v>19247</v>
      </c>
      <c r="D2355" s="9" t="s">
        <v>19248</v>
      </c>
      <c r="E2355" s="10"/>
      <c r="F2355" s="10" t="s">
        <v>19047</v>
      </c>
      <c r="G2355" s="8" t="s">
        <v>19249</v>
      </c>
      <c r="H2355" s="8" t="s">
        <v>19250</v>
      </c>
      <c r="I2355" s="11">
        <v>43824</v>
      </c>
      <c r="J2355" s="11">
        <v>43824</v>
      </c>
      <c r="K2355" s="11">
        <v>46173</v>
      </c>
    </row>
    <row r="2356" spans="1:11" x14ac:dyDescent="0.4">
      <c r="A2356" s="8" t="s">
        <v>6225</v>
      </c>
      <c r="B2356" s="8" t="s">
        <v>405</v>
      </c>
      <c r="C2356" s="9" t="s">
        <v>19251</v>
      </c>
      <c r="D2356" s="9" t="s">
        <v>19252</v>
      </c>
      <c r="E2356" s="10"/>
      <c r="F2356" s="10" t="s">
        <v>19047</v>
      </c>
      <c r="G2356" s="8" t="s">
        <v>19249</v>
      </c>
      <c r="H2356" s="8" t="s">
        <v>19253</v>
      </c>
      <c r="I2356" s="11">
        <v>43824</v>
      </c>
      <c r="J2356" s="11">
        <v>43824</v>
      </c>
      <c r="K2356" s="11">
        <v>46173</v>
      </c>
    </row>
    <row r="2357" spans="1:11" x14ac:dyDescent="0.4">
      <c r="A2357" s="8" t="s">
        <v>6225</v>
      </c>
      <c r="B2357" s="8" t="s">
        <v>405</v>
      </c>
      <c r="C2357" s="9" t="s">
        <v>19254</v>
      </c>
      <c r="D2357" s="9" t="s">
        <v>19255</v>
      </c>
      <c r="E2357" s="10"/>
      <c r="F2357" s="10" t="s">
        <v>19047</v>
      </c>
      <c r="G2357" s="8" t="s">
        <v>19170</v>
      </c>
      <c r="H2357" s="8" t="s">
        <v>19256</v>
      </c>
      <c r="I2357" s="11">
        <v>43844</v>
      </c>
      <c r="J2357" s="11">
        <v>43844</v>
      </c>
      <c r="K2357" s="11">
        <v>46173</v>
      </c>
    </row>
    <row r="2358" spans="1:11" x14ac:dyDescent="0.4">
      <c r="A2358" s="8" t="s">
        <v>6225</v>
      </c>
      <c r="B2358" s="8" t="s">
        <v>405</v>
      </c>
      <c r="C2358" s="9" t="s">
        <v>19257</v>
      </c>
      <c r="D2358" s="9" t="s">
        <v>19258</v>
      </c>
      <c r="E2358" s="10"/>
      <c r="F2358" s="10" t="s">
        <v>19047</v>
      </c>
      <c r="G2358" s="8" t="s">
        <v>19170</v>
      </c>
      <c r="H2358" s="8" t="s">
        <v>19259</v>
      </c>
      <c r="I2358" s="11">
        <v>43854</v>
      </c>
      <c r="J2358" s="11">
        <v>43854</v>
      </c>
      <c r="K2358" s="11">
        <v>46173</v>
      </c>
    </row>
    <row r="2359" spans="1:11" x14ac:dyDescent="0.4">
      <c r="A2359" s="8" t="s">
        <v>6225</v>
      </c>
      <c r="B2359" s="8"/>
      <c r="C2359" s="9" t="s">
        <v>9350</v>
      </c>
      <c r="D2359" s="9" t="s">
        <v>11475</v>
      </c>
      <c r="E2359" s="10" t="s">
        <v>11476</v>
      </c>
      <c r="F2359" s="10" t="s">
        <v>9347</v>
      </c>
      <c r="G2359" s="8" t="s">
        <v>11477</v>
      </c>
      <c r="H2359" s="8" t="s">
        <v>19260</v>
      </c>
      <c r="I2359" s="11">
        <v>43854</v>
      </c>
      <c r="J2359" s="11">
        <v>43854</v>
      </c>
      <c r="K2359" s="11">
        <v>46112</v>
      </c>
    </row>
    <row r="2360" spans="1:11" x14ac:dyDescent="0.4">
      <c r="A2360" s="8" t="s">
        <v>6225</v>
      </c>
      <c r="B2360" s="8" t="s">
        <v>405</v>
      </c>
      <c r="C2360" s="9" t="s">
        <v>19261</v>
      </c>
      <c r="D2360" s="9" t="s">
        <v>19262</v>
      </c>
      <c r="E2360" s="10"/>
      <c r="F2360" s="10" t="s">
        <v>19047</v>
      </c>
      <c r="G2360" s="8" t="s">
        <v>19249</v>
      </c>
      <c r="H2360" s="8" t="s">
        <v>19263</v>
      </c>
      <c r="I2360" s="11">
        <v>43865</v>
      </c>
      <c r="J2360" s="11">
        <v>43865</v>
      </c>
      <c r="K2360" s="11">
        <v>46173</v>
      </c>
    </row>
    <row r="2361" spans="1:11" x14ac:dyDescent="0.4">
      <c r="A2361" s="8" t="s">
        <v>6225</v>
      </c>
      <c r="B2361" s="8" t="s">
        <v>405</v>
      </c>
      <c r="C2361" s="9" t="s">
        <v>6729</v>
      </c>
      <c r="D2361" s="9" t="s">
        <v>19264</v>
      </c>
      <c r="E2361" s="10"/>
      <c r="F2361" s="10" t="s">
        <v>19047</v>
      </c>
      <c r="G2361" s="8" t="s">
        <v>19170</v>
      </c>
      <c r="H2361" s="8" t="s">
        <v>19265</v>
      </c>
      <c r="I2361" s="11">
        <v>43878</v>
      </c>
      <c r="J2361" s="11">
        <v>43878</v>
      </c>
      <c r="K2361" s="11">
        <v>46173</v>
      </c>
    </row>
    <row r="2362" spans="1:11" x14ac:dyDescent="0.4">
      <c r="A2362" s="8" t="s">
        <v>6225</v>
      </c>
      <c r="B2362" s="8"/>
      <c r="C2362" s="9" t="s">
        <v>19266</v>
      </c>
      <c r="D2362" s="9" t="s">
        <v>19267</v>
      </c>
      <c r="E2362" s="10" t="s">
        <v>19268</v>
      </c>
      <c r="F2362" s="10" t="s">
        <v>19269</v>
      </c>
      <c r="G2362" s="8" t="s">
        <v>19270</v>
      </c>
      <c r="H2362" s="8" t="s">
        <v>19271</v>
      </c>
      <c r="I2362" s="11">
        <v>43882</v>
      </c>
      <c r="J2362" s="11">
        <v>43882</v>
      </c>
      <c r="K2362" s="11">
        <v>46142</v>
      </c>
    </row>
    <row r="2363" spans="1:11" x14ac:dyDescent="0.4">
      <c r="A2363" s="8" t="s">
        <v>6225</v>
      </c>
      <c r="B2363" s="8" t="s">
        <v>405</v>
      </c>
      <c r="C2363" s="9" t="s">
        <v>19272</v>
      </c>
      <c r="D2363" s="9" t="s">
        <v>12818</v>
      </c>
      <c r="E2363" s="10"/>
      <c r="F2363" s="10" t="s">
        <v>19273</v>
      </c>
      <c r="G2363" s="8" t="s">
        <v>19274</v>
      </c>
      <c r="H2363" s="8" t="s">
        <v>19275</v>
      </c>
      <c r="I2363" s="11">
        <v>43889</v>
      </c>
      <c r="J2363" s="11">
        <v>43889</v>
      </c>
      <c r="K2363" s="11">
        <v>46173</v>
      </c>
    </row>
    <row r="2364" spans="1:11" x14ac:dyDescent="0.4">
      <c r="A2364" s="8" t="s">
        <v>6225</v>
      </c>
      <c r="B2364" s="8" t="s">
        <v>405</v>
      </c>
      <c r="C2364" s="9" t="s">
        <v>19276</v>
      </c>
      <c r="D2364" s="9" t="s">
        <v>19277</v>
      </c>
      <c r="E2364" s="10"/>
      <c r="F2364" s="10" t="s">
        <v>19244</v>
      </c>
      <c r="G2364" s="8" t="s">
        <v>19245</v>
      </c>
      <c r="H2364" s="8" t="s">
        <v>19278</v>
      </c>
      <c r="I2364" s="11">
        <v>43922</v>
      </c>
      <c r="J2364" s="11">
        <v>43922</v>
      </c>
      <c r="K2364" s="11">
        <v>46173</v>
      </c>
    </row>
    <row r="2365" spans="1:11" x14ac:dyDescent="0.4">
      <c r="A2365" s="8" t="s">
        <v>6225</v>
      </c>
      <c r="B2365" s="8" t="s">
        <v>405</v>
      </c>
      <c r="C2365" s="9" t="s">
        <v>19279</v>
      </c>
      <c r="D2365" s="9" t="s">
        <v>18543</v>
      </c>
      <c r="E2365" s="10"/>
      <c r="F2365" s="10" t="s">
        <v>19047</v>
      </c>
      <c r="G2365" s="8" t="s">
        <v>19048</v>
      </c>
      <c r="H2365" s="8" t="s">
        <v>19280</v>
      </c>
      <c r="I2365" s="11">
        <v>43911</v>
      </c>
      <c r="J2365" s="11">
        <v>43911</v>
      </c>
      <c r="K2365" s="11">
        <v>46173</v>
      </c>
    </row>
    <row r="2366" spans="1:11" x14ac:dyDescent="0.4">
      <c r="A2366" s="8" t="s">
        <v>6225</v>
      </c>
      <c r="B2366" s="8" t="s">
        <v>405</v>
      </c>
      <c r="C2366" s="9" t="s">
        <v>19281</v>
      </c>
      <c r="D2366" s="9" t="s">
        <v>19282</v>
      </c>
      <c r="E2366" s="10"/>
      <c r="F2366" s="10" t="s">
        <v>19047</v>
      </c>
      <c r="G2366" s="8" t="s">
        <v>19048</v>
      </c>
      <c r="H2366" s="8" t="s">
        <v>19283</v>
      </c>
      <c r="I2366" s="11">
        <v>43922</v>
      </c>
      <c r="J2366" s="11">
        <v>43922</v>
      </c>
      <c r="K2366" s="11">
        <v>46173</v>
      </c>
    </row>
    <row r="2367" spans="1:11" x14ac:dyDescent="0.4">
      <c r="A2367" s="8" t="s">
        <v>6225</v>
      </c>
      <c r="B2367" s="8" t="s">
        <v>405</v>
      </c>
      <c r="C2367" s="9" t="s">
        <v>19284</v>
      </c>
      <c r="D2367" s="9" t="s">
        <v>19285</v>
      </c>
      <c r="E2367" s="10"/>
      <c r="F2367" s="10" t="s">
        <v>19047</v>
      </c>
      <c r="G2367" s="8" t="s">
        <v>19170</v>
      </c>
      <c r="H2367" s="8" t="s">
        <v>19286</v>
      </c>
      <c r="I2367" s="11">
        <v>43916</v>
      </c>
      <c r="J2367" s="11">
        <v>43916</v>
      </c>
      <c r="K2367" s="11">
        <v>46173</v>
      </c>
    </row>
    <row r="2368" spans="1:11" x14ac:dyDescent="0.4">
      <c r="A2368" s="8" t="s">
        <v>6225</v>
      </c>
      <c r="B2368" s="8" t="s">
        <v>1871</v>
      </c>
      <c r="C2368" s="9" t="s">
        <v>19287</v>
      </c>
      <c r="D2368" s="9" t="s">
        <v>15365</v>
      </c>
      <c r="E2368" s="10"/>
      <c r="F2368" s="10" t="s">
        <v>16633</v>
      </c>
      <c r="G2368" s="8" t="s">
        <v>12124</v>
      </c>
      <c r="H2368" s="8" t="s">
        <v>19288</v>
      </c>
      <c r="I2368" s="11">
        <v>44001</v>
      </c>
      <c r="J2368" s="11">
        <v>44001</v>
      </c>
      <c r="K2368" s="11">
        <v>46173</v>
      </c>
    </row>
    <row r="2369" spans="1:11" x14ac:dyDescent="0.4">
      <c r="A2369" s="8" t="s">
        <v>6225</v>
      </c>
      <c r="B2369" s="8"/>
      <c r="C2369" s="9" t="s">
        <v>19289</v>
      </c>
      <c r="D2369" s="9" t="s">
        <v>19290</v>
      </c>
      <c r="E2369" s="10"/>
      <c r="F2369" s="10" t="s">
        <v>5387</v>
      </c>
      <c r="G2369" s="8" t="s">
        <v>19291</v>
      </c>
      <c r="H2369" s="8" t="s">
        <v>19292</v>
      </c>
      <c r="I2369" s="11">
        <v>44015</v>
      </c>
      <c r="J2369" s="11">
        <v>44015</v>
      </c>
      <c r="K2369" s="11">
        <v>46477</v>
      </c>
    </row>
    <row r="2370" spans="1:11" x14ac:dyDescent="0.4">
      <c r="A2370" s="8" t="s">
        <v>6225</v>
      </c>
      <c r="B2370" s="8"/>
      <c r="C2370" s="9" t="s">
        <v>19293</v>
      </c>
      <c r="D2370" s="9" t="s">
        <v>19294</v>
      </c>
      <c r="E2370" s="10"/>
      <c r="F2370" s="10" t="s">
        <v>19295</v>
      </c>
      <c r="G2370" s="8" t="s">
        <v>19296</v>
      </c>
      <c r="H2370" s="8" t="s">
        <v>19297</v>
      </c>
      <c r="I2370" s="11">
        <v>44022</v>
      </c>
      <c r="J2370" s="11">
        <v>44022</v>
      </c>
      <c r="K2370" s="11">
        <v>46112</v>
      </c>
    </row>
    <row r="2371" spans="1:11" x14ac:dyDescent="0.4">
      <c r="A2371" s="8" t="s">
        <v>6225</v>
      </c>
      <c r="B2371" s="8"/>
      <c r="C2371" s="9" t="s">
        <v>19298</v>
      </c>
      <c r="D2371" s="9" t="s">
        <v>18971</v>
      </c>
      <c r="E2371" s="10"/>
      <c r="F2371" s="10"/>
      <c r="G2371" s="8"/>
      <c r="H2371" s="8" t="s">
        <v>19299</v>
      </c>
      <c r="I2371" s="11">
        <v>44019</v>
      </c>
      <c r="J2371" s="11">
        <v>44019</v>
      </c>
      <c r="K2371" s="11">
        <v>46326</v>
      </c>
    </row>
    <row r="2372" spans="1:11" x14ac:dyDescent="0.4">
      <c r="A2372" s="8" t="s">
        <v>6225</v>
      </c>
      <c r="B2372" s="8"/>
      <c r="C2372" s="9" t="s">
        <v>19300</v>
      </c>
      <c r="D2372" s="9" t="s">
        <v>19301</v>
      </c>
      <c r="E2372" s="10"/>
      <c r="F2372" s="10" t="s">
        <v>19302</v>
      </c>
      <c r="G2372" s="8" t="s">
        <v>19303</v>
      </c>
      <c r="H2372" s="8" t="s">
        <v>19304</v>
      </c>
      <c r="I2372" s="11">
        <v>44026</v>
      </c>
      <c r="J2372" s="11">
        <v>44026</v>
      </c>
      <c r="K2372" s="11">
        <v>46507</v>
      </c>
    </row>
    <row r="2373" spans="1:11" x14ac:dyDescent="0.4">
      <c r="A2373" s="8" t="s">
        <v>6225</v>
      </c>
      <c r="B2373" s="8" t="s">
        <v>405</v>
      </c>
      <c r="C2373" s="9" t="s">
        <v>19305</v>
      </c>
      <c r="D2373" s="9" t="s">
        <v>19306</v>
      </c>
      <c r="E2373" s="10"/>
      <c r="F2373" s="10" t="s">
        <v>13765</v>
      </c>
      <c r="G2373" s="8" t="s">
        <v>13766</v>
      </c>
      <c r="H2373" s="8" t="s">
        <v>19307</v>
      </c>
      <c r="I2373" s="11">
        <v>44162</v>
      </c>
      <c r="J2373" s="11">
        <v>44162</v>
      </c>
      <c r="K2373" s="11">
        <v>46538</v>
      </c>
    </row>
    <row r="2374" spans="1:11" x14ac:dyDescent="0.4">
      <c r="A2374" s="8" t="s">
        <v>6225</v>
      </c>
      <c r="B2374" s="8"/>
      <c r="C2374" s="9" t="s">
        <v>19308</v>
      </c>
      <c r="D2374" s="9" t="s">
        <v>19309</v>
      </c>
      <c r="E2374" s="10"/>
      <c r="F2374" s="10"/>
      <c r="G2374" s="8"/>
      <c r="H2374" s="8" t="s">
        <v>19310</v>
      </c>
      <c r="I2374" s="11">
        <v>44266</v>
      </c>
      <c r="J2374" s="11">
        <v>44266</v>
      </c>
      <c r="K2374" s="11">
        <v>46660</v>
      </c>
    </row>
    <row r="2375" spans="1:11" x14ac:dyDescent="0.4">
      <c r="A2375" s="8" t="s">
        <v>6225</v>
      </c>
      <c r="B2375" s="8" t="s">
        <v>1871</v>
      </c>
      <c r="C2375" s="9" t="s">
        <v>19311</v>
      </c>
      <c r="D2375" s="9" t="s">
        <v>1332</v>
      </c>
      <c r="E2375" s="10"/>
      <c r="F2375" s="10"/>
      <c r="G2375" s="8"/>
      <c r="H2375" s="8" t="s">
        <v>19312</v>
      </c>
      <c r="I2375" s="11">
        <v>44278</v>
      </c>
      <c r="J2375" s="11">
        <v>44278</v>
      </c>
      <c r="K2375" s="11">
        <v>46173</v>
      </c>
    </row>
    <row r="2376" spans="1:11" x14ac:dyDescent="0.4">
      <c r="A2376" s="8" t="s">
        <v>6225</v>
      </c>
      <c r="B2376" s="8" t="s">
        <v>405</v>
      </c>
      <c r="C2376" s="9" t="s">
        <v>19313</v>
      </c>
      <c r="D2376" s="9" t="s">
        <v>19314</v>
      </c>
      <c r="E2376" s="10" t="s">
        <v>19315</v>
      </c>
      <c r="F2376" s="10" t="s">
        <v>19316</v>
      </c>
      <c r="G2376" s="8" t="s">
        <v>19317</v>
      </c>
      <c r="H2376" s="8" t="s">
        <v>19318</v>
      </c>
      <c r="I2376" s="11">
        <v>44308</v>
      </c>
      <c r="J2376" s="11">
        <v>44308</v>
      </c>
      <c r="K2376" s="11">
        <v>46538</v>
      </c>
    </row>
    <row r="2377" spans="1:11" x14ac:dyDescent="0.4">
      <c r="A2377" s="8" t="s">
        <v>6225</v>
      </c>
      <c r="B2377" s="8" t="s">
        <v>1871</v>
      </c>
      <c r="C2377" s="9" t="s">
        <v>19319</v>
      </c>
      <c r="D2377" s="9" t="s">
        <v>15365</v>
      </c>
      <c r="E2377" s="10"/>
      <c r="F2377" s="10"/>
      <c r="G2377" s="8"/>
      <c r="H2377" s="8" t="s">
        <v>19320</v>
      </c>
      <c r="I2377" s="11">
        <v>44309</v>
      </c>
      <c r="J2377" s="11">
        <v>44309</v>
      </c>
      <c r="K2377" s="11">
        <v>46173</v>
      </c>
    </row>
    <row r="2378" spans="1:11" x14ac:dyDescent="0.4">
      <c r="A2378" s="8" t="s">
        <v>6225</v>
      </c>
      <c r="B2378" s="8" t="s">
        <v>1871</v>
      </c>
      <c r="C2378" s="9" t="s">
        <v>19321</v>
      </c>
      <c r="D2378" s="9" t="s">
        <v>1332</v>
      </c>
      <c r="E2378" s="10"/>
      <c r="F2378" s="10"/>
      <c r="G2378" s="8"/>
      <c r="H2378" s="8" t="s">
        <v>19322</v>
      </c>
      <c r="I2378" s="11">
        <v>44347</v>
      </c>
      <c r="J2378" s="11">
        <v>44347</v>
      </c>
      <c r="K2378" s="11">
        <v>46173</v>
      </c>
    </row>
    <row r="2379" spans="1:11" x14ac:dyDescent="0.4">
      <c r="A2379" s="8" t="s">
        <v>19323</v>
      </c>
      <c r="B2379" s="8"/>
      <c r="C2379" s="9" t="s">
        <v>11823</v>
      </c>
      <c r="D2379" s="9" t="s">
        <v>11824</v>
      </c>
      <c r="E2379" s="10"/>
      <c r="F2379" s="10"/>
      <c r="G2379" s="8"/>
      <c r="H2379" s="8" t="s">
        <v>19324</v>
      </c>
      <c r="I2379" s="11">
        <v>34318</v>
      </c>
      <c r="J2379" s="11">
        <v>43739</v>
      </c>
      <c r="K2379" s="11">
        <v>45930</v>
      </c>
    </row>
    <row r="2380" spans="1:11" x14ac:dyDescent="0.4">
      <c r="A2380" s="8" t="s">
        <v>19323</v>
      </c>
      <c r="B2380" s="8"/>
      <c r="C2380" s="9" t="s">
        <v>8703</v>
      </c>
      <c r="D2380" s="9" t="s">
        <v>19325</v>
      </c>
      <c r="E2380" s="10"/>
      <c r="F2380" s="10" t="s">
        <v>8703</v>
      </c>
      <c r="G2380" s="8" t="s">
        <v>19326</v>
      </c>
      <c r="H2380" s="8" t="s">
        <v>19327</v>
      </c>
      <c r="I2380" s="11">
        <v>32738</v>
      </c>
      <c r="J2380" s="11">
        <v>43586</v>
      </c>
      <c r="K2380" s="11">
        <v>45777</v>
      </c>
    </row>
    <row r="2381" spans="1:11" x14ac:dyDescent="0.4">
      <c r="A2381" s="8" t="s">
        <v>19323</v>
      </c>
      <c r="B2381" s="8"/>
      <c r="C2381" s="9" t="s">
        <v>19328</v>
      </c>
      <c r="D2381" s="9" t="s">
        <v>19329</v>
      </c>
      <c r="E2381" s="10"/>
      <c r="F2381" s="10" t="s">
        <v>19330</v>
      </c>
      <c r="G2381" s="8" t="s">
        <v>19329</v>
      </c>
      <c r="H2381" s="8" t="s">
        <v>19331</v>
      </c>
      <c r="I2381" s="11">
        <v>31353</v>
      </c>
      <c r="J2381" s="11">
        <v>44317</v>
      </c>
      <c r="K2381" s="11">
        <v>46507</v>
      </c>
    </row>
    <row r="2382" spans="1:11" x14ac:dyDescent="0.4">
      <c r="A2382" s="8" t="s">
        <v>19323</v>
      </c>
      <c r="B2382" s="8"/>
      <c r="C2382" s="9" t="s">
        <v>11856</v>
      </c>
      <c r="D2382" s="9" t="s">
        <v>11857</v>
      </c>
      <c r="E2382" s="10"/>
      <c r="F2382" s="10"/>
      <c r="G2382" s="8"/>
      <c r="H2382" s="8" t="s">
        <v>19332</v>
      </c>
      <c r="I2382" s="11">
        <v>27095</v>
      </c>
      <c r="J2382" s="11">
        <v>43647</v>
      </c>
      <c r="K2382" s="11">
        <v>45838</v>
      </c>
    </row>
    <row r="2383" spans="1:11" x14ac:dyDescent="0.4">
      <c r="A2383" s="8" t="s">
        <v>19323</v>
      </c>
      <c r="B2383" s="8"/>
      <c r="C2383" s="9" t="s">
        <v>12353</v>
      </c>
      <c r="D2383" s="9" t="s">
        <v>12354</v>
      </c>
      <c r="E2383" s="10"/>
      <c r="F2383" s="10"/>
      <c r="G2383" s="8"/>
      <c r="H2383" s="8" t="s">
        <v>19333</v>
      </c>
      <c r="I2383" s="11">
        <v>33085</v>
      </c>
      <c r="J2383" s="11">
        <v>43770</v>
      </c>
      <c r="K2383" s="11">
        <v>45596</v>
      </c>
    </row>
    <row r="2384" spans="1:11" x14ac:dyDescent="0.4">
      <c r="A2384" s="8" t="s">
        <v>19323</v>
      </c>
      <c r="B2384" s="8"/>
      <c r="C2384" s="9" t="s">
        <v>19334</v>
      </c>
      <c r="D2384" s="9" t="s">
        <v>19335</v>
      </c>
      <c r="E2384" s="10"/>
      <c r="F2384" s="10"/>
      <c r="G2384" s="8"/>
      <c r="H2384" s="8" t="s">
        <v>19336</v>
      </c>
      <c r="I2384" s="11">
        <v>33156</v>
      </c>
      <c r="J2384" s="11">
        <v>43647</v>
      </c>
      <c r="K2384" s="11">
        <v>45473</v>
      </c>
    </row>
    <row r="2385" spans="1:11" x14ac:dyDescent="0.4">
      <c r="A2385" s="8" t="s">
        <v>19323</v>
      </c>
      <c r="B2385" s="8"/>
      <c r="C2385" s="9" t="s">
        <v>11301</v>
      </c>
      <c r="D2385" s="9" t="s">
        <v>19337</v>
      </c>
      <c r="E2385" s="10"/>
      <c r="F2385" s="10"/>
      <c r="G2385" s="8"/>
      <c r="H2385" s="8" t="s">
        <v>19338</v>
      </c>
      <c r="I2385" s="11">
        <v>31695</v>
      </c>
      <c r="J2385" s="11">
        <v>43647</v>
      </c>
      <c r="K2385" s="11">
        <v>45473</v>
      </c>
    </row>
    <row r="2386" spans="1:11" x14ac:dyDescent="0.4">
      <c r="A2386" s="8" t="s">
        <v>19323</v>
      </c>
      <c r="B2386" s="8"/>
      <c r="C2386" s="9" t="s">
        <v>19339</v>
      </c>
      <c r="D2386" s="9" t="s">
        <v>19340</v>
      </c>
      <c r="E2386" s="10"/>
      <c r="F2386" s="10" t="s">
        <v>19341</v>
      </c>
      <c r="G2386" s="8" t="s">
        <v>19340</v>
      </c>
      <c r="H2386" s="8" t="s">
        <v>19342</v>
      </c>
      <c r="I2386" s="11">
        <v>33193</v>
      </c>
      <c r="J2386" s="11">
        <v>43922</v>
      </c>
      <c r="K2386" s="11">
        <v>46112</v>
      </c>
    </row>
    <row r="2387" spans="1:11" x14ac:dyDescent="0.4">
      <c r="A2387" s="8" t="s">
        <v>19323</v>
      </c>
      <c r="B2387" s="8"/>
      <c r="C2387" s="9" t="s">
        <v>11972</v>
      </c>
      <c r="D2387" s="9" t="s">
        <v>11973</v>
      </c>
      <c r="E2387" s="10"/>
      <c r="F2387" s="10"/>
      <c r="G2387" s="8"/>
      <c r="H2387" s="8" t="s">
        <v>19343</v>
      </c>
      <c r="I2387" s="11">
        <v>30411</v>
      </c>
      <c r="J2387" s="11">
        <v>43647</v>
      </c>
      <c r="K2387" s="11">
        <v>45473</v>
      </c>
    </row>
    <row r="2388" spans="1:11" x14ac:dyDescent="0.4">
      <c r="A2388" s="8" t="s">
        <v>19323</v>
      </c>
      <c r="B2388" s="8"/>
      <c r="C2388" s="9" t="s">
        <v>19344</v>
      </c>
      <c r="D2388" s="9" t="s">
        <v>18725</v>
      </c>
      <c r="E2388" s="10"/>
      <c r="F2388" s="10" t="s">
        <v>19345</v>
      </c>
      <c r="G2388" s="8" t="s">
        <v>18725</v>
      </c>
      <c r="H2388" s="8" t="s">
        <v>19346</v>
      </c>
      <c r="I2388" s="11">
        <v>30536</v>
      </c>
      <c r="J2388" s="11">
        <v>44287</v>
      </c>
      <c r="K2388" s="11">
        <v>46112</v>
      </c>
    </row>
    <row r="2389" spans="1:11" x14ac:dyDescent="0.4">
      <c r="A2389" s="8" t="s">
        <v>19323</v>
      </c>
      <c r="B2389" s="8"/>
      <c r="C2389" s="9" t="s">
        <v>19347</v>
      </c>
      <c r="D2389" s="9" t="s">
        <v>19348</v>
      </c>
      <c r="E2389" s="10"/>
      <c r="F2389" s="10" t="s">
        <v>19349</v>
      </c>
      <c r="G2389" s="8" t="s">
        <v>19350</v>
      </c>
      <c r="H2389" s="8" t="s">
        <v>19351</v>
      </c>
      <c r="I2389" s="11">
        <v>33500</v>
      </c>
      <c r="J2389" s="11">
        <v>43556</v>
      </c>
      <c r="K2389" s="11">
        <v>46112</v>
      </c>
    </row>
    <row r="2390" spans="1:11" x14ac:dyDescent="0.4">
      <c r="A2390" s="8" t="s">
        <v>19323</v>
      </c>
      <c r="B2390" s="8"/>
      <c r="C2390" s="9" t="s">
        <v>12061</v>
      </c>
      <c r="D2390" s="9" t="s">
        <v>12062</v>
      </c>
      <c r="E2390" s="10"/>
      <c r="F2390" s="10"/>
      <c r="G2390" s="8"/>
      <c r="H2390" s="8" t="s">
        <v>19352</v>
      </c>
      <c r="I2390" s="11">
        <v>27677</v>
      </c>
      <c r="J2390" s="11">
        <v>44287</v>
      </c>
      <c r="K2390" s="11">
        <v>46477</v>
      </c>
    </row>
    <row r="2391" spans="1:11" x14ac:dyDescent="0.4">
      <c r="A2391" s="8" t="s">
        <v>19323</v>
      </c>
      <c r="B2391" s="8"/>
      <c r="C2391" s="9" t="s">
        <v>12086</v>
      </c>
      <c r="D2391" s="9" t="s">
        <v>12087</v>
      </c>
      <c r="E2391" s="10"/>
      <c r="F2391" s="10"/>
      <c r="G2391" s="8"/>
      <c r="H2391" s="8" t="s">
        <v>19353</v>
      </c>
      <c r="I2391" s="11">
        <v>33556</v>
      </c>
      <c r="J2391" s="11">
        <v>44105</v>
      </c>
      <c r="K2391" s="11">
        <v>45930</v>
      </c>
    </row>
    <row r="2392" spans="1:11" x14ac:dyDescent="0.4">
      <c r="A2392" s="8" t="s">
        <v>19323</v>
      </c>
      <c r="B2392" s="8"/>
      <c r="C2392" s="9" t="s">
        <v>11189</v>
      </c>
      <c r="D2392" s="9" t="s">
        <v>19354</v>
      </c>
      <c r="E2392" s="10"/>
      <c r="F2392" s="10"/>
      <c r="G2392" s="8"/>
      <c r="H2392" s="8" t="s">
        <v>19355</v>
      </c>
      <c r="I2392" s="11">
        <v>33582</v>
      </c>
      <c r="J2392" s="11">
        <v>43922</v>
      </c>
      <c r="K2392" s="11">
        <v>45747</v>
      </c>
    </row>
    <row r="2393" spans="1:11" x14ac:dyDescent="0.4">
      <c r="A2393" s="8" t="s">
        <v>19323</v>
      </c>
      <c r="B2393" s="8"/>
      <c r="C2393" s="9" t="s">
        <v>12149</v>
      </c>
      <c r="D2393" s="9" t="s">
        <v>12150</v>
      </c>
      <c r="E2393" s="10"/>
      <c r="F2393" s="10"/>
      <c r="G2393" s="8"/>
      <c r="H2393" s="8" t="s">
        <v>19356</v>
      </c>
      <c r="I2393" s="11">
        <v>32311</v>
      </c>
      <c r="J2393" s="11">
        <v>44287</v>
      </c>
      <c r="K2393" s="11">
        <v>46112</v>
      </c>
    </row>
    <row r="2394" spans="1:11" x14ac:dyDescent="0.4">
      <c r="A2394" s="8" t="s">
        <v>19323</v>
      </c>
      <c r="B2394" s="8"/>
      <c r="C2394" s="9" t="s">
        <v>11537</v>
      </c>
      <c r="D2394" s="9" t="s">
        <v>11538</v>
      </c>
      <c r="E2394" s="10"/>
      <c r="F2394" s="10" t="s">
        <v>11537</v>
      </c>
      <c r="G2394" s="8" t="s">
        <v>11538</v>
      </c>
      <c r="H2394" s="8" t="s">
        <v>19357</v>
      </c>
      <c r="I2394" s="11">
        <v>31005</v>
      </c>
      <c r="J2394" s="11">
        <v>43282</v>
      </c>
      <c r="K2394" s="11">
        <v>45473</v>
      </c>
    </row>
    <row r="2395" spans="1:11" x14ac:dyDescent="0.4">
      <c r="A2395" s="8" t="s">
        <v>19323</v>
      </c>
      <c r="B2395" s="8"/>
      <c r="C2395" s="9" t="s">
        <v>12203</v>
      </c>
      <c r="D2395" s="9" t="s">
        <v>12204</v>
      </c>
      <c r="E2395" s="10"/>
      <c r="F2395" s="10"/>
      <c r="G2395" s="8"/>
      <c r="H2395" s="8" t="s">
        <v>19358</v>
      </c>
      <c r="I2395" s="11">
        <v>32477</v>
      </c>
      <c r="J2395" s="11">
        <v>43647</v>
      </c>
      <c r="K2395" s="11">
        <v>45838</v>
      </c>
    </row>
    <row r="2396" spans="1:11" x14ac:dyDescent="0.4">
      <c r="A2396" s="8" t="s">
        <v>19323</v>
      </c>
      <c r="B2396" s="8"/>
      <c r="C2396" s="9" t="s">
        <v>11544</v>
      </c>
      <c r="D2396" s="9" t="s">
        <v>11545</v>
      </c>
      <c r="E2396" s="10"/>
      <c r="F2396" s="10" t="s">
        <v>5517</v>
      </c>
      <c r="G2396" s="8" t="s">
        <v>11546</v>
      </c>
      <c r="H2396" s="8" t="s">
        <v>19359</v>
      </c>
      <c r="I2396" s="11">
        <v>34022</v>
      </c>
      <c r="J2396" s="11">
        <v>44378</v>
      </c>
      <c r="K2396" s="11">
        <v>46203</v>
      </c>
    </row>
    <row r="2397" spans="1:11" x14ac:dyDescent="0.4">
      <c r="A2397" s="8" t="s">
        <v>19323</v>
      </c>
      <c r="B2397" s="8"/>
      <c r="C2397" s="9" t="s">
        <v>19360</v>
      </c>
      <c r="D2397" s="9" t="s">
        <v>19361</v>
      </c>
      <c r="E2397" s="10"/>
      <c r="F2397" s="10" t="s">
        <v>19362</v>
      </c>
      <c r="G2397" s="8" t="s">
        <v>19363</v>
      </c>
      <c r="H2397" s="8" t="s">
        <v>19364</v>
      </c>
      <c r="I2397" s="11">
        <v>34628</v>
      </c>
      <c r="J2397" s="11">
        <v>44013</v>
      </c>
      <c r="K2397" s="11">
        <v>45838</v>
      </c>
    </row>
    <row r="2398" spans="1:11" x14ac:dyDescent="0.4">
      <c r="A2398" s="8" t="s">
        <v>19323</v>
      </c>
      <c r="B2398" s="8"/>
      <c r="C2398" s="9" t="s">
        <v>12319</v>
      </c>
      <c r="D2398" s="9" t="s">
        <v>12320</v>
      </c>
      <c r="E2398" s="10"/>
      <c r="F2398" s="10" t="s">
        <v>12321</v>
      </c>
      <c r="G2398" s="8" t="s">
        <v>12320</v>
      </c>
      <c r="H2398" s="8" t="s">
        <v>19365</v>
      </c>
      <c r="I2398" s="11">
        <v>34656</v>
      </c>
      <c r="J2398" s="11">
        <v>43739</v>
      </c>
      <c r="K2398" s="11">
        <v>45565</v>
      </c>
    </row>
    <row r="2399" spans="1:11" x14ac:dyDescent="0.4">
      <c r="A2399" s="8" t="s">
        <v>19323</v>
      </c>
      <c r="B2399" s="8"/>
      <c r="C2399" s="9" t="s">
        <v>7691</v>
      </c>
      <c r="D2399" s="9" t="s">
        <v>19366</v>
      </c>
      <c r="E2399" s="10"/>
      <c r="F2399" s="10"/>
      <c r="G2399" s="8"/>
      <c r="H2399" s="8" t="s">
        <v>19367</v>
      </c>
      <c r="I2399" s="11">
        <v>34663</v>
      </c>
      <c r="J2399" s="11">
        <v>43647</v>
      </c>
      <c r="K2399" s="11">
        <v>45838</v>
      </c>
    </row>
    <row r="2400" spans="1:11" x14ac:dyDescent="0.4">
      <c r="A2400" s="8" t="s">
        <v>19323</v>
      </c>
      <c r="B2400" s="8"/>
      <c r="C2400" s="9" t="s">
        <v>11548</v>
      </c>
      <c r="D2400" s="9" t="s">
        <v>11538</v>
      </c>
      <c r="E2400" s="10"/>
      <c r="F2400" s="10" t="s">
        <v>11549</v>
      </c>
      <c r="G2400" s="8" t="s">
        <v>11538</v>
      </c>
      <c r="H2400" s="8" t="s">
        <v>19368</v>
      </c>
      <c r="I2400" s="11">
        <v>34688</v>
      </c>
      <c r="J2400" s="11">
        <v>42917</v>
      </c>
      <c r="K2400" s="11">
        <v>45473</v>
      </c>
    </row>
    <row r="2401" spans="1:11" x14ac:dyDescent="0.4">
      <c r="A2401" s="8" t="s">
        <v>19323</v>
      </c>
      <c r="B2401" s="8"/>
      <c r="C2401" s="9" t="s">
        <v>12310</v>
      </c>
      <c r="D2401" s="9" t="s">
        <v>12311</v>
      </c>
      <c r="E2401" s="10"/>
      <c r="F2401" s="10" t="s">
        <v>12312</v>
      </c>
      <c r="G2401" s="8" t="s">
        <v>12311</v>
      </c>
      <c r="H2401" s="8" t="s">
        <v>19369</v>
      </c>
      <c r="I2401" s="11">
        <v>34700</v>
      </c>
      <c r="J2401" s="11">
        <v>44013</v>
      </c>
      <c r="K2401" s="11">
        <v>46203</v>
      </c>
    </row>
    <row r="2402" spans="1:11" x14ac:dyDescent="0.4">
      <c r="A2402" s="8" t="s">
        <v>19323</v>
      </c>
      <c r="B2402" s="8"/>
      <c r="C2402" s="9" t="s">
        <v>19370</v>
      </c>
      <c r="D2402" s="9" t="s">
        <v>19371</v>
      </c>
      <c r="E2402" s="10"/>
      <c r="F2402" s="10"/>
      <c r="G2402" s="8"/>
      <c r="H2402" s="8" t="s">
        <v>19372</v>
      </c>
      <c r="I2402" s="11">
        <v>34858</v>
      </c>
      <c r="J2402" s="11">
        <v>43221</v>
      </c>
      <c r="K2402" s="11">
        <v>45777</v>
      </c>
    </row>
    <row r="2403" spans="1:11" x14ac:dyDescent="0.4">
      <c r="A2403" s="8" t="s">
        <v>19323</v>
      </c>
      <c r="B2403" s="8"/>
      <c r="C2403" s="9" t="s">
        <v>19373</v>
      </c>
      <c r="D2403" s="9" t="s">
        <v>19374</v>
      </c>
      <c r="E2403" s="10"/>
      <c r="F2403" s="10" t="s">
        <v>7487</v>
      </c>
      <c r="G2403" s="8" t="s">
        <v>14252</v>
      </c>
      <c r="H2403" s="8" t="s">
        <v>19375</v>
      </c>
      <c r="I2403" s="11">
        <v>34880</v>
      </c>
      <c r="J2403" s="11">
        <v>43647</v>
      </c>
      <c r="K2403" s="11">
        <v>46568</v>
      </c>
    </row>
    <row r="2404" spans="1:11" x14ac:dyDescent="0.4">
      <c r="A2404" s="8" t="s">
        <v>19323</v>
      </c>
      <c r="B2404" s="8"/>
      <c r="C2404" s="9" t="s">
        <v>19376</v>
      </c>
      <c r="D2404" s="9" t="s">
        <v>19377</v>
      </c>
      <c r="E2404" s="10"/>
      <c r="F2404" s="10"/>
      <c r="G2404" s="8"/>
      <c r="H2404" s="8" t="s">
        <v>19378</v>
      </c>
      <c r="I2404" s="11">
        <v>34997</v>
      </c>
      <c r="J2404" s="11">
        <v>44105</v>
      </c>
      <c r="K2404" s="11">
        <v>45930</v>
      </c>
    </row>
    <row r="2405" spans="1:11" x14ac:dyDescent="0.4">
      <c r="A2405" s="8" t="s">
        <v>19323</v>
      </c>
      <c r="B2405" s="8"/>
      <c r="C2405" s="9" t="s">
        <v>12384</v>
      </c>
      <c r="D2405" s="9" t="s">
        <v>12385</v>
      </c>
      <c r="E2405" s="10" t="s">
        <v>12386</v>
      </c>
      <c r="F2405" s="10"/>
      <c r="G2405" s="8"/>
      <c r="H2405" s="8" t="s">
        <v>19379</v>
      </c>
      <c r="I2405" s="11">
        <v>35121</v>
      </c>
      <c r="J2405" s="11">
        <v>43983</v>
      </c>
      <c r="K2405" s="11">
        <v>45808</v>
      </c>
    </row>
    <row r="2406" spans="1:11" x14ac:dyDescent="0.4">
      <c r="A2406" s="8" t="s">
        <v>19323</v>
      </c>
      <c r="B2406" s="8"/>
      <c r="C2406" s="9" t="s">
        <v>12434</v>
      </c>
      <c r="D2406" s="9" t="s">
        <v>12435</v>
      </c>
      <c r="E2406" s="10"/>
      <c r="F2406" s="10"/>
      <c r="G2406" s="8"/>
      <c r="H2406" s="8" t="s">
        <v>19380</v>
      </c>
      <c r="I2406" s="11">
        <v>35507</v>
      </c>
      <c r="J2406" s="11">
        <v>43405</v>
      </c>
      <c r="K2406" s="11">
        <v>45596</v>
      </c>
    </row>
    <row r="2407" spans="1:11" x14ac:dyDescent="0.4">
      <c r="A2407" s="8" t="s">
        <v>19323</v>
      </c>
      <c r="B2407" s="8"/>
      <c r="C2407" s="9" t="s">
        <v>1644</v>
      </c>
      <c r="D2407" s="9" t="s">
        <v>11596</v>
      </c>
      <c r="E2407" s="10"/>
      <c r="F2407" s="10" t="s">
        <v>1644</v>
      </c>
      <c r="G2407" s="8" t="s">
        <v>11596</v>
      </c>
      <c r="H2407" s="8" t="s">
        <v>19381</v>
      </c>
      <c r="I2407" s="11">
        <v>35527</v>
      </c>
      <c r="J2407" s="11">
        <v>43922</v>
      </c>
      <c r="K2407" s="11">
        <v>46112</v>
      </c>
    </row>
    <row r="2408" spans="1:11" x14ac:dyDescent="0.4">
      <c r="A2408" s="8" t="s">
        <v>19323</v>
      </c>
      <c r="B2408" s="8"/>
      <c r="C2408" s="9" t="s">
        <v>12458</v>
      </c>
      <c r="D2408" s="9" t="s">
        <v>12459</v>
      </c>
      <c r="E2408" s="10"/>
      <c r="F2408" s="10"/>
      <c r="G2408" s="8"/>
      <c r="H2408" s="8" t="s">
        <v>19382</v>
      </c>
      <c r="I2408" s="11">
        <v>35741</v>
      </c>
      <c r="J2408" s="11">
        <v>43586</v>
      </c>
      <c r="K2408" s="11">
        <v>45777</v>
      </c>
    </row>
    <row r="2409" spans="1:11" x14ac:dyDescent="0.4">
      <c r="A2409" s="8" t="s">
        <v>19323</v>
      </c>
      <c r="B2409" s="8"/>
      <c r="C2409" s="9" t="s">
        <v>12461</v>
      </c>
      <c r="D2409" s="9" t="s">
        <v>12462</v>
      </c>
      <c r="E2409" s="10"/>
      <c r="F2409" s="10" t="s">
        <v>11593</v>
      </c>
      <c r="G2409" s="8" t="s">
        <v>11594</v>
      </c>
      <c r="H2409" s="8" t="s">
        <v>19383</v>
      </c>
      <c r="I2409" s="11">
        <v>35747</v>
      </c>
      <c r="J2409" s="11">
        <v>44105</v>
      </c>
      <c r="K2409" s="11">
        <v>46295</v>
      </c>
    </row>
    <row r="2410" spans="1:11" x14ac:dyDescent="0.4">
      <c r="A2410" s="8" t="s">
        <v>19323</v>
      </c>
      <c r="B2410" s="8"/>
      <c r="C2410" s="9" t="s">
        <v>19384</v>
      </c>
      <c r="D2410" s="9" t="s">
        <v>19385</v>
      </c>
      <c r="E2410" s="10"/>
      <c r="F2410" s="10" t="s">
        <v>19384</v>
      </c>
      <c r="G2410" s="8" t="s">
        <v>19386</v>
      </c>
      <c r="H2410" s="8" t="s">
        <v>19387</v>
      </c>
      <c r="I2410" s="11">
        <v>35891</v>
      </c>
      <c r="J2410" s="11">
        <v>43739</v>
      </c>
      <c r="K2410" s="11">
        <v>45930</v>
      </c>
    </row>
    <row r="2411" spans="1:11" x14ac:dyDescent="0.4">
      <c r="A2411" s="8" t="s">
        <v>19323</v>
      </c>
      <c r="B2411" s="8"/>
      <c r="C2411" s="9" t="s">
        <v>14731</v>
      </c>
      <c r="D2411" s="9" t="s">
        <v>14732</v>
      </c>
      <c r="E2411" s="10"/>
      <c r="F2411" s="10" t="s">
        <v>5428</v>
      </c>
      <c r="G2411" s="8" t="s">
        <v>14479</v>
      </c>
      <c r="H2411" s="8" t="s">
        <v>19388</v>
      </c>
      <c r="I2411" s="11">
        <v>36307</v>
      </c>
      <c r="J2411" s="11">
        <v>43556</v>
      </c>
      <c r="K2411" s="11">
        <v>46112</v>
      </c>
    </row>
    <row r="2412" spans="1:11" x14ac:dyDescent="0.4">
      <c r="A2412" s="8" t="s">
        <v>19323</v>
      </c>
      <c r="B2412" s="8"/>
      <c r="C2412" s="9" t="s">
        <v>19389</v>
      </c>
      <c r="D2412" s="9" t="s">
        <v>19390</v>
      </c>
      <c r="E2412" s="10"/>
      <c r="F2412" s="10"/>
      <c r="G2412" s="8"/>
      <c r="H2412" s="8" t="s">
        <v>19391</v>
      </c>
      <c r="I2412" s="11">
        <v>36312</v>
      </c>
      <c r="J2412" s="11">
        <v>43952</v>
      </c>
      <c r="K2412" s="11">
        <v>45777</v>
      </c>
    </row>
    <row r="2413" spans="1:11" x14ac:dyDescent="0.4">
      <c r="A2413" s="8" t="s">
        <v>19323</v>
      </c>
      <c r="B2413" s="8"/>
      <c r="C2413" s="9" t="s">
        <v>11278</v>
      </c>
      <c r="D2413" s="9" t="s">
        <v>11558</v>
      </c>
      <c r="E2413" s="10"/>
      <c r="F2413" s="10" t="s">
        <v>11559</v>
      </c>
      <c r="G2413" s="8" t="s">
        <v>11558</v>
      </c>
      <c r="H2413" s="8" t="s">
        <v>19392</v>
      </c>
      <c r="I2413" s="11">
        <v>36572</v>
      </c>
      <c r="J2413" s="11">
        <v>43282</v>
      </c>
      <c r="K2413" s="11">
        <v>45473</v>
      </c>
    </row>
    <row r="2414" spans="1:11" x14ac:dyDescent="0.4">
      <c r="A2414" s="8" t="s">
        <v>19323</v>
      </c>
      <c r="B2414" s="8"/>
      <c r="C2414" s="9" t="s">
        <v>11063</v>
      </c>
      <c r="D2414" s="9" t="s">
        <v>19393</v>
      </c>
      <c r="E2414" s="10"/>
      <c r="F2414" s="10" t="s">
        <v>18736</v>
      </c>
      <c r="G2414" s="8" t="s">
        <v>11961</v>
      </c>
      <c r="H2414" s="8" t="s">
        <v>19394</v>
      </c>
      <c r="I2414" s="11">
        <v>36819</v>
      </c>
      <c r="J2414" s="11">
        <v>43586</v>
      </c>
      <c r="K2414" s="11">
        <v>45777</v>
      </c>
    </row>
    <row r="2415" spans="1:11" x14ac:dyDescent="0.4">
      <c r="A2415" s="8" t="s">
        <v>19323</v>
      </c>
      <c r="B2415" s="8"/>
      <c r="C2415" s="9" t="s">
        <v>6852</v>
      </c>
      <c r="D2415" s="9" t="s">
        <v>19395</v>
      </c>
      <c r="E2415" s="10"/>
      <c r="F2415" s="10" t="s">
        <v>6852</v>
      </c>
      <c r="G2415" s="8" t="s">
        <v>19395</v>
      </c>
      <c r="H2415" s="8" t="s">
        <v>19396</v>
      </c>
      <c r="I2415" s="11">
        <v>36945</v>
      </c>
      <c r="J2415" s="11">
        <v>43435</v>
      </c>
      <c r="K2415" s="11">
        <v>45626</v>
      </c>
    </row>
    <row r="2416" spans="1:11" x14ac:dyDescent="0.4">
      <c r="A2416" s="8" t="s">
        <v>19323</v>
      </c>
      <c r="B2416" s="8"/>
      <c r="C2416" s="9" t="s">
        <v>1802</v>
      </c>
      <c r="D2416" s="9" t="s">
        <v>19397</v>
      </c>
      <c r="E2416" s="10" t="s">
        <v>19398</v>
      </c>
      <c r="F2416" s="10" t="s">
        <v>1802</v>
      </c>
      <c r="G2416" s="8" t="s">
        <v>19399</v>
      </c>
      <c r="H2416" s="8" t="s">
        <v>19400</v>
      </c>
      <c r="I2416" s="11">
        <v>37018</v>
      </c>
      <c r="J2416" s="11">
        <v>43556</v>
      </c>
      <c r="K2416" s="11">
        <v>45747</v>
      </c>
    </row>
    <row r="2417" spans="1:11" x14ac:dyDescent="0.4">
      <c r="A2417" s="8" t="s">
        <v>19323</v>
      </c>
      <c r="B2417" s="8"/>
      <c r="C2417" s="9" t="s">
        <v>19401</v>
      </c>
      <c r="D2417" s="9" t="s">
        <v>19402</v>
      </c>
      <c r="E2417" s="10" t="s">
        <v>19403</v>
      </c>
      <c r="F2417" s="10" t="s">
        <v>19404</v>
      </c>
      <c r="G2417" s="8" t="s">
        <v>19405</v>
      </c>
      <c r="H2417" s="8" t="s">
        <v>19406</v>
      </c>
      <c r="I2417" s="11">
        <v>37216</v>
      </c>
      <c r="J2417" s="11">
        <v>43282</v>
      </c>
      <c r="K2417" s="11">
        <v>45473</v>
      </c>
    </row>
    <row r="2418" spans="1:11" x14ac:dyDescent="0.4">
      <c r="A2418" s="8" t="s">
        <v>19323</v>
      </c>
      <c r="B2418" s="8"/>
      <c r="C2418" s="9" t="s">
        <v>3382</v>
      </c>
      <c r="D2418" s="9" t="s">
        <v>11566</v>
      </c>
      <c r="E2418" s="10"/>
      <c r="F2418" s="10" t="s">
        <v>3382</v>
      </c>
      <c r="G2418" s="8" t="s">
        <v>11566</v>
      </c>
      <c r="H2418" s="8" t="s">
        <v>19407</v>
      </c>
      <c r="I2418" s="11">
        <v>37446</v>
      </c>
      <c r="J2418" s="11">
        <v>43586</v>
      </c>
      <c r="K2418" s="11">
        <v>45777</v>
      </c>
    </row>
    <row r="2419" spans="1:11" x14ac:dyDescent="0.4">
      <c r="A2419" s="8" t="s">
        <v>19323</v>
      </c>
      <c r="B2419" s="8"/>
      <c r="C2419" s="9" t="s">
        <v>19408</v>
      </c>
      <c r="D2419" s="9" t="s">
        <v>19409</v>
      </c>
      <c r="E2419" s="10"/>
      <c r="F2419" s="10" t="s">
        <v>7040</v>
      </c>
      <c r="G2419" s="8" t="s">
        <v>19410</v>
      </c>
      <c r="H2419" s="8" t="s">
        <v>19411</v>
      </c>
      <c r="I2419" s="11">
        <v>37489</v>
      </c>
      <c r="J2419" s="11">
        <v>43556</v>
      </c>
      <c r="K2419" s="11">
        <v>45777</v>
      </c>
    </row>
    <row r="2420" spans="1:11" x14ac:dyDescent="0.4">
      <c r="A2420" s="8" t="s">
        <v>19323</v>
      </c>
      <c r="B2420" s="8"/>
      <c r="C2420" s="9" t="s">
        <v>12828</v>
      </c>
      <c r="D2420" s="9" t="s">
        <v>12829</v>
      </c>
      <c r="E2420" s="10"/>
      <c r="F2420" s="10"/>
      <c r="G2420" s="8"/>
      <c r="H2420" s="8" t="s">
        <v>19412</v>
      </c>
      <c r="I2420" s="11">
        <v>37895</v>
      </c>
      <c r="J2420" s="11">
        <v>43952</v>
      </c>
      <c r="K2420" s="11">
        <v>46142</v>
      </c>
    </row>
    <row r="2421" spans="1:11" x14ac:dyDescent="0.4">
      <c r="A2421" s="8" t="s">
        <v>19323</v>
      </c>
      <c r="B2421" s="8"/>
      <c r="C2421" s="9" t="s">
        <v>14772</v>
      </c>
      <c r="D2421" s="9" t="s">
        <v>12953</v>
      </c>
      <c r="E2421" s="10"/>
      <c r="F2421" s="10" t="s">
        <v>5428</v>
      </c>
      <c r="G2421" s="8" t="s">
        <v>14479</v>
      </c>
      <c r="H2421" s="8" t="s">
        <v>19413</v>
      </c>
      <c r="I2421" s="11">
        <v>37967</v>
      </c>
      <c r="J2421" s="11">
        <v>43952</v>
      </c>
      <c r="K2421" s="11">
        <v>46142</v>
      </c>
    </row>
    <row r="2422" spans="1:11" x14ac:dyDescent="0.4">
      <c r="A2422" s="8" t="s">
        <v>19323</v>
      </c>
      <c r="B2422" s="8"/>
      <c r="C2422" s="9" t="s">
        <v>12877</v>
      </c>
      <c r="D2422" s="9" t="s">
        <v>12878</v>
      </c>
      <c r="E2422" s="10"/>
      <c r="F2422" s="10"/>
      <c r="G2422" s="8"/>
      <c r="H2422" s="8" t="s">
        <v>19414</v>
      </c>
      <c r="I2422" s="11">
        <v>34732</v>
      </c>
      <c r="J2422" s="11">
        <v>43739</v>
      </c>
      <c r="K2422" s="11">
        <v>45565</v>
      </c>
    </row>
    <row r="2423" spans="1:11" x14ac:dyDescent="0.4">
      <c r="A2423" s="8" t="s">
        <v>19323</v>
      </c>
      <c r="B2423" s="8"/>
      <c r="C2423" s="9" t="s">
        <v>1802</v>
      </c>
      <c r="D2423" s="9" t="s">
        <v>19415</v>
      </c>
      <c r="E2423" s="10" t="s">
        <v>19416</v>
      </c>
      <c r="F2423" s="10" t="s">
        <v>1802</v>
      </c>
      <c r="G2423" s="8" t="s">
        <v>19399</v>
      </c>
      <c r="H2423" s="8" t="s">
        <v>19417</v>
      </c>
      <c r="I2423" s="11">
        <v>37018</v>
      </c>
      <c r="J2423" s="11">
        <v>43405</v>
      </c>
      <c r="K2423" s="11">
        <v>45596</v>
      </c>
    </row>
    <row r="2424" spans="1:11" x14ac:dyDescent="0.4">
      <c r="A2424" s="8" t="s">
        <v>19323</v>
      </c>
      <c r="B2424" s="8"/>
      <c r="C2424" s="9" t="s">
        <v>14729</v>
      </c>
      <c r="D2424" s="9" t="s">
        <v>13036</v>
      </c>
      <c r="E2424" s="10"/>
      <c r="F2424" s="10" t="s">
        <v>5428</v>
      </c>
      <c r="G2424" s="8" t="s">
        <v>14479</v>
      </c>
      <c r="H2424" s="8" t="s">
        <v>19418</v>
      </c>
      <c r="I2424" s="11">
        <v>37818</v>
      </c>
      <c r="J2424" s="11">
        <v>43770</v>
      </c>
      <c r="K2424" s="11">
        <v>45961</v>
      </c>
    </row>
    <row r="2425" spans="1:11" x14ac:dyDescent="0.4">
      <c r="A2425" s="8" t="s">
        <v>19323</v>
      </c>
      <c r="B2425" s="8"/>
      <c r="C2425" s="9" t="s">
        <v>13067</v>
      </c>
      <c r="D2425" s="9" t="s">
        <v>13068</v>
      </c>
      <c r="E2425" s="10"/>
      <c r="F2425" s="10" t="s">
        <v>13069</v>
      </c>
      <c r="G2425" s="8" t="s">
        <v>13070</v>
      </c>
      <c r="H2425" s="8" t="s">
        <v>19419</v>
      </c>
      <c r="I2425" s="11">
        <v>35816</v>
      </c>
      <c r="J2425" s="11">
        <v>43770</v>
      </c>
      <c r="K2425" s="11">
        <v>45961</v>
      </c>
    </row>
    <row r="2426" spans="1:11" x14ac:dyDescent="0.4">
      <c r="A2426" s="8" t="s">
        <v>19323</v>
      </c>
      <c r="B2426" s="8"/>
      <c r="C2426" s="9" t="s">
        <v>19420</v>
      </c>
      <c r="D2426" s="9" t="s">
        <v>13211</v>
      </c>
      <c r="E2426" s="10"/>
      <c r="F2426" s="10" t="s">
        <v>1904</v>
      </c>
      <c r="G2426" s="8" t="s">
        <v>13211</v>
      </c>
      <c r="H2426" s="8" t="s">
        <v>19421</v>
      </c>
      <c r="I2426" s="11">
        <v>35137</v>
      </c>
      <c r="J2426" s="11">
        <v>43739</v>
      </c>
      <c r="K2426" s="11">
        <v>46295</v>
      </c>
    </row>
    <row r="2427" spans="1:11" x14ac:dyDescent="0.4">
      <c r="A2427" s="8" t="s">
        <v>19323</v>
      </c>
      <c r="B2427" s="8"/>
      <c r="C2427" s="9" t="s">
        <v>13151</v>
      </c>
      <c r="D2427" s="9" t="s">
        <v>13152</v>
      </c>
      <c r="E2427" s="10"/>
      <c r="F2427" s="10"/>
      <c r="G2427" s="8"/>
      <c r="H2427" s="8" t="s">
        <v>19422</v>
      </c>
      <c r="I2427" s="11">
        <v>36192</v>
      </c>
      <c r="J2427" s="11">
        <v>43739</v>
      </c>
      <c r="K2427" s="11">
        <v>45565</v>
      </c>
    </row>
    <row r="2428" spans="1:11" x14ac:dyDescent="0.4">
      <c r="A2428" s="8" t="s">
        <v>19323</v>
      </c>
      <c r="B2428" s="8"/>
      <c r="C2428" s="9" t="s">
        <v>13191</v>
      </c>
      <c r="D2428" s="9" t="s">
        <v>13192</v>
      </c>
      <c r="E2428" s="10"/>
      <c r="F2428" s="10"/>
      <c r="G2428" s="8"/>
      <c r="H2428" s="8" t="s">
        <v>19423</v>
      </c>
      <c r="I2428" s="11">
        <v>36416</v>
      </c>
      <c r="J2428" s="11">
        <v>44105</v>
      </c>
      <c r="K2428" s="11">
        <v>45930</v>
      </c>
    </row>
    <row r="2429" spans="1:11" x14ac:dyDescent="0.4">
      <c r="A2429" s="8" t="s">
        <v>19323</v>
      </c>
      <c r="B2429" s="8"/>
      <c r="C2429" s="9" t="s">
        <v>13217</v>
      </c>
      <c r="D2429" s="9" t="s">
        <v>11437</v>
      </c>
      <c r="E2429" s="10" t="s">
        <v>13218</v>
      </c>
      <c r="F2429" s="10" t="s">
        <v>13214</v>
      </c>
      <c r="G2429" s="8" t="s">
        <v>13215</v>
      </c>
      <c r="H2429" s="8" t="s">
        <v>19424</v>
      </c>
      <c r="I2429" s="11">
        <v>36803</v>
      </c>
      <c r="J2429" s="11">
        <v>43739</v>
      </c>
      <c r="K2429" s="11">
        <v>45930</v>
      </c>
    </row>
    <row r="2430" spans="1:11" x14ac:dyDescent="0.4">
      <c r="A2430" s="8" t="s">
        <v>19323</v>
      </c>
      <c r="B2430" s="8"/>
      <c r="C2430" s="9" t="s">
        <v>61</v>
      </c>
      <c r="D2430" s="9" t="s">
        <v>19425</v>
      </c>
      <c r="E2430" s="10" t="s">
        <v>19426</v>
      </c>
      <c r="F2430" s="10" t="s">
        <v>19362</v>
      </c>
      <c r="G2430" s="8" t="s">
        <v>19363</v>
      </c>
      <c r="H2430" s="8" t="s">
        <v>19427</v>
      </c>
      <c r="I2430" s="11">
        <v>34234</v>
      </c>
      <c r="J2430" s="11">
        <v>44105</v>
      </c>
      <c r="K2430" s="11">
        <v>46295</v>
      </c>
    </row>
    <row r="2431" spans="1:11" x14ac:dyDescent="0.4">
      <c r="A2431" s="8" t="s">
        <v>19323</v>
      </c>
      <c r="B2431" s="8"/>
      <c r="C2431" s="9" t="s">
        <v>19428</v>
      </c>
      <c r="D2431" s="9" t="s">
        <v>19429</v>
      </c>
      <c r="E2431" s="10"/>
      <c r="F2431" s="10" t="s">
        <v>19428</v>
      </c>
      <c r="G2431" s="8" t="s">
        <v>19429</v>
      </c>
      <c r="H2431" s="8" t="s">
        <v>19430</v>
      </c>
      <c r="I2431" s="11">
        <v>34513</v>
      </c>
      <c r="J2431" s="11">
        <v>44105</v>
      </c>
      <c r="K2431" s="11">
        <v>46295</v>
      </c>
    </row>
    <row r="2432" spans="1:11" x14ac:dyDescent="0.4">
      <c r="A2432" s="8" t="s">
        <v>19323</v>
      </c>
      <c r="B2432" s="8"/>
      <c r="C2432" s="9" t="s">
        <v>13260</v>
      </c>
      <c r="D2432" s="9" t="s">
        <v>13261</v>
      </c>
      <c r="E2432" s="10"/>
      <c r="F2432" s="10"/>
      <c r="G2432" s="8"/>
      <c r="H2432" s="8" t="s">
        <v>19431</v>
      </c>
      <c r="I2432" s="11">
        <v>36253</v>
      </c>
      <c r="J2432" s="11">
        <v>43739</v>
      </c>
      <c r="K2432" s="11">
        <v>45565</v>
      </c>
    </row>
    <row r="2433" spans="1:11" x14ac:dyDescent="0.4">
      <c r="A2433" s="8" t="s">
        <v>19323</v>
      </c>
      <c r="B2433" s="8"/>
      <c r="C2433" s="9" t="s">
        <v>14251</v>
      </c>
      <c r="D2433" s="9" t="s">
        <v>19432</v>
      </c>
      <c r="E2433" s="10"/>
      <c r="F2433" s="10" t="s">
        <v>14251</v>
      </c>
      <c r="G2433" s="8" t="s">
        <v>14252</v>
      </c>
      <c r="H2433" s="8" t="s">
        <v>19433</v>
      </c>
      <c r="I2433" s="11">
        <v>38621</v>
      </c>
      <c r="J2433" s="11">
        <v>43405</v>
      </c>
      <c r="K2433" s="11">
        <v>45961</v>
      </c>
    </row>
    <row r="2434" spans="1:11" x14ac:dyDescent="0.4">
      <c r="A2434" s="8" t="s">
        <v>19323</v>
      </c>
      <c r="B2434" s="8"/>
      <c r="C2434" s="9" t="s">
        <v>19434</v>
      </c>
      <c r="D2434" s="9" t="s">
        <v>19435</v>
      </c>
      <c r="E2434" s="10"/>
      <c r="F2434" s="10" t="s">
        <v>19436</v>
      </c>
      <c r="G2434" s="8" t="s">
        <v>19437</v>
      </c>
      <c r="H2434" s="8" t="s">
        <v>19438</v>
      </c>
      <c r="I2434" s="11">
        <v>38670</v>
      </c>
      <c r="J2434" s="11">
        <v>43770</v>
      </c>
      <c r="K2434" s="11">
        <v>46326</v>
      </c>
    </row>
    <row r="2435" spans="1:11" x14ac:dyDescent="0.4">
      <c r="A2435" s="8" t="s">
        <v>19323</v>
      </c>
      <c r="B2435" s="8"/>
      <c r="C2435" s="9" t="s">
        <v>13348</v>
      </c>
      <c r="D2435" s="9" t="s">
        <v>13349</v>
      </c>
      <c r="E2435" s="10"/>
      <c r="F2435" s="10"/>
      <c r="G2435" s="8"/>
      <c r="H2435" s="8" t="s">
        <v>19439</v>
      </c>
      <c r="I2435" s="11">
        <v>38684</v>
      </c>
      <c r="J2435" s="11">
        <v>43405</v>
      </c>
      <c r="K2435" s="11">
        <v>45596</v>
      </c>
    </row>
    <row r="2436" spans="1:11" x14ac:dyDescent="0.4">
      <c r="A2436" s="8" t="s">
        <v>19323</v>
      </c>
      <c r="B2436" s="8"/>
      <c r="C2436" s="9" t="s">
        <v>13360</v>
      </c>
      <c r="D2436" s="9" t="s">
        <v>13361</v>
      </c>
      <c r="E2436" s="10"/>
      <c r="F2436" s="10"/>
      <c r="G2436" s="8"/>
      <c r="H2436" s="8" t="s">
        <v>19440</v>
      </c>
      <c r="I2436" s="11">
        <v>38695</v>
      </c>
      <c r="J2436" s="11">
        <v>43374</v>
      </c>
      <c r="K2436" s="11">
        <v>45565</v>
      </c>
    </row>
    <row r="2437" spans="1:11" x14ac:dyDescent="0.4">
      <c r="A2437" s="8" t="s">
        <v>19323</v>
      </c>
      <c r="B2437" s="8"/>
      <c r="C2437" s="9" t="s">
        <v>19441</v>
      </c>
      <c r="D2437" s="9" t="s">
        <v>19442</v>
      </c>
      <c r="E2437" s="10"/>
      <c r="F2437" s="10" t="s">
        <v>19443</v>
      </c>
      <c r="G2437" s="8" t="s">
        <v>19442</v>
      </c>
      <c r="H2437" s="8" t="s">
        <v>19444</v>
      </c>
      <c r="I2437" s="11">
        <v>38800</v>
      </c>
      <c r="J2437" s="11">
        <v>44287</v>
      </c>
      <c r="K2437" s="11">
        <v>46112</v>
      </c>
    </row>
    <row r="2438" spans="1:11" x14ac:dyDescent="0.4">
      <c r="A2438" s="8" t="s">
        <v>19323</v>
      </c>
      <c r="B2438" s="8"/>
      <c r="C2438" s="9" t="s">
        <v>13385</v>
      </c>
      <c r="D2438" s="9" t="s">
        <v>13386</v>
      </c>
      <c r="E2438" s="10"/>
      <c r="F2438" s="10" t="s">
        <v>13387</v>
      </c>
      <c r="G2438" s="8" t="s">
        <v>13388</v>
      </c>
      <c r="H2438" s="8" t="s">
        <v>19445</v>
      </c>
      <c r="I2438" s="11">
        <v>38966</v>
      </c>
      <c r="J2438" s="11">
        <v>44013</v>
      </c>
      <c r="K2438" s="11">
        <v>46568</v>
      </c>
    </row>
    <row r="2439" spans="1:11" x14ac:dyDescent="0.4">
      <c r="A2439" s="8" t="s">
        <v>19323</v>
      </c>
      <c r="B2439" s="8"/>
      <c r="C2439" s="9" t="s">
        <v>4050</v>
      </c>
      <c r="D2439" s="9" t="s">
        <v>11584</v>
      </c>
      <c r="E2439" s="10"/>
      <c r="F2439" s="10" t="s">
        <v>4050</v>
      </c>
      <c r="G2439" s="8" t="s">
        <v>11585</v>
      </c>
      <c r="H2439" s="8" t="s">
        <v>19446</v>
      </c>
      <c r="I2439" s="11">
        <v>38988</v>
      </c>
      <c r="J2439" s="11">
        <v>43647</v>
      </c>
      <c r="K2439" s="11">
        <v>45838</v>
      </c>
    </row>
    <row r="2440" spans="1:11" x14ac:dyDescent="0.4">
      <c r="A2440" s="8" t="s">
        <v>19323</v>
      </c>
      <c r="B2440" s="8"/>
      <c r="C2440" s="9" t="s">
        <v>13634</v>
      </c>
      <c r="D2440" s="9" t="s">
        <v>13581</v>
      </c>
      <c r="E2440" s="10" t="s">
        <v>13591</v>
      </c>
      <c r="F2440" s="10" t="s">
        <v>13634</v>
      </c>
      <c r="G2440" s="8" t="s">
        <v>13635</v>
      </c>
      <c r="H2440" s="8" t="s">
        <v>19447</v>
      </c>
      <c r="I2440" s="11">
        <v>39345</v>
      </c>
      <c r="J2440" s="11">
        <v>43435</v>
      </c>
      <c r="K2440" s="11">
        <v>45626</v>
      </c>
    </row>
    <row r="2441" spans="1:11" x14ac:dyDescent="0.4">
      <c r="A2441" s="8" t="s">
        <v>19323</v>
      </c>
      <c r="B2441" s="8"/>
      <c r="C2441" s="9" t="s">
        <v>13745</v>
      </c>
      <c r="D2441" s="9" t="s">
        <v>12315</v>
      </c>
      <c r="E2441" s="10"/>
      <c r="F2441" s="10"/>
      <c r="G2441" s="8"/>
      <c r="H2441" s="8" t="s">
        <v>19448</v>
      </c>
      <c r="I2441" s="11">
        <v>40082</v>
      </c>
      <c r="J2441" s="11">
        <v>44013</v>
      </c>
      <c r="K2441" s="11">
        <v>45838</v>
      </c>
    </row>
    <row r="2442" spans="1:11" x14ac:dyDescent="0.4">
      <c r="A2442" s="8" t="s">
        <v>19323</v>
      </c>
      <c r="B2442" s="8"/>
      <c r="C2442" s="9" t="s">
        <v>11284</v>
      </c>
      <c r="D2442" s="9" t="s">
        <v>13783</v>
      </c>
      <c r="E2442" s="10"/>
      <c r="F2442" s="10"/>
      <c r="G2442" s="8"/>
      <c r="H2442" s="8" t="s">
        <v>19449</v>
      </c>
      <c r="I2442" s="11">
        <v>39556</v>
      </c>
      <c r="J2442" s="11">
        <v>43647</v>
      </c>
      <c r="K2442" s="11">
        <v>45473</v>
      </c>
    </row>
    <row r="2443" spans="1:11" x14ac:dyDescent="0.4">
      <c r="A2443" s="8" t="s">
        <v>19323</v>
      </c>
      <c r="B2443" s="8"/>
      <c r="C2443" s="9" t="s">
        <v>11602</v>
      </c>
      <c r="D2443" s="9" t="s">
        <v>11603</v>
      </c>
      <c r="E2443" s="10"/>
      <c r="F2443" s="10" t="s">
        <v>11602</v>
      </c>
      <c r="G2443" s="8" t="s">
        <v>19450</v>
      </c>
      <c r="H2443" s="8" t="s">
        <v>19451</v>
      </c>
      <c r="I2443" s="11">
        <v>39714</v>
      </c>
      <c r="J2443" s="11">
        <v>43739</v>
      </c>
      <c r="K2443" s="11">
        <v>45930</v>
      </c>
    </row>
    <row r="2444" spans="1:11" x14ac:dyDescent="0.4">
      <c r="A2444" s="8" t="s">
        <v>19323</v>
      </c>
      <c r="B2444" s="8"/>
      <c r="C2444" s="9" t="s">
        <v>13892</v>
      </c>
      <c r="D2444" s="9" t="s">
        <v>11437</v>
      </c>
      <c r="E2444" s="10"/>
      <c r="F2444" s="10" t="s">
        <v>13893</v>
      </c>
      <c r="G2444" s="8" t="s">
        <v>13894</v>
      </c>
      <c r="H2444" s="8" t="s">
        <v>19452</v>
      </c>
      <c r="I2444" s="11">
        <v>39753</v>
      </c>
      <c r="J2444" s="11">
        <v>44105</v>
      </c>
      <c r="K2444" s="11">
        <v>46295</v>
      </c>
    </row>
    <row r="2445" spans="1:11" x14ac:dyDescent="0.4">
      <c r="A2445" s="8" t="s">
        <v>19323</v>
      </c>
      <c r="B2445" s="8"/>
      <c r="C2445" s="9" t="s">
        <v>13927</v>
      </c>
      <c r="D2445" s="9" t="s">
        <v>13928</v>
      </c>
      <c r="E2445" s="10"/>
      <c r="F2445" s="10"/>
      <c r="G2445" s="8"/>
      <c r="H2445" s="8" t="s">
        <v>19453</v>
      </c>
      <c r="I2445" s="11">
        <v>39784</v>
      </c>
      <c r="J2445" s="11">
        <v>43739</v>
      </c>
      <c r="K2445" s="11">
        <v>45565</v>
      </c>
    </row>
    <row r="2446" spans="1:11" x14ac:dyDescent="0.4">
      <c r="A2446" s="8" t="s">
        <v>19323</v>
      </c>
      <c r="B2446" s="8"/>
      <c r="C2446" s="9" t="s">
        <v>13944</v>
      </c>
      <c r="D2446" s="9" t="s">
        <v>13945</v>
      </c>
      <c r="E2446" s="10"/>
      <c r="F2446" s="10"/>
      <c r="G2446" s="8"/>
      <c r="H2446" s="8" t="s">
        <v>19454</v>
      </c>
      <c r="I2446" s="11">
        <v>39834</v>
      </c>
      <c r="J2446" s="11">
        <v>43922</v>
      </c>
      <c r="K2446" s="11">
        <v>46112</v>
      </c>
    </row>
    <row r="2447" spans="1:11" x14ac:dyDescent="0.4">
      <c r="A2447" s="8" t="s">
        <v>19323</v>
      </c>
      <c r="B2447" s="8"/>
      <c r="C2447" s="9" t="s">
        <v>13947</v>
      </c>
      <c r="D2447" s="9" t="s">
        <v>13948</v>
      </c>
      <c r="E2447" s="10"/>
      <c r="F2447" s="10"/>
      <c r="G2447" s="8"/>
      <c r="H2447" s="8" t="s">
        <v>19455</v>
      </c>
      <c r="I2447" s="11">
        <v>39834</v>
      </c>
      <c r="J2447" s="11">
        <v>43922</v>
      </c>
      <c r="K2447" s="11">
        <v>46112</v>
      </c>
    </row>
    <row r="2448" spans="1:11" x14ac:dyDescent="0.4">
      <c r="A2448" s="8" t="s">
        <v>19323</v>
      </c>
      <c r="B2448" s="8"/>
      <c r="C2448" s="9" t="s">
        <v>13975</v>
      </c>
      <c r="D2448" s="9" t="s">
        <v>13976</v>
      </c>
      <c r="E2448" s="10"/>
      <c r="F2448" s="10"/>
      <c r="G2448" s="8"/>
      <c r="H2448" s="8" t="s">
        <v>19456</v>
      </c>
      <c r="I2448" s="11">
        <v>39870</v>
      </c>
      <c r="J2448" s="11">
        <v>43922</v>
      </c>
      <c r="K2448" s="11">
        <v>46112</v>
      </c>
    </row>
    <row r="2449" spans="1:11" x14ac:dyDescent="0.4">
      <c r="A2449" s="8" t="s">
        <v>19323</v>
      </c>
      <c r="B2449" s="8"/>
      <c r="C2449" s="9" t="s">
        <v>14013</v>
      </c>
      <c r="D2449" s="9" t="s">
        <v>12555</v>
      </c>
      <c r="E2449" s="10"/>
      <c r="F2449" s="10" t="s">
        <v>12554</v>
      </c>
      <c r="G2449" s="8" t="s">
        <v>12555</v>
      </c>
      <c r="H2449" s="8" t="s">
        <v>19457</v>
      </c>
      <c r="I2449" s="11">
        <v>39904</v>
      </c>
      <c r="J2449" s="11">
        <v>43770</v>
      </c>
      <c r="K2449" s="11">
        <v>45596</v>
      </c>
    </row>
    <row r="2450" spans="1:11" x14ac:dyDescent="0.4">
      <c r="A2450" s="8" t="s">
        <v>19323</v>
      </c>
      <c r="B2450" s="8"/>
      <c r="C2450" s="9" t="s">
        <v>14102</v>
      </c>
      <c r="D2450" s="9" t="s">
        <v>14103</v>
      </c>
      <c r="E2450" s="10"/>
      <c r="F2450" s="10" t="s">
        <v>14104</v>
      </c>
      <c r="G2450" s="8" t="s">
        <v>14105</v>
      </c>
      <c r="H2450" s="8" t="s">
        <v>19458</v>
      </c>
      <c r="I2450" s="11">
        <v>40009</v>
      </c>
      <c r="J2450" s="11">
        <v>44287</v>
      </c>
      <c r="K2450" s="11">
        <v>46112</v>
      </c>
    </row>
    <row r="2451" spans="1:11" x14ac:dyDescent="0.4">
      <c r="A2451" s="8" t="s">
        <v>19323</v>
      </c>
      <c r="B2451" s="8"/>
      <c r="C2451" s="9" t="s">
        <v>14107</v>
      </c>
      <c r="D2451" s="9" t="s">
        <v>14108</v>
      </c>
      <c r="E2451" s="10"/>
      <c r="F2451" s="10" t="s">
        <v>14107</v>
      </c>
      <c r="G2451" s="8" t="s">
        <v>14109</v>
      </c>
      <c r="H2451" s="8" t="s">
        <v>19459</v>
      </c>
      <c r="I2451" s="11">
        <v>40008</v>
      </c>
      <c r="J2451" s="11">
        <v>44287</v>
      </c>
      <c r="K2451" s="11">
        <v>46477</v>
      </c>
    </row>
    <row r="2452" spans="1:11" x14ac:dyDescent="0.4">
      <c r="A2452" s="8" t="s">
        <v>19323</v>
      </c>
      <c r="B2452" s="8"/>
      <c r="C2452" s="9" t="s">
        <v>14189</v>
      </c>
      <c r="D2452" s="9" t="s">
        <v>14190</v>
      </c>
      <c r="E2452" s="10"/>
      <c r="F2452" s="10" t="s">
        <v>14191</v>
      </c>
      <c r="G2452" s="8" t="s">
        <v>14192</v>
      </c>
      <c r="H2452" s="8" t="s">
        <v>19460</v>
      </c>
      <c r="I2452" s="11">
        <v>40264</v>
      </c>
      <c r="J2452" s="11">
        <v>44013</v>
      </c>
      <c r="K2452" s="11">
        <v>45838</v>
      </c>
    </row>
    <row r="2453" spans="1:11" x14ac:dyDescent="0.4">
      <c r="A2453" s="8" t="s">
        <v>19323</v>
      </c>
      <c r="B2453" s="8"/>
      <c r="C2453" s="9" t="s">
        <v>14220</v>
      </c>
      <c r="D2453" s="9" t="s">
        <v>14221</v>
      </c>
      <c r="E2453" s="10"/>
      <c r="F2453" s="10"/>
      <c r="G2453" s="8"/>
      <c r="H2453" s="8" t="s">
        <v>19461</v>
      </c>
      <c r="I2453" s="11">
        <v>40421</v>
      </c>
      <c r="J2453" s="11">
        <v>44105</v>
      </c>
      <c r="K2453" s="11">
        <v>45930</v>
      </c>
    </row>
    <row r="2454" spans="1:11" x14ac:dyDescent="0.4">
      <c r="A2454" s="8" t="s">
        <v>19323</v>
      </c>
      <c r="B2454" s="8"/>
      <c r="C2454" s="9" t="s">
        <v>19462</v>
      </c>
      <c r="D2454" s="9" t="s">
        <v>19463</v>
      </c>
      <c r="E2454" s="10"/>
      <c r="F2454" s="10" t="s">
        <v>19464</v>
      </c>
      <c r="G2454" s="8" t="s">
        <v>19465</v>
      </c>
      <c r="H2454" s="8" t="s">
        <v>19466</v>
      </c>
      <c r="I2454" s="11">
        <v>40444</v>
      </c>
      <c r="J2454" s="11">
        <v>43221</v>
      </c>
      <c r="K2454" s="11">
        <v>45777</v>
      </c>
    </row>
    <row r="2455" spans="1:11" x14ac:dyDescent="0.4">
      <c r="A2455" s="8" t="s">
        <v>19323</v>
      </c>
      <c r="B2455" s="8"/>
      <c r="C2455" s="9" t="s">
        <v>2756</v>
      </c>
      <c r="D2455" s="9" t="s">
        <v>11418</v>
      </c>
      <c r="E2455" s="10"/>
      <c r="F2455" s="10" t="s">
        <v>2754</v>
      </c>
      <c r="G2455" s="8" t="s">
        <v>13272</v>
      </c>
      <c r="H2455" s="8" t="s">
        <v>19467</v>
      </c>
      <c r="I2455" s="11">
        <v>40683</v>
      </c>
      <c r="J2455" s="11">
        <v>43405</v>
      </c>
      <c r="K2455" s="11">
        <v>45961</v>
      </c>
    </row>
    <row r="2456" spans="1:11" x14ac:dyDescent="0.4">
      <c r="A2456" s="8" t="s">
        <v>19323</v>
      </c>
      <c r="B2456" s="8"/>
      <c r="C2456" s="9" t="s">
        <v>12452</v>
      </c>
      <c r="D2456" s="9" t="s">
        <v>12453</v>
      </c>
      <c r="E2456" s="10"/>
      <c r="F2456" s="10" t="s">
        <v>12454</v>
      </c>
      <c r="G2456" s="8" t="s">
        <v>12455</v>
      </c>
      <c r="H2456" s="8" t="s">
        <v>19468</v>
      </c>
      <c r="I2456" s="11">
        <v>40719</v>
      </c>
      <c r="J2456" s="11">
        <v>43586</v>
      </c>
      <c r="K2456" s="11">
        <v>46142</v>
      </c>
    </row>
    <row r="2457" spans="1:11" x14ac:dyDescent="0.4">
      <c r="A2457" s="8" t="s">
        <v>19323</v>
      </c>
      <c r="B2457" s="8"/>
      <c r="C2457" s="9" t="s">
        <v>13577</v>
      </c>
      <c r="D2457" s="9" t="s">
        <v>13578</v>
      </c>
      <c r="E2457" s="10"/>
      <c r="F2457" s="10"/>
      <c r="G2457" s="8"/>
      <c r="H2457" s="8" t="s">
        <v>19469</v>
      </c>
      <c r="I2457" s="11">
        <v>40722</v>
      </c>
      <c r="J2457" s="11">
        <v>43556</v>
      </c>
      <c r="K2457" s="11">
        <v>46112</v>
      </c>
    </row>
    <row r="2458" spans="1:11" x14ac:dyDescent="0.4">
      <c r="A2458" s="8" t="s">
        <v>19323</v>
      </c>
      <c r="B2458" s="8"/>
      <c r="C2458" s="9" t="s">
        <v>19470</v>
      </c>
      <c r="D2458" s="9" t="s">
        <v>19471</v>
      </c>
      <c r="E2458" s="10"/>
      <c r="F2458" s="10"/>
      <c r="G2458" s="8"/>
      <c r="H2458" s="8" t="s">
        <v>19472</v>
      </c>
      <c r="I2458" s="11">
        <v>40732</v>
      </c>
      <c r="J2458" s="11">
        <v>43374</v>
      </c>
      <c r="K2458" s="11">
        <v>45930</v>
      </c>
    </row>
    <row r="2459" spans="1:11" x14ac:dyDescent="0.4">
      <c r="A2459" s="8" t="s">
        <v>19323</v>
      </c>
      <c r="B2459" s="8"/>
      <c r="C2459" s="9" t="s">
        <v>739</v>
      </c>
      <c r="D2459" s="9" t="s">
        <v>19473</v>
      </c>
      <c r="E2459" s="10"/>
      <c r="F2459" s="10" t="s">
        <v>736</v>
      </c>
      <c r="G2459" s="8" t="s">
        <v>19474</v>
      </c>
      <c r="H2459" s="8" t="s">
        <v>19475</v>
      </c>
      <c r="I2459" s="11">
        <v>40732</v>
      </c>
      <c r="J2459" s="11">
        <v>43647</v>
      </c>
      <c r="K2459" s="11">
        <v>46203</v>
      </c>
    </row>
    <row r="2460" spans="1:11" x14ac:dyDescent="0.4">
      <c r="A2460" s="8" t="s">
        <v>19323</v>
      </c>
      <c r="B2460" s="8"/>
      <c r="C2460" s="9" t="s">
        <v>13026</v>
      </c>
      <c r="D2460" s="9" t="s">
        <v>13027</v>
      </c>
      <c r="E2460" s="10"/>
      <c r="F2460" s="10"/>
      <c r="G2460" s="8"/>
      <c r="H2460" s="8" t="s">
        <v>19476</v>
      </c>
      <c r="I2460" s="11">
        <v>40732</v>
      </c>
      <c r="J2460" s="11">
        <v>43405</v>
      </c>
      <c r="K2460" s="11">
        <v>45961</v>
      </c>
    </row>
    <row r="2461" spans="1:11" x14ac:dyDescent="0.4">
      <c r="A2461" s="8" t="s">
        <v>19323</v>
      </c>
      <c r="B2461" s="8"/>
      <c r="C2461" s="9" t="s">
        <v>12927</v>
      </c>
      <c r="D2461" s="9" t="s">
        <v>19477</v>
      </c>
      <c r="E2461" s="10"/>
      <c r="F2461" s="10" t="s">
        <v>12929</v>
      </c>
      <c r="G2461" s="8" t="s">
        <v>12930</v>
      </c>
      <c r="H2461" s="8" t="s">
        <v>19478</v>
      </c>
      <c r="I2461" s="11">
        <v>40732</v>
      </c>
      <c r="J2461" s="11">
        <v>43405</v>
      </c>
      <c r="K2461" s="11">
        <v>45961</v>
      </c>
    </row>
    <row r="2462" spans="1:11" x14ac:dyDescent="0.4">
      <c r="A2462" s="8" t="s">
        <v>19323</v>
      </c>
      <c r="B2462" s="8"/>
      <c r="C2462" s="9" t="s">
        <v>19479</v>
      </c>
      <c r="D2462" s="9" t="s">
        <v>19480</v>
      </c>
      <c r="E2462" s="10"/>
      <c r="F2462" s="10"/>
      <c r="G2462" s="8"/>
      <c r="H2462" s="8" t="s">
        <v>19481</v>
      </c>
      <c r="I2462" s="11">
        <v>40739</v>
      </c>
      <c r="J2462" s="11">
        <v>43586</v>
      </c>
      <c r="K2462" s="11">
        <v>46142</v>
      </c>
    </row>
    <row r="2463" spans="1:11" x14ac:dyDescent="0.4">
      <c r="A2463" s="8" t="s">
        <v>19323</v>
      </c>
      <c r="B2463" s="8"/>
      <c r="C2463" s="9" t="s">
        <v>19482</v>
      </c>
      <c r="D2463" s="9" t="s">
        <v>19483</v>
      </c>
      <c r="E2463" s="10"/>
      <c r="F2463" s="10"/>
      <c r="G2463" s="8"/>
      <c r="H2463" s="8" t="s">
        <v>19484</v>
      </c>
      <c r="I2463" s="11">
        <v>40739</v>
      </c>
      <c r="J2463" s="11">
        <v>43405</v>
      </c>
      <c r="K2463" s="11">
        <v>45961</v>
      </c>
    </row>
    <row r="2464" spans="1:11" x14ac:dyDescent="0.4">
      <c r="A2464" s="8" t="s">
        <v>19323</v>
      </c>
      <c r="B2464" s="8"/>
      <c r="C2464" s="9" t="s">
        <v>19485</v>
      </c>
      <c r="D2464" s="9" t="s">
        <v>19486</v>
      </c>
      <c r="E2464" s="10"/>
      <c r="F2464" s="10" t="s">
        <v>19487</v>
      </c>
      <c r="G2464" s="8" t="s">
        <v>19488</v>
      </c>
      <c r="H2464" s="8" t="s">
        <v>19489</v>
      </c>
      <c r="I2464" s="11">
        <v>40746</v>
      </c>
      <c r="J2464" s="11">
        <v>43647</v>
      </c>
      <c r="K2464" s="11">
        <v>46203</v>
      </c>
    </row>
    <row r="2465" spans="1:11" x14ac:dyDescent="0.4">
      <c r="A2465" s="8" t="s">
        <v>19323</v>
      </c>
      <c r="B2465" s="8"/>
      <c r="C2465" s="9" t="s">
        <v>14280</v>
      </c>
      <c r="D2465" s="9" t="s">
        <v>14281</v>
      </c>
      <c r="E2465" s="10"/>
      <c r="F2465" s="10" t="s">
        <v>14282</v>
      </c>
      <c r="G2465" s="8" t="s">
        <v>14283</v>
      </c>
      <c r="H2465" s="8" t="s">
        <v>19490</v>
      </c>
      <c r="I2465" s="11">
        <v>40786</v>
      </c>
      <c r="J2465" s="11">
        <v>43282</v>
      </c>
      <c r="K2465" s="11">
        <v>45473</v>
      </c>
    </row>
    <row r="2466" spans="1:11" x14ac:dyDescent="0.4">
      <c r="A2466" s="8" t="s">
        <v>19323</v>
      </c>
      <c r="B2466" s="8"/>
      <c r="C2466" s="9" t="s">
        <v>14302</v>
      </c>
      <c r="D2466" s="9" t="s">
        <v>14303</v>
      </c>
      <c r="E2466" s="10"/>
      <c r="F2466" s="10"/>
      <c r="G2466" s="8"/>
      <c r="H2466" s="8" t="s">
        <v>19491</v>
      </c>
      <c r="I2466" s="11">
        <v>40886</v>
      </c>
      <c r="J2466" s="11">
        <v>43374</v>
      </c>
      <c r="K2466" s="11">
        <v>45565</v>
      </c>
    </row>
    <row r="2467" spans="1:11" x14ac:dyDescent="0.4">
      <c r="A2467" s="8" t="s">
        <v>19323</v>
      </c>
      <c r="B2467" s="8"/>
      <c r="C2467" s="9" t="s">
        <v>4769</v>
      </c>
      <c r="D2467" s="9" t="s">
        <v>19492</v>
      </c>
      <c r="E2467" s="10"/>
      <c r="F2467" s="10" t="s">
        <v>14400</v>
      </c>
      <c r="G2467" s="8" t="s">
        <v>14401</v>
      </c>
      <c r="H2467" s="8" t="s">
        <v>19493</v>
      </c>
      <c r="I2467" s="11">
        <v>40940</v>
      </c>
      <c r="J2467" s="11">
        <v>43556</v>
      </c>
      <c r="K2467" s="11">
        <v>46112</v>
      </c>
    </row>
    <row r="2468" spans="1:11" x14ac:dyDescent="0.4">
      <c r="A2468" s="8" t="s">
        <v>19323</v>
      </c>
      <c r="B2468" s="8"/>
      <c r="C2468" s="9" t="s">
        <v>14374</v>
      </c>
      <c r="D2468" s="9" t="s">
        <v>14375</v>
      </c>
      <c r="E2468" s="10"/>
      <c r="F2468" s="10"/>
      <c r="G2468" s="8"/>
      <c r="H2468" s="8" t="s">
        <v>19494</v>
      </c>
      <c r="I2468" s="11">
        <v>41058</v>
      </c>
      <c r="J2468" s="11">
        <v>43556</v>
      </c>
      <c r="K2468" s="11">
        <v>45747</v>
      </c>
    </row>
    <row r="2469" spans="1:11" x14ac:dyDescent="0.4">
      <c r="A2469" s="8" t="s">
        <v>19323</v>
      </c>
      <c r="B2469" s="8"/>
      <c r="C2469" s="9" t="s">
        <v>19495</v>
      </c>
      <c r="D2469" s="9" t="s">
        <v>19496</v>
      </c>
      <c r="E2469" s="10"/>
      <c r="F2469" s="10" t="s">
        <v>19497</v>
      </c>
      <c r="G2469" s="8" t="s">
        <v>19498</v>
      </c>
      <c r="H2469" s="8" t="s">
        <v>19499</v>
      </c>
      <c r="I2469" s="11">
        <v>41082</v>
      </c>
      <c r="J2469" s="11">
        <v>43770</v>
      </c>
      <c r="K2469" s="11">
        <v>46326</v>
      </c>
    </row>
    <row r="2470" spans="1:11" x14ac:dyDescent="0.4">
      <c r="A2470" s="8" t="s">
        <v>19323</v>
      </c>
      <c r="B2470" s="8"/>
      <c r="C2470" s="9" t="s">
        <v>14393</v>
      </c>
      <c r="D2470" s="9" t="s">
        <v>14394</v>
      </c>
      <c r="E2470" s="10"/>
      <c r="F2470" s="10" t="s">
        <v>14395</v>
      </c>
      <c r="G2470" s="8" t="s">
        <v>14396</v>
      </c>
      <c r="H2470" s="8" t="s">
        <v>19500</v>
      </c>
      <c r="I2470" s="11">
        <v>41086</v>
      </c>
      <c r="J2470" s="11">
        <v>43739</v>
      </c>
      <c r="K2470" s="11">
        <v>46295</v>
      </c>
    </row>
    <row r="2471" spans="1:11" x14ac:dyDescent="0.4">
      <c r="A2471" s="8" t="s">
        <v>19323</v>
      </c>
      <c r="B2471" s="8"/>
      <c r="C2471" s="9" t="s">
        <v>14398</v>
      </c>
      <c r="D2471" s="9" t="s">
        <v>14399</v>
      </c>
      <c r="E2471" s="10"/>
      <c r="F2471" s="10" t="s">
        <v>14400</v>
      </c>
      <c r="G2471" s="8" t="s">
        <v>14401</v>
      </c>
      <c r="H2471" s="8" t="s">
        <v>19501</v>
      </c>
      <c r="I2471" s="11">
        <v>41091</v>
      </c>
      <c r="J2471" s="11">
        <v>43556</v>
      </c>
      <c r="K2471" s="11">
        <v>45747</v>
      </c>
    </row>
    <row r="2472" spans="1:11" x14ac:dyDescent="0.4">
      <c r="A2472" s="8" t="s">
        <v>19323</v>
      </c>
      <c r="B2472" s="8"/>
      <c r="C2472" s="9" t="s">
        <v>14413</v>
      </c>
      <c r="D2472" s="9" t="s">
        <v>14414</v>
      </c>
      <c r="E2472" s="10"/>
      <c r="F2472" s="10"/>
      <c r="G2472" s="8"/>
      <c r="H2472" s="8" t="s">
        <v>19502</v>
      </c>
      <c r="I2472" s="11">
        <v>41088</v>
      </c>
      <c r="J2472" s="11">
        <v>43282</v>
      </c>
      <c r="K2472" s="11">
        <v>45473</v>
      </c>
    </row>
    <row r="2473" spans="1:11" x14ac:dyDescent="0.4">
      <c r="A2473" s="8" t="s">
        <v>19323</v>
      </c>
      <c r="B2473" s="8"/>
      <c r="C2473" s="9" t="s">
        <v>14434</v>
      </c>
      <c r="D2473" s="9" t="s">
        <v>14435</v>
      </c>
      <c r="E2473" s="10"/>
      <c r="F2473" s="10"/>
      <c r="G2473" s="8"/>
      <c r="H2473" s="8" t="s">
        <v>19503</v>
      </c>
      <c r="I2473" s="11">
        <v>41114</v>
      </c>
      <c r="J2473" s="11">
        <v>43405</v>
      </c>
      <c r="K2473" s="11">
        <v>45596</v>
      </c>
    </row>
    <row r="2474" spans="1:11" x14ac:dyDescent="0.4">
      <c r="A2474" s="8" t="s">
        <v>19323</v>
      </c>
      <c r="B2474" s="8"/>
      <c r="C2474" s="9" t="s">
        <v>19504</v>
      </c>
      <c r="D2474" s="9" t="s">
        <v>19505</v>
      </c>
      <c r="E2474" s="10"/>
      <c r="F2474" s="10"/>
      <c r="G2474" s="8"/>
      <c r="H2474" s="8" t="s">
        <v>19506</v>
      </c>
      <c r="I2474" s="11">
        <v>41130</v>
      </c>
      <c r="J2474" s="11">
        <v>43922</v>
      </c>
      <c r="K2474" s="11">
        <v>46477</v>
      </c>
    </row>
    <row r="2475" spans="1:11" x14ac:dyDescent="0.4">
      <c r="A2475" s="8" t="s">
        <v>19323</v>
      </c>
      <c r="B2475" s="8"/>
      <c r="C2475" s="9" t="s">
        <v>14476</v>
      </c>
      <c r="D2475" s="9" t="s">
        <v>14477</v>
      </c>
      <c r="E2475" s="10"/>
      <c r="F2475" s="10" t="s">
        <v>5428</v>
      </c>
      <c r="G2475" s="8" t="s">
        <v>14479</v>
      </c>
      <c r="H2475" s="8" t="s">
        <v>19507</v>
      </c>
      <c r="I2475" s="11">
        <v>41171</v>
      </c>
      <c r="J2475" s="11">
        <v>43405</v>
      </c>
      <c r="K2475" s="11">
        <v>45596</v>
      </c>
    </row>
    <row r="2476" spans="1:11" x14ac:dyDescent="0.4">
      <c r="A2476" s="8" t="s">
        <v>19323</v>
      </c>
      <c r="B2476" s="8"/>
      <c r="C2476" s="9" t="s">
        <v>14521</v>
      </c>
      <c r="D2476" s="9" t="s">
        <v>14522</v>
      </c>
      <c r="E2476" s="10"/>
      <c r="F2476" s="10"/>
      <c r="G2476" s="8"/>
      <c r="H2476" s="8" t="s">
        <v>19508</v>
      </c>
      <c r="I2476" s="11">
        <v>41240</v>
      </c>
      <c r="J2476" s="11">
        <v>43374</v>
      </c>
      <c r="K2476" s="11">
        <v>45565</v>
      </c>
    </row>
    <row r="2477" spans="1:11" x14ac:dyDescent="0.4">
      <c r="A2477" s="8" t="s">
        <v>19323</v>
      </c>
      <c r="B2477" s="8"/>
      <c r="C2477" s="9" t="s">
        <v>14524</v>
      </c>
      <c r="D2477" s="9" t="s">
        <v>14525</v>
      </c>
      <c r="E2477" s="10" t="s">
        <v>14526</v>
      </c>
      <c r="F2477" s="10"/>
      <c r="G2477" s="8"/>
      <c r="H2477" s="8" t="s">
        <v>19509</v>
      </c>
      <c r="I2477" s="11">
        <v>41236</v>
      </c>
      <c r="J2477" s="11">
        <v>43556</v>
      </c>
      <c r="K2477" s="11">
        <v>45747</v>
      </c>
    </row>
    <row r="2478" spans="1:11" x14ac:dyDescent="0.4">
      <c r="A2478" s="8" t="s">
        <v>19323</v>
      </c>
      <c r="B2478" s="8"/>
      <c r="C2478" s="9" t="s">
        <v>14585</v>
      </c>
      <c r="D2478" s="9" t="s">
        <v>14586</v>
      </c>
      <c r="E2478" s="10"/>
      <c r="F2478" s="10" t="s">
        <v>14587</v>
      </c>
      <c r="G2478" s="8" t="s">
        <v>14588</v>
      </c>
      <c r="H2478" s="8" t="s">
        <v>19510</v>
      </c>
      <c r="I2478" s="11">
        <v>41363</v>
      </c>
      <c r="J2478" s="11">
        <v>43647</v>
      </c>
      <c r="K2478" s="11">
        <v>45838</v>
      </c>
    </row>
    <row r="2479" spans="1:11" x14ac:dyDescent="0.4">
      <c r="A2479" s="8" t="s">
        <v>19323</v>
      </c>
      <c r="B2479" s="8"/>
      <c r="C2479" s="9" t="s">
        <v>19511</v>
      </c>
      <c r="D2479" s="9" t="s">
        <v>14624</v>
      </c>
      <c r="E2479" s="10"/>
      <c r="F2479" s="10"/>
      <c r="G2479" s="8"/>
      <c r="H2479" s="8" t="s">
        <v>19512</v>
      </c>
      <c r="I2479" s="11">
        <v>41395</v>
      </c>
      <c r="J2479" s="11">
        <v>43739</v>
      </c>
      <c r="K2479" s="11">
        <v>45930</v>
      </c>
    </row>
    <row r="2480" spans="1:11" x14ac:dyDescent="0.4">
      <c r="A2480" s="8" t="s">
        <v>19323</v>
      </c>
      <c r="B2480" s="8"/>
      <c r="C2480" s="9" t="s">
        <v>14670</v>
      </c>
      <c r="D2480" s="9" t="s">
        <v>14671</v>
      </c>
      <c r="E2480" s="10"/>
      <c r="F2480" s="10"/>
      <c r="G2480" s="8"/>
      <c r="H2480" s="8" t="s">
        <v>19513</v>
      </c>
      <c r="I2480" s="11">
        <v>41485</v>
      </c>
      <c r="J2480" s="11">
        <v>43922</v>
      </c>
      <c r="K2480" s="11">
        <v>46112</v>
      </c>
    </row>
    <row r="2481" spans="1:11" x14ac:dyDescent="0.4">
      <c r="A2481" s="8" t="s">
        <v>19323</v>
      </c>
      <c r="B2481" s="8"/>
      <c r="C2481" s="9" t="s">
        <v>14685</v>
      </c>
      <c r="D2481" s="9" t="s">
        <v>14686</v>
      </c>
      <c r="E2481" s="10"/>
      <c r="F2481" s="10"/>
      <c r="G2481" s="8"/>
      <c r="H2481" s="8" t="s">
        <v>19514</v>
      </c>
      <c r="I2481" s="11">
        <v>41501</v>
      </c>
      <c r="J2481" s="11">
        <v>43952</v>
      </c>
      <c r="K2481" s="11">
        <v>46142</v>
      </c>
    </row>
    <row r="2482" spans="1:11" x14ac:dyDescent="0.4">
      <c r="A2482" s="8" t="s">
        <v>19323</v>
      </c>
      <c r="B2482" s="8"/>
      <c r="C2482" s="9" t="s">
        <v>14692</v>
      </c>
      <c r="D2482" s="9" t="s">
        <v>14693</v>
      </c>
      <c r="E2482" s="10"/>
      <c r="F2482" s="10"/>
      <c r="G2482" s="8"/>
      <c r="H2482" s="8" t="s">
        <v>19515</v>
      </c>
      <c r="I2482" s="11">
        <v>41514</v>
      </c>
      <c r="J2482" s="11">
        <v>43739</v>
      </c>
      <c r="K2482" s="11">
        <v>45930</v>
      </c>
    </row>
    <row r="2483" spans="1:11" x14ac:dyDescent="0.4">
      <c r="A2483" s="8" t="s">
        <v>19323</v>
      </c>
      <c r="B2483" s="8"/>
      <c r="C2483" s="9" t="s">
        <v>14869</v>
      </c>
      <c r="D2483" s="9" t="s">
        <v>14870</v>
      </c>
      <c r="E2483" s="10"/>
      <c r="F2483" s="10"/>
      <c r="G2483" s="8"/>
      <c r="H2483" s="8" t="s">
        <v>19516</v>
      </c>
      <c r="I2483" s="11">
        <v>41702</v>
      </c>
      <c r="J2483" s="11">
        <v>43922</v>
      </c>
      <c r="K2483" s="11">
        <v>46112</v>
      </c>
    </row>
    <row r="2484" spans="1:11" x14ac:dyDescent="0.4">
      <c r="A2484" s="8" t="s">
        <v>19323</v>
      </c>
      <c r="B2484" s="8"/>
      <c r="C2484" s="9" t="s">
        <v>19517</v>
      </c>
      <c r="D2484" s="9" t="s">
        <v>19518</v>
      </c>
      <c r="E2484" s="10"/>
      <c r="F2484" s="10" t="s">
        <v>11694</v>
      </c>
      <c r="G2484" s="8" t="s">
        <v>11695</v>
      </c>
      <c r="H2484" s="8" t="s">
        <v>19519</v>
      </c>
      <c r="I2484" s="11">
        <v>42125</v>
      </c>
      <c r="J2484" s="11">
        <v>44378</v>
      </c>
      <c r="K2484" s="11">
        <v>46568</v>
      </c>
    </row>
    <row r="2485" spans="1:11" x14ac:dyDescent="0.4">
      <c r="A2485" s="8" t="s">
        <v>19323</v>
      </c>
      <c r="B2485" s="8"/>
      <c r="C2485" s="9" t="s">
        <v>19520</v>
      </c>
      <c r="D2485" s="9" t="s">
        <v>19521</v>
      </c>
      <c r="E2485" s="10"/>
      <c r="F2485" s="10" t="s">
        <v>19362</v>
      </c>
      <c r="G2485" s="8" t="s">
        <v>19363</v>
      </c>
      <c r="H2485" s="8" t="s">
        <v>19522</v>
      </c>
      <c r="I2485" s="11">
        <v>42164</v>
      </c>
      <c r="J2485" s="11">
        <v>44378</v>
      </c>
      <c r="K2485" s="11">
        <v>46568</v>
      </c>
    </row>
    <row r="2486" spans="1:11" x14ac:dyDescent="0.4">
      <c r="A2486" s="8" t="s">
        <v>19323</v>
      </c>
      <c r="B2486" s="8"/>
      <c r="C2486" s="9" t="s">
        <v>12959</v>
      </c>
      <c r="D2486" s="9" t="s">
        <v>12960</v>
      </c>
      <c r="E2486" s="10" t="s">
        <v>12961</v>
      </c>
      <c r="F2486" s="10" t="s">
        <v>12962</v>
      </c>
      <c r="G2486" s="8" t="s">
        <v>12963</v>
      </c>
      <c r="H2486" s="8" t="s">
        <v>19523</v>
      </c>
      <c r="I2486" s="11">
        <v>42474</v>
      </c>
      <c r="J2486" s="11">
        <v>42474</v>
      </c>
      <c r="K2486" s="11">
        <v>45626</v>
      </c>
    </row>
    <row r="2487" spans="1:11" x14ac:dyDescent="0.4">
      <c r="A2487" s="8" t="s">
        <v>19323</v>
      </c>
      <c r="B2487" s="8"/>
      <c r="C2487" s="9" t="s">
        <v>19524</v>
      </c>
      <c r="D2487" s="9" t="s">
        <v>19525</v>
      </c>
      <c r="E2487" s="10"/>
      <c r="F2487" s="10" t="s">
        <v>19526</v>
      </c>
      <c r="G2487" s="8" t="s">
        <v>19527</v>
      </c>
      <c r="H2487" s="8" t="s">
        <v>19528</v>
      </c>
      <c r="I2487" s="11">
        <v>42879</v>
      </c>
      <c r="J2487" s="11">
        <v>42879</v>
      </c>
      <c r="K2487" s="11">
        <v>45473</v>
      </c>
    </row>
    <row r="2488" spans="1:11" x14ac:dyDescent="0.4">
      <c r="A2488" s="8" t="s">
        <v>19323</v>
      </c>
      <c r="B2488" s="8"/>
      <c r="C2488" s="9" t="s">
        <v>15437</v>
      </c>
      <c r="D2488" s="9" t="s">
        <v>15438</v>
      </c>
      <c r="E2488" s="10"/>
      <c r="F2488" s="10" t="s">
        <v>13387</v>
      </c>
      <c r="G2488" s="8" t="s">
        <v>13388</v>
      </c>
      <c r="H2488" s="8" t="s">
        <v>19529</v>
      </c>
      <c r="I2488" s="11">
        <v>42951</v>
      </c>
      <c r="J2488" s="11">
        <v>42951</v>
      </c>
      <c r="K2488" s="11">
        <v>45473</v>
      </c>
    </row>
    <row r="2489" spans="1:11" x14ac:dyDescent="0.4">
      <c r="A2489" s="8" t="s">
        <v>19323</v>
      </c>
      <c r="B2489" s="8"/>
      <c r="C2489" s="9" t="s">
        <v>15491</v>
      </c>
      <c r="D2489" s="9" t="s">
        <v>15492</v>
      </c>
      <c r="E2489" s="10"/>
      <c r="F2489" s="10"/>
      <c r="G2489" s="8"/>
      <c r="H2489" s="8" t="s">
        <v>19530</v>
      </c>
      <c r="I2489" s="11">
        <v>43132</v>
      </c>
      <c r="J2489" s="11">
        <v>43132</v>
      </c>
      <c r="K2489" s="11">
        <v>45565</v>
      </c>
    </row>
    <row r="2490" spans="1:11" x14ac:dyDescent="0.4">
      <c r="A2490" s="8" t="s">
        <v>19323</v>
      </c>
      <c r="B2490" s="8"/>
      <c r="C2490" s="9" t="s">
        <v>15501</v>
      </c>
      <c r="D2490" s="9" t="s">
        <v>15472</v>
      </c>
      <c r="E2490" s="10"/>
      <c r="F2490" s="10"/>
      <c r="G2490" s="8"/>
      <c r="H2490" s="8" t="s">
        <v>19531</v>
      </c>
      <c r="I2490" s="11">
        <v>43131</v>
      </c>
      <c r="J2490" s="11">
        <v>43131</v>
      </c>
      <c r="K2490" s="11">
        <v>45565</v>
      </c>
    </row>
    <row r="2491" spans="1:11" x14ac:dyDescent="0.4">
      <c r="A2491" s="8" t="s">
        <v>19323</v>
      </c>
      <c r="B2491" s="8"/>
      <c r="C2491" s="9" t="s">
        <v>11660</v>
      </c>
      <c r="D2491" s="9" t="s">
        <v>11661</v>
      </c>
      <c r="E2491" s="10"/>
      <c r="F2491" s="10"/>
      <c r="G2491" s="8"/>
      <c r="H2491" s="8" t="s">
        <v>19532</v>
      </c>
      <c r="I2491" s="11">
        <v>43137</v>
      </c>
      <c r="J2491" s="11">
        <v>43137</v>
      </c>
      <c r="K2491" s="11">
        <v>45473</v>
      </c>
    </row>
    <row r="2492" spans="1:11" x14ac:dyDescent="0.4">
      <c r="A2492" s="8" t="s">
        <v>19323</v>
      </c>
      <c r="B2492" s="8"/>
      <c r="C2492" s="9" t="s">
        <v>15631</v>
      </c>
      <c r="D2492" s="9" t="s">
        <v>15632</v>
      </c>
      <c r="E2492" s="10"/>
      <c r="F2492" s="10" t="s">
        <v>10432</v>
      </c>
      <c r="G2492" s="8" t="s">
        <v>15633</v>
      </c>
      <c r="H2492" s="8" t="s">
        <v>19533</v>
      </c>
      <c r="I2492" s="11">
        <v>43230</v>
      </c>
      <c r="J2492" s="11">
        <v>43230</v>
      </c>
      <c r="K2492" s="11">
        <v>45473</v>
      </c>
    </row>
    <row r="2493" spans="1:11" x14ac:dyDescent="0.4">
      <c r="A2493" s="8" t="s">
        <v>19323</v>
      </c>
      <c r="B2493" s="8"/>
      <c r="C2493" s="9" t="s">
        <v>15648</v>
      </c>
      <c r="D2493" s="9" t="s">
        <v>15649</v>
      </c>
      <c r="E2493" s="10"/>
      <c r="F2493" s="10" t="s">
        <v>15650</v>
      </c>
      <c r="G2493" s="8" t="s">
        <v>15651</v>
      </c>
      <c r="H2493" s="8" t="s">
        <v>19534</v>
      </c>
      <c r="I2493" s="11">
        <v>43252</v>
      </c>
      <c r="J2493" s="11">
        <v>43252</v>
      </c>
      <c r="K2493" s="11">
        <v>45777</v>
      </c>
    </row>
    <row r="2494" spans="1:11" x14ac:dyDescent="0.4">
      <c r="A2494" s="8" t="s">
        <v>19323</v>
      </c>
      <c r="B2494" s="8"/>
      <c r="C2494" s="9" t="s">
        <v>15719</v>
      </c>
      <c r="D2494" s="9" t="s">
        <v>15720</v>
      </c>
      <c r="E2494" s="10"/>
      <c r="F2494" s="10"/>
      <c r="G2494" s="8"/>
      <c r="H2494" s="8" t="s">
        <v>19535</v>
      </c>
      <c r="I2494" s="11">
        <v>43279</v>
      </c>
      <c r="J2494" s="11">
        <v>43279</v>
      </c>
      <c r="K2494" s="11">
        <v>45596</v>
      </c>
    </row>
    <row r="2495" spans="1:11" x14ac:dyDescent="0.4">
      <c r="A2495" s="8" t="s">
        <v>19323</v>
      </c>
      <c r="B2495" s="8"/>
      <c r="C2495" s="9" t="s">
        <v>16637</v>
      </c>
      <c r="D2495" s="9" t="s">
        <v>16636</v>
      </c>
      <c r="E2495" s="10"/>
      <c r="F2495" s="10" t="s">
        <v>16637</v>
      </c>
      <c r="G2495" s="8" t="s">
        <v>16638</v>
      </c>
      <c r="H2495" s="8" t="s">
        <v>19536</v>
      </c>
      <c r="I2495" s="11">
        <v>43292</v>
      </c>
      <c r="J2495" s="11">
        <v>43292</v>
      </c>
      <c r="K2495" s="11">
        <v>45747</v>
      </c>
    </row>
    <row r="2496" spans="1:11" x14ac:dyDescent="0.4">
      <c r="A2496" s="8" t="s">
        <v>19323</v>
      </c>
      <c r="B2496" s="8"/>
      <c r="C2496" s="9" t="s">
        <v>15783</v>
      </c>
      <c r="D2496" s="9" t="s">
        <v>15784</v>
      </c>
      <c r="E2496" s="10"/>
      <c r="F2496" s="10"/>
      <c r="G2496" s="8"/>
      <c r="H2496" s="8" t="s">
        <v>19537</v>
      </c>
      <c r="I2496" s="11">
        <v>43320</v>
      </c>
      <c r="J2496" s="11">
        <v>43320</v>
      </c>
      <c r="K2496" s="11">
        <v>45596</v>
      </c>
    </row>
    <row r="2497" spans="1:11" x14ac:dyDescent="0.4">
      <c r="A2497" s="8" t="s">
        <v>19323</v>
      </c>
      <c r="B2497" s="8"/>
      <c r="C2497" s="9" t="s">
        <v>11672</v>
      </c>
      <c r="D2497" s="9" t="s">
        <v>11673</v>
      </c>
      <c r="E2497" s="10"/>
      <c r="F2497" s="10"/>
      <c r="G2497" s="8"/>
      <c r="H2497" s="8" t="s">
        <v>19538</v>
      </c>
      <c r="I2497" s="11">
        <v>43344</v>
      </c>
      <c r="J2497" s="11">
        <v>43344</v>
      </c>
      <c r="K2497" s="11">
        <v>45565</v>
      </c>
    </row>
    <row r="2498" spans="1:11" x14ac:dyDescent="0.4">
      <c r="A2498" s="8" t="s">
        <v>19323</v>
      </c>
      <c r="B2498" s="8"/>
      <c r="C2498" s="9" t="s">
        <v>15845</v>
      </c>
      <c r="D2498" s="9" t="s">
        <v>15846</v>
      </c>
      <c r="E2498" s="10"/>
      <c r="F2498" s="10"/>
      <c r="G2498" s="8"/>
      <c r="H2498" s="8" t="s">
        <v>19539</v>
      </c>
      <c r="I2498" s="11">
        <v>43374</v>
      </c>
      <c r="J2498" s="11">
        <v>43374</v>
      </c>
      <c r="K2498" s="11">
        <v>45747</v>
      </c>
    </row>
    <row r="2499" spans="1:11" x14ac:dyDescent="0.4">
      <c r="A2499" s="8" t="s">
        <v>19323</v>
      </c>
      <c r="B2499" s="8"/>
      <c r="C2499" s="9" t="s">
        <v>15903</v>
      </c>
      <c r="D2499" s="9" t="s">
        <v>12792</v>
      </c>
      <c r="E2499" s="10"/>
      <c r="F2499" s="10"/>
      <c r="G2499" s="8"/>
      <c r="H2499" s="8" t="s">
        <v>19540</v>
      </c>
      <c r="I2499" s="11">
        <v>43392</v>
      </c>
      <c r="J2499" s="11">
        <v>43392</v>
      </c>
      <c r="K2499" s="11">
        <v>45777</v>
      </c>
    </row>
    <row r="2500" spans="1:11" x14ac:dyDescent="0.4">
      <c r="A2500" s="8" t="s">
        <v>19323</v>
      </c>
      <c r="B2500" s="8"/>
      <c r="C2500" s="9" t="s">
        <v>16329</v>
      </c>
      <c r="D2500" s="9" t="s">
        <v>13036</v>
      </c>
      <c r="E2500" s="10" t="s">
        <v>19541</v>
      </c>
      <c r="F2500" s="10" t="s">
        <v>16331</v>
      </c>
      <c r="G2500" s="8" t="s">
        <v>16332</v>
      </c>
      <c r="H2500" s="8" t="s">
        <v>19542</v>
      </c>
      <c r="I2500" s="11">
        <v>43406</v>
      </c>
      <c r="J2500" s="11">
        <v>43406</v>
      </c>
      <c r="K2500" s="11">
        <v>45961</v>
      </c>
    </row>
    <row r="2501" spans="1:11" x14ac:dyDescent="0.4">
      <c r="A2501" s="8" t="s">
        <v>19323</v>
      </c>
      <c r="B2501" s="8"/>
      <c r="C2501" s="9" t="s">
        <v>15934</v>
      </c>
      <c r="D2501" s="9" t="s">
        <v>15935</v>
      </c>
      <c r="E2501" s="10"/>
      <c r="F2501" s="10" t="s">
        <v>14400</v>
      </c>
      <c r="G2501" s="8" t="s">
        <v>14401</v>
      </c>
      <c r="H2501" s="8" t="s">
        <v>19543</v>
      </c>
      <c r="I2501" s="11">
        <v>43408</v>
      </c>
      <c r="J2501" s="11">
        <v>43408</v>
      </c>
      <c r="K2501" s="11">
        <v>45747</v>
      </c>
    </row>
    <row r="2502" spans="1:11" x14ac:dyDescent="0.4">
      <c r="A2502" s="8" t="s">
        <v>19323</v>
      </c>
      <c r="B2502" s="8"/>
      <c r="C2502" s="9" t="s">
        <v>11565</v>
      </c>
      <c r="D2502" s="9" t="s">
        <v>11566</v>
      </c>
      <c r="E2502" s="10"/>
      <c r="F2502" s="10" t="s">
        <v>11565</v>
      </c>
      <c r="G2502" s="8" t="s">
        <v>11566</v>
      </c>
      <c r="H2502" s="8" t="s">
        <v>19544</v>
      </c>
      <c r="I2502" s="11">
        <v>43461</v>
      </c>
      <c r="J2502" s="11">
        <v>43461</v>
      </c>
      <c r="K2502" s="11">
        <v>45777</v>
      </c>
    </row>
    <row r="2503" spans="1:11" x14ac:dyDescent="0.4">
      <c r="A2503" s="8" t="s">
        <v>19323</v>
      </c>
      <c r="B2503" s="8"/>
      <c r="C2503" s="9" t="s">
        <v>16081</v>
      </c>
      <c r="D2503" s="9" t="s">
        <v>16082</v>
      </c>
      <c r="E2503" s="10"/>
      <c r="F2503" s="10" t="s">
        <v>16083</v>
      </c>
      <c r="G2503" s="8" t="s">
        <v>16084</v>
      </c>
      <c r="H2503" s="8" t="s">
        <v>19545</v>
      </c>
      <c r="I2503" s="11">
        <v>43497</v>
      </c>
      <c r="J2503" s="11">
        <v>43497</v>
      </c>
      <c r="K2503" s="11">
        <v>45838</v>
      </c>
    </row>
    <row r="2504" spans="1:11" x14ac:dyDescent="0.4">
      <c r="A2504" s="8" t="s">
        <v>19323</v>
      </c>
      <c r="B2504" s="8"/>
      <c r="C2504" s="9" t="s">
        <v>16107</v>
      </c>
      <c r="D2504" s="9" t="s">
        <v>16108</v>
      </c>
      <c r="E2504" s="10"/>
      <c r="F2504" s="10"/>
      <c r="G2504" s="8"/>
      <c r="H2504" s="8" t="s">
        <v>19546</v>
      </c>
      <c r="I2504" s="11">
        <v>43511</v>
      </c>
      <c r="J2504" s="11">
        <v>43511</v>
      </c>
      <c r="K2504" s="11">
        <v>45961</v>
      </c>
    </row>
    <row r="2505" spans="1:11" x14ac:dyDescent="0.4">
      <c r="A2505" s="8" t="s">
        <v>19323</v>
      </c>
      <c r="B2505" s="8"/>
      <c r="C2505" s="9" t="s">
        <v>16148</v>
      </c>
      <c r="D2505" s="9" t="s">
        <v>16149</v>
      </c>
      <c r="E2505" s="10"/>
      <c r="F2505" s="10"/>
      <c r="G2505" s="8"/>
      <c r="H2505" s="8" t="s">
        <v>19547</v>
      </c>
      <c r="I2505" s="11">
        <v>43519</v>
      </c>
      <c r="J2505" s="11">
        <v>43519</v>
      </c>
      <c r="K2505" s="11">
        <v>46173</v>
      </c>
    </row>
    <row r="2506" spans="1:11" x14ac:dyDescent="0.4">
      <c r="A2506" s="8" t="s">
        <v>19323</v>
      </c>
      <c r="B2506" s="8"/>
      <c r="C2506" s="9" t="s">
        <v>16173</v>
      </c>
      <c r="D2506" s="9" t="s">
        <v>16174</v>
      </c>
      <c r="E2506" s="10"/>
      <c r="F2506" s="10" t="s">
        <v>16175</v>
      </c>
      <c r="G2506" s="8" t="s">
        <v>16176</v>
      </c>
      <c r="H2506" s="8" t="s">
        <v>19548</v>
      </c>
      <c r="I2506" s="11">
        <v>43524</v>
      </c>
      <c r="J2506" s="11">
        <v>43524</v>
      </c>
      <c r="K2506" s="11">
        <v>45777</v>
      </c>
    </row>
    <row r="2507" spans="1:11" x14ac:dyDescent="0.4">
      <c r="A2507" s="8" t="s">
        <v>19323</v>
      </c>
      <c r="B2507" s="8"/>
      <c r="C2507" s="9" t="s">
        <v>16178</v>
      </c>
      <c r="D2507" s="9" t="s">
        <v>16179</v>
      </c>
      <c r="E2507" s="10"/>
      <c r="F2507" s="10"/>
      <c r="G2507" s="8"/>
      <c r="H2507" s="8" t="s">
        <v>19549</v>
      </c>
      <c r="I2507" s="11">
        <v>43524</v>
      </c>
      <c r="J2507" s="11">
        <v>43524</v>
      </c>
      <c r="K2507" s="11">
        <v>45777</v>
      </c>
    </row>
    <row r="2508" spans="1:11" x14ac:dyDescent="0.4">
      <c r="A2508" s="8" t="s">
        <v>19323</v>
      </c>
      <c r="B2508" s="8"/>
      <c r="C2508" s="9" t="s">
        <v>16209</v>
      </c>
      <c r="D2508" s="9" t="s">
        <v>16210</v>
      </c>
      <c r="E2508" s="10"/>
      <c r="F2508" s="10"/>
      <c r="G2508" s="8"/>
      <c r="H2508" s="8" t="s">
        <v>19550</v>
      </c>
      <c r="I2508" s="11">
        <v>43538</v>
      </c>
      <c r="J2508" s="11">
        <v>43538</v>
      </c>
      <c r="K2508" s="11">
        <v>45565</v>
      </c>
    </row>
    <row r="2509" spans="1:11" x14ac:dyDescent="0.4">
      <c r="A2509" s="8" t="s">
        <v>19323</v>
      </c>
      <c r="B2509" s="8"/>
      <c r="C2509" s="9" t="s">
        <v>16462</v>
      </c>
      <c r="D2509" s="9" t="s">
        <v>16463</v>
      </c>
      <c r="E2509" s="10"/>
      <c r="F2509" s="10"/>
      <c r="G2509" s="8"/>
      <c r="H2509" s="8" t="s">
        <v>19551</v>
      </c>
      <c r="I2509" s="11">
        <v>43641</v>
      </c>
      <c r="J2509" s="11">
        <v>43641</v>
      </c>
      <c r="K2509" s="11">
        <v>45930</v>
      </c>
    </row>
    <row r="2510" spans="1:11" x14ac:dyDescent="0.4">
      <c r="A2510" s="8" t="s">
        <v>19323</v>
      </c>
      <c r="B2510" s="8"/>
      <c r="C2510" s="9" t="s">
        <v>19552</v>
      </c>
      <c r="D2510" s="9" t="s">
        <v>15833</v>
      </c>
      <c r="E2510" s="10" t="s">
        <v>10779</v>
      </c>
      <c r="F2510" s="10"/>
      <c r="G2510" s="8"/>
      <c r="H2510" s="8" t="s">
        <v>19553</v>
      </c>
      <c r="I2510" s="11">
        <v>43644</v>
      </c>
      <c r="J2510" s="11">
        <v>43644</v>
      </c>
      <c r="K2510" s="11">
        <v>45626</v>
      </c>
    </row>
    <row r="2511" spans="1:11" x14ac:dyDescent="0.4">
      <c r="A2511" s="8" t="s">
        <v>19323</v>
      </c>
      <c r="B2511" s="8"/>
      <c r="C2511" s="9" t="s">
        <v>11568</v>
      </c>
      <c r="D2511" s="9" t="s">
        <v>11569</v>
      </c>
      <c r="E2511" s="10"/>
      <c r="F2511" s="10" t="s">
        <v>11570</v>
      </c>
      <c r="G2511" s="8" t="s">
        <v>11571</v>
      </c>
      <c r="H2511" s="8" t="s">
        <v>19554</v>
      </c>
      <c r="I2511" s="11">
        <v>44257</v>
      </c>
      <c r="J2511" s="11">
        <v>44257</v>
      </c>
      <c r="K2511" s="11">
        <v>46568</v>
      </c>
    </row>
    <row r="2512" spans="1:11" x14ac:dyDescent="0.4">
      <c r="A2512" s="8" t="s">
        <v>19323</v>
      </c>
      <c r="B2512" s="8"/>
      <c r="C2512" s="9" t="s">
        <v>11466</v>
      </c>
      <c r="D2512" s="9" t="s">
        <v>11437</v>
      </c>
      <c r="E2512" s="10" t="s">
        <v>11467</v>
      </c>
      <c r="F2512" s="10" t="s">
        <v>11468</v>
      </c>
      <c r="G2512" s="8" t="s">
        <v>11469</v>
      </c>
      <c r="H2512" s="8" t="s">
        <v>19555</v>
      </c>
      <c r="I2512" s="11">
        <v>43755</v>
      </c>
      <c r="J2512" s="11">
        <v>43755</v>
      </c>
      <c r="K2512" s="11">
        <v>46295</v>
      </c>
    </row>
    <row r="2513" spans="1:11" x14ac:dyDescent="0.4">
      <c r="A2513" s="8" t="s">
        <v>19323</v>
      </c>
      <c r="B2513" s="8"/>
      <c r="C2513" s="9" t="s">
        <v>16756</v>
      </c>
      <c r="D2513" s="9" t="s">
        <v>16757</v>
      </c>
      <c r="E2513" s="10"/>
      <c r="F2513" s="10" t="s">
        <v>16758</v>
      </c>
      <c r="G2513" s="8" t="s">
        <v>16759</v>
      </c>
      <c r="H2513" s="8" t="s">
        <v>19556</v>
      </c>
      <c r="I2513" s="11">
        <v>43754</v>
      </c>
      <c r="J2513" s="11">
        <v>43754</v>
      </c>
      <c r="K2513" s="11">
        <v>46568</v>
      </c>
    </row>
    <row r="2514" spans="1:11" x14ac:dyDescent="0.4">
      <c r="A2514" s="8" t="s">
        <v>19323</v>
      </c>
      <c r="B2514" s="8"/>
      <c r="C2514" s="9" t="s">
        <v>14280</v>
      </c>
      <c r="D2514" s="9" t="s">
        <v>14281</v>
      </c>
      <c r="E2514" s="10"/>
      <c r="F2514" s="10"/>
      <c r="G2514" s="8"/>
      <c r="H2514" s="8" t="s">
        <v>19557</v>
      </c>
      <c r="I2514" s="11">
        <v>43775</v>
      </c>
      <c r="J2514" s="11">
        <v>43775</v>
      </c>
      <c r="K2514" s="11">
        <v>46203</v>
      </c>
    </row>
    <row r="2515" spans="1:11" x14ac:dyDescent="0.4">
      <c r="A2515" s="8" t="s">
        <v>19323</v>
      </c>
      <c r="B2515" s="8"/>
      <c r="C2515" s="9" t="s">
        <v>16802</v>
      </c>
      <c r="D2515" s="9" t="s">
        <v>16803</v>
      </c>
      <c r="E2515" s="10"/>
      <c r="F2515" s="10"/>
      <c r="G2515" s="8"/>
      <c r="H2515" s="8" t="s">
        <v>19558</v>
      </c>
      <c r="I2515" s="11">
        <v>43784</v>
      </c>
      <c r="J2515" s="11">
        <v>43784</v>
      </c>
      <c r="K2515" s="11">
        <v>46295</v>
      </c>
    </row>
    <row r="2516" spans="1:11" x14ac:dyDescent="0.4">
      <c r="A2516" s="8" t="s">
        <v>19323</v>
      </c>
      <c r="B2516" s="8"/>
      <c r="C2516" s="9" t="s">
        <v>16941</v>
      </c>
      <c r="D2516" s="9" t="s">
        <v>16942</v>
      </c>
      <c r="E2516" s="10"/>
      <c r="F2516" s="10"/>
      <c r="G2516" s="8"/>
      <c r="H2516" s="8" t="s">
        <v>19559</v>
      </c>
      <c r="I2516" s="11">
        <v>43862</v>
      </c>
      <c r="J2516" s="11">
        <v>43862</v>
      </c>
      <c r="K2516" s="11">
        <v>46203</v>
      </c>
    </row>
    <row r="2517" spans="1:11" x14ac:dyDescent="0.4">
      <c r="A2517" s="8" t="s">
        <v>19323</v>
      </c>
      <c r="B2517" s="8"/>
      <c r="C2517" s="9" t="s">
        <v>16944</v>
      </c>
      <c r="D2517" s="9" t="s">
        <v>16945</v>
      </c>
      <c r="E2517" s="10"/>
      <c r="F2517" s="10"/>
      <c r="G2517" s="8"/>
      <c r="H2517" s="8" t="s">
        <v>19560</v>
      </c>
      <c r="I2517" s="11">
        <v>43845</v>
      </c>
      <c r="J2517" s="11">
        <v>43845</v>
      </c>
      <c r="K2517" s="11">
        <v>46568</v>
      </c>
    </row>
    <row r="2518" spans="1:11" x14ac:dyDescent="0.4">
      <c r="A2518" s="8" t="s">
        <v>19323</v>
      </c>
      <c r="B2518" s="8"/>
      <c r="C2518" s="9" t="s">
        <v>16947</v>
      </c>
      <c r="D2518" s="9" t="s">
        <v>16948</v>
      </c>
      <c r="E2518" s="10"/>
      <c r="F2518" s="10" t="s">
        <v>16949</v>
      </c>
      <c r="G2518" s="8" t="s">
        <v>16950</v>
      </c>
      <c r="H2518" s="8" t="s">
        <v>19561</v>
      </c>
      <c r="I2518" s="11">
        <v>43862</v>
      </c>
      <c r="J2518" s="11">
        <v>43862</v>
      </c>
      <c r="K2518" s="11">
        <v>46326</v>
      </c>
    </row>
    <row r="2519" spans="1:11" x14ac:dyDescent="0.4">
      <c r="A2519" s="8" t="s">
        <v>19323</v>
      </c>
      <c r="B2519" s="8"/>
      <c r="C2519" s="9" t="s">
        <v>16952</v>
      </c>
      <c r="D2519" s="9" t="s">
        <v>16953</v>
      </c>
      <c r="E2519" s="10"/>
      <c r="F2519" s="10" t="s">
        <v>16949</v>
      </c>
      <c r="G2519" s="8" t="s">
        <v>16950</v>
      </c>
      <c r="H2519" s="8" t="s">
        <v>19562</v>
      </c>
      <c r="I2519" s="11">
        <v>43862</v>
      </c>
      <c r="J2519" s="11">
        <v>43862</v>
      </c>
      <c r="K2519" s="11">
        <v>46326</v>
      </c>
    </row>
    <row r="2520" spans="1:11" x14ac:dyDescent="0.4">
      <c r="A2520" s="8" t="s">
        <v>19323</v>
      </c>
      <c r="B2520" s="8"/>
      <c r="C2520" s="9" t="s">
        <v>16955</v>
      </c>
      <c r="D2520" s="9" t="s">
        <v>16956</v>
      </c>
      <c r="E2520" s="10"/>
      <c r="F2520" s="10" t="s">
        <v>16949</v>
      </c>
      <c r="G2520" s="8" t="s">
        <v>16950</v>
      </c>
      <c r="H2520" s="8" t="s">
        <v>19563</v>
      </c>
      <c r="I2520" s="11">
        <v>43862</v>
      </c>
      <c r="J2520" s="11">
        <v>43862</v>
      </c>
      <c r="K2520" s="11">
        <v>46295</v>
      </c>
    </row>
    <row r="2521" spans="1:11" x14ac:dyDescent="0.4">
      <c r="A2521" s="8" t="s">
        <v>19323</v>
      </c>
      <c r="B2521" s="8"/>
      <c r="C2521" s="9" t="s">
        <v>16958</v>
      </c>
      <c r="D2521" s="9" t="s">
        <v>16959</v>
      </c>
      <c r="E2521" s="10"/>
      <c r="F2521" s="10" t="s">
        <v>16949</v>
      </c>
      <c r="G2521" s="8" t="s">
        <v>16950</v>
      </c>
      <c r="H2521" s="8" t="s">
        <v>19564</v>
      </c>
      <c r="I2521" s="11">
        <v>43862</v>
      </c>
      <c r="J2521" s="11">
        <v>43862</v>
      </c>
      <c r="K2521" s="11">
        <v>46326</v>
      </c>
    </row>
    <row r="2522" spans="1:11" x14ac:dyDescent="0.4">
      <c r="A2522" s="8" t="s">
        <v>19323</v>
      </c>
      <c r="B2522" s="8"/>
      <c r="C2522" s="9" t="s">
        <v>17015</v>
      </c>
      <c r="D2522" s="9" t="s">
        <v>17016</v>
      </c>
      <c r="E2522" s="10"/>
      <c r="F2522" s="10"/>
      <c r="G2522" s="8"/>
      <c r="H2522" s="8" t="s">
        <v>19565</v>
      </c>
      <c r="I2522" s="11">
        <v>43876</v>
      </c>
      <c r="J2522" s="11">
        <v>43876</v>
      </c>
      <c r="K2522" s="11">
        <v>45838</v>
      </c>
    </row>
    <row r="2523" spans="1:11" x14ac:dyDescent="0.4">
      <c r="A2523" s="8" t="s">
        <v>19323</v>
      </c>
      <c r="B2523" s="8"/>
      <c r="C2523" s="9" t="s">
        <v>17065</v>
      </c>
      <c r="D2523" s="9" t="s">
        <v>17066</v>
      </c>
      <c r="E2523" s="10"/>
      <c r="F2523" s="10"/>
      <c r="G2523" s="8"/>
      <c r="H2523" s="8" t="s">
        <v>19566</v>
      </c>
      <c r="I2523" s="11">
        <v>43893</v>
      </c>
      <c r="J2523" s="11">
        <v>43893</v>
      </c>
      <c r="K2523" s="11">
        <v>46477</v>
      </c>
    </row>
    <row r="2524" spans="1:11" x14ac:dyDescent="0.4">
      <c r="A2524" s="8" t="s">
        <v>19323</v>
      </c>
      <c r="B2524" s="8"/>
      <c r="C2524" s="9" t="s">
        <v>17087</v>
      </c>
      <c r="D2524" s="9" t="s">
        <v>17088</v>
      </c>
      <c r="E2524" s="10"/>
      <c r="F2524" s="10" t="s">
        <v>14400</v>
      </c>
      <c r="G2524" s="8" t="s">
        <v>14401</v>
      </c>
      <c r="H2524" s="8" t="s">
        <v>19567</v>
      </c>
      <c r="I2524" s="11">
        <v>43894</v>
      </c>
      <c r="J2524" s="11">
        <v>43894</v>
      </c>
      <c r="K2524" s="11">
        <v>46112</v>
      </c>
    </row>
    <row r="2525" spans="1:11" x14ac:dyDescent="0.4">
      <c r="A2525" s="8" t="s">
        <v>19323</v>
      </c>
      <c r="B2525" s="8"/>
      <c r="C2525" s="9" t="s">
        <v>19568</v>
      </c>
      <c r="D2525" s="9" t="s">
        <v>19569</v>
      </c>
      <c r="E2525" s="10"/>
      <c r="F2525" s="10" t="s">
        <v>19570</v>
      </c>
      <c r="G2525" s="8" t="s">
        <v>19571</v>
      </c>
      <c r="H2525" s="8" t="s">
        <v>19572</v>
      </c>
      <c r="I2525" s="11">
        <v>43896</v>
      </c>
      <c r="J2525" s="11">
        <v>43896</v>
      </c>
      <c r="K2525" s="11">
        <v>46507</v>
      </c>
    </row>
    <row r="2526" spans="1:11" x14ac:dyDescent="0.4">
      <c r="A2526" s="8" t="s">
        <v>19323</v>
      </c>
      <c r="B2526" s="8"/>
      <c r="C2526" s="9" t="s">
        <v>17172</v>
      </c>
      <c r="D2526" s="9" t="s">
        <v>17173</v>
      </c>
      <c r="E2526" s="10"/>
      <c r="F2526" s="10"/>
      <c r="G2526" s="8"/>
      <c r="H2526" s="8" t="s">
        <v>19573</v>
      </c>
      <c r="I2526" s="11">
        <v>43922</v>
      </c>
      <c r="J2526" s="11">
        <v>43922</v>
      </c>
      <c r="K2526" s="11">
        <v>46326</v>
      </c>
    </row>
    <row r="2527" spans="1:11" x14ac:dyDescent="0.4">
      <c r="A2527" s="8" t="s">
        <v>19323</v>
      </c>
      <c r="B2527" s="8"/>
      <c r="C2527" s="9" t="s">
        <v>17214</v>
      </c>
      <c r="D2527" s="9" t="s">
        <v>17215</v>
      </c>
      <c r="E2527" s="10"/>
      <c r="F2527" s="10"/>
      <c r="G2527" s="8"/>
      <c r="H2527" s="8" t="s">
        <v>19574</v>
      </c>
      <c r="I2527" s="11">
        <v>43924</v>
      </c>
      <c r="J2527" s="11">
        <v>43924</v>
      </c>
      <c r="K2527" s="11">
        <v>46477</v>
      </c>
    </row>
    <row r="2528" spans="1:11" x14ac:dyDescent="0.4">
      <c r="A2528" s="8" t="s">
        <v>19323</v>
      </c>
      <c r="B2528" s="8"/>
      <c r="C2528" s="9" t="s">
        <v>17280</v>
      </c>
      <c r="D2528" s="9" t="s">
        <v>17281</v>
      </c>
      <c r="E2528" s="10" t="s">
        <v>17282</v>
      </c>
      <c r="F2528" s="10" t="s">
        <v>13559</v>
      </c>
      <c r="G2528" s="8" t="s">
        <v>17283</v>
      </c>
      <c r="H2528" s="8" t="s">
        <v>19575</v>
      </c>
      <c r="I2528" s="11">
        <v>43952</v>
      </c>
      <c r="J2528" s="11">
        <v>43952</v>
      </c>
      <c r="K2528" s="11">
        <v>45777</v>
      </c>
    </row>
    <row r="2529" spans="1:11" x14ac:dyDescent="0.4">
      <c r="A2529" s="8" t="s">
        <v>19323</v>
      </c>
      <c r="B2529" s="8"/>
      <c r="C2529" s="9" t="s">
        <v>11730</v>
      </c>
      <c r="D2529" s="9" t="s">
        <v>11731</v>
      </c>
      <c r="E2529" s="10"/>
      <c r="F2529" s="10"/>
      <c r="G2529" s="8"/>
      <c r="H2529" s="8" t="s">
        <v>19576</v>
      </c>
      <c r="I2529" s="11">
        <v>43970</v>
      </c>
      <c r="J2529" s="11">
        <v>43970</v>
      </c>
      <c r="K2529" s="11">
        <v>46295</v>
      </c>
    </row>
    <row r="2530" spans="1:11" x14ac:dyDescent="0.4">
      <c r="A2530" s="8" t="s">
        <v>19323</v>
      </c>
      <c r="B2530" s="8"/>
      <c r="C2530" s="9" t="s">
        <v>19577</v>
      </c>
      <c r="D2530" s="9" t="s">
        <v>19578</v>
      </c>
      <c r="E2530" s="10"/>
      <c r="F2530" s="10"/>
      <c r="G2530" s="8"/>
      <c r="H2530" s="8" t="s">
        <v>19579</v>
      </c>
      <c r="I2530" s="11">
        <v>43979</v>
      </c>
      <c r="J2530" s="11">
        <v>43979</v>
      </c>
      <c r="K2530" s="11">
        <v>45838</v>
      </c>
    </row>
    <row r="2531" spans="1:11" x14ac:dyDescent="0.4">
      <c r="A2531" s="8" t="s">
        <v>19323</v>
      </c>
      <c r="B2531" s="8"/>
      <c r="C2531" s="9" t="s">
        <v>5000</v>
      </c>
      <c r="D2531" s="9" t="s">
        <v>19580</v>
      </c>
      <c r="E2531" s="10"/>
      <c r="F2531" s="10" t="s">
        <v>5000</v>
      </c>
      <c r="G2531" s="8" t="s">
        <v>19581</v>
      </c>
      <c r="H2531" s="8" t="s">
        <v>19582</v>
      </c>
      <c r="I2531" s="11">
        <v>43986</v>
      </c>
      <c r="J2531" s="11">
        <v>43986</v>
      </c>
      <c r="K2531" s="11">
        <v>46507</v>
      </c>
    </row>
    <row r="2532" spans="1:11" x14ac:dyDescent="0.4">
      <c r="A2532" s="8" t="s">
        <v>19323</v>
      </c>
      <c r="B2532" s="8"/>
      <c r="C2532" s="9" t="s">
        <v>12092</v>
      </c>
      <c r="D2532" s="9" t="s">
        <v>12093</v>
      </c>
      <c r="E2532" s="10"/>
      <c r="F2532" s="10"/>
      <c r="G2532" s="8"/>
      <c r="H2532" s="8" t="s">
        <v>19583</v>
      </c>
      <c r="I2532" s="11">
        <v>44013</v>
      </c>
      <c r="J2532" s="11">
        <v>44013</v>
      </c>
      <c r="K2532" s="11">
        <v>46203</v>
      </c>
    </row>
    <row r="2533" spans="1:11" x14ac:dyDescent="0.4">
      <c r="A2533" s="8" t="s">
        <v>19323</v>
      </c>
      <c r="B2533" s="8"/>
      <c r="C2533" s="9" t="s">
        <v>17505</v>
      </c>
      <c r="D2533" s="9" t="s">
        <v>17506</v>
      </c>
      <c r="E2533" s="10" t="s">
        <v>17507</v>
      </c>
      <c r="F2533" s="10" t="s">
        <v>17508</v>
      </c>
      <c r="G2533" s="8" t="s">
        <v>17509</v>
      </c>
      <c r="H2533" s="8" t="s">
        <v>19584</v>
      </c>
      <c r="I2533" s="11">
        <v>44005</v>
      </c>
      <c r="J2533" s="11">
        <v>44005</v>
      </c>
      <c r="K2533" s="11">
        <v>46356</v>
      </c>
    </row>
    <row r="2534" spans="1:11" x14ac:dyDescent="0.4">
      <c r="A2534" s="8" t="s">
        <v>19323</v>
      </c>
      <c r="B2534" s="8"/>
      <c r="C2534" s="9" t="s">
        <v>19585</v>
      </c>
      <c r="D2534" s="9" t="s">
        <v>19586</v>
      </c>
      <c r="E2534" s="10"/>
      <c r="F2534" s="10" t="s">
        <v>9403</v>
      </c>
      <c r="G2534" s="8" t="s">
        <v>17252</v>
      </c>
      <c r="H2534" s="8" t="s">
        <v>19587</v>
      </c>
      <c r="I2534" s="11">
        <v>44016</v>
      </c>
      <c r="J2534" s="11">
        <v>44016</v>
      </c>
      <c r="K2534" s="11">
        <v>46326</v>
      </c>
    </row>
    <row r="2535" spans="1:11" x14ac:dyDescent="0.4">
      <c r="A2535" s="8" t="s">
        <v>19323</v>
      </c>
      <c r="B2535" s="8"/>
      <c r="C2535" s="9" t="s">
        <v>17560</v>
      </c>
      <c r="D2535" s="9" t="s">
        <v>12517</v>
      </c>
      <c r="E2535" s="10" t="s">
        <v>17561</v>
      </c>
      <c r="F2535" s="10" t="s">
        <v>17562</v>
      </c>
      <c r="G2535" s="8" t="s">
        <v>17563</v>
      </c>
      <c r="H2535" s="8" t="s">
        <v>19588</v>
      </c>
      <c r="I2535" s="11">
        <v>44025</v>
      </c>
      <c r="J2535" s="11">
        <v>44025</v>
      </c>
      <c r="K2535" s="11">
        <v>46507</v>
      </c>
    </row>
    <row r="2536" spans="1:11" x14ac:dyDescent="0.4">
      <c r="A2536" s="8" t="s">
        <v>19323</v>
      </c>
      <c r="B2536" s="8"/>
      <c r="C2536" s="9" t="s">
        <v>19589</v>
      </c>
      <c r="D2536" s="9" t="s">
        <v>19590</v>
      </c>
      <c r="E2536" s="10"/>
      <c r="F2536" s="10" t="s">
        <v>5485</v>
      </c>
      <c r="G2536" s="8" t="s">
        <v>19591</v>
      </c>
      <c r="H2536" s="8" t="s">
        <v>19592</v>
      </c>
      <c r="I2536" s="11">
        <v>44098</v>
      </c>
      <c r="J2536" s="11">
        <v>44098</v>
      </c>
      <c r="K2536" s="11">
        <v>46568</v>
      </c>
    </row>
    <row r="2537" spans="1:11" x14ac:dyDescent="0.4">
      <c r="A2537" s="8" t="s">
        <v>19323</v>
      </c>
      <c r="B2537" s="8"/>
      <c r="C2537" s="9" t="s">
        <v>11736</v>
      </c>
      <c r="D2537" s="9" t="s">
        <v>11737</v>
      </c>
      <c r="E2537" s="10"/>
      <c r="F2537" s="10"/>
      <c r="G2537" s="8"/>
      <c r="H2537" s="8" t="s">
        <v>19593</v>
      </c>
      <c r="I2537" s="11">
        <v>44117</v>
      </c>
      <c r="J2537" s="11">
        <v>44117</v>
      </c>
      <c r="K2537" s="11">
        <v>46538</v>
      </c>
    </row>
    <row r="2538" spans="1:11" x14ac:dyDescent="0.4">
      <c r="A2538" s="8" t="s">
        <v>19323</v>
      </c>
      <c r="B2538" s="8"/>
      <c r="C2538" s="9" t="s">
        <v>19594</v>
      </c>
      <c r="D2538" s="9" t="s">
        <v>19595</v>
      </c>
      <c r="E2538" s="10"/>
      <c r="F2538" s="10" t="s">
        <v>19596</v>
      </c>
      <c r="G2538" s="8" t="s">
        <v>19326</v>
      </c>
      <c r="H2538" s="8" t="s">
        <v>19597</v>
      </c>
      <c r="I2538" s="11">
        <v>44119</v>
      </c>
      <c r="J2538" s="11">
        <v>44119</v>
      </c>
      <c r="K2538" s="11">
        <v>46507</v>
      </c>
    </row>
    <row r="2539" spans="1:11" x14ac:dyDescent="0.4">
      <c r="A2539" s="8" t="s">
        <v>19323</v>
      </c>
      <c r="B2539" s="8"/>
      <c r="C2539" s="9" t="s">
        <v>19598</v>
      </c>
      <c r="D2539" s="9" t="s">
        <v>19599</v>
      </c>
      <c r="E2539" s="10"/>
      <c r="F2539" s="10" t="s">
        <v>19596</v>
      </c>
      <c r="G2539" s="8" t="s">
        <v>19326</v>
      </c>
      <c r="H2539" s="8" t="s">
        <v>19600</v>
      </c>
      <c r="I2539" s="11">
        <v>44119</v>
      </c>
      <c r="J2539" s="11">
        <v>44109</v>
      </c>
      <c r="K2539" s="11">
        <v>46507</v>
      </c>
    </row>
    <row r="2540" spans="1:11" x14ac:dyDescent="0.4">
      <c r="A2540" s="8" t="s">
        <v>19323</v>
      </c>
      <c r="B2540" s="8"/>
      <c r="C2540" s="9" t="s">
        <v>19601</v>
      </c>
      <c r="D2540" s="9" t="s">
        <v>19602</v>
      </c>
      <c r="E2540" s="10"/>
      <c r="F2540" s="10" t="s">
        <v>19596</v>
      </c>
      <c r="G2540" s="8" t="s">
        <v>19326</v>
      </c>
      <c r="H2540" s="8" t="s">
        <v>19603</v>
      </c>
      <c r="I2540" s="11">
        <v>44119</v>
      </c>
      <c r="J2540" s="11">
        <v>44119</v>
      </c>
      <c r="K2540" s="11">
        <v>46477</v>
      </c>
    </row>
    <row r="2541" spans="1:11" x14ac:dyDescent="0.4">
      <c r="A2541" s="8" t="s">
        <v>19323</v>
      </c>
      <c r="B2541" s="8"/>
      <c r="C2541" s="9" t="s">
        <v>19604</v>
      </c>
      <c r="D2541" s="9" t="s">
        <v>19605</v>
      </c>
      <c r="E2541" s="10"/>
      <c r="F2541" s="10" t="s">
        <v>19596</v>
      </c>
      <c r="G2541" s="8" t="s">
        <v>19326</v>
      </c>
      <c r="H2541" s="8" t="s">
        <v>19606</v>
      </c>
      <c r="I2541" s="11">
        <v>44119</v>
      </c>
      <c r="J2541" s="11">
        <v>44119</v>
      </c>
      <c r="K2541" s="11">
        <v>46507</v>
      </c>
    </row>
    <row r="2542" spans="1:11" x14ac:dyDescent="0.4">
      <c r="A2542" s="8" t="s">
        <v>19323</v>
      </c>
      <c r="B2542" s="8"/>
      <c r="C2542" s="9" t="s">
        <v>19607</v>
      </c>
      <c r="D2542" s="9" t="s">
        <v>19608</v>
      </c>
      <c r="E2542" s="10"/>
      <c r="F2542" s="10" t="s">
        <v>19596</v>
      </c>
      <c r="G2542" s="8" t="s">
        <v>19609</v>
      </c>
      <c r="H2542" s="8" t="s">
        <v>19610</v>
      </c>
      <c r="I2542" s="11">
        <v>44120</v>
      </c>
      <c r="J2542" s="11">
        <v>44120</v>
      </c>
      <c r="K2542" s="11">
        <v>46660</v>
      </c>
    </row>
    <row r="2543" spans="1:11" x14ac:dyDescent="0.4">
      <c r="A2543" s="8" t="s">
        <v>19323</v>
      </c>
      <c r="B2543" s="8"/>
      <c r="C2543" s="9" t="s">
        <v>19611</v>
      </c>
      <c r="D2543" s="9" t="s">
        <v>19612</v>
      </c>
      <c r="E2543" s="10"/>
      <c r="F2543" s="10" t="s">
        <v>19596</v>
      </c>
      <c r="G2543" s="8" t="s">
        <v>19609</v>
      </c>
      <c r="H2543" s="8" t="s">
        <v>19613</v>
      </c>
      <c r="I2543" s="11">
        <v>44120</v>
      </c>
      <c r="J2543" s="11">
        <v>44120</v>
      </c>
      <c r="K2543" s="11">
        <v>46477</v>
      </c>
    </row>
    <row r="2544" spans="1:11" x14ac:dyDescent="0.4">
      <c r="A2544" s="8" t="s">
        <v>19323</v>
      </c>
      <c r="B2544" s="8"/>
      <c r="C2544" s="9" t="s">
        <v>19614</v>
      </c>
      <c r="D2544" s="9" t="s">
        <v>19615</v>
      </c>
      <c r="E2544" s="10"/>
      <c r="F2544" s="10" t="s">
        <v>19596</v>
      </c>
      <c r="G2544" s="8" t="s">
        <v>19609</v>
      </c>
      <c r="H2544" s="8" t="s">
        <v>19616</v>
      </c>
      <c r="I2544" s="11">
        <v>44120</v>
      </c>
      <c r="J2544" s="11">
        <v>44120</v>
      </c>
      <c r="K2544" s="11">
        <v>46477</v>
      </c>
    </row>
    <row r="2545" spans="1:11" x14ac:dyDescent="0.4">
      <c r="A2545" s="8" t="s">
        <v>19323</v>
      </c>
      <c r="B2545" s="8"/>
      <c r="C2545" s="9" t="s">
        <v>19617</v>
      </c>
      <c r="D2545" s="9" t="s">
        <v>17898</v>
      </c>
      <c r="E2545" s="10" t="s">
        <v>19618</v>
      </c>
      <c r="F2545" s="10" t="s">
        <v>15963</v>
      </c>
      <c r="G2545" s="8" t="s">
        <v>15964</v>
      </c>
      <c r="H2545" s="8" t="s">
        <v>19619</v>
      </c>
      <c r="I2545" s="11">
        <v>44232</v>
      </c>
      <c r="J2545" s="11">
        <v>44232</v>
      </c>
      <c r="K2545" s="11">
        <v>46660</v>
      </c>
    </row>
    <row r="2546" spans="1:11" x14ac:dyDescent="0.4">
      <c r="A2546" s="8" t="s">
        <v>19323</v>
      </c>
      <c r="B2546" s="8"/>
      <c r="C2546" s="9" t="s">
        <v>19620</v>
      </c>
      <c r="D2546" s="9" t="s">
        <v>19621</v>
      </c>
      <c r="E2546" s="10"/>
      <c r="F2546" s="10" t="s">
        <v>19330</v>
      </c>
      <c r="G2546" s="8" t="s">
        <v>19329</v>
      </c>
      <c r="H2546" s="8" t="s">
        <v>19622</v>
      </c>
      <c r="I2546" s="11">
        <v>44292</v>
      </c>
      <c r="J2546" s="11">
        <v>44292</v>
      </c>
      <c r="K2546" s="11">
        <v>46843</v>
      </c>
    </row>
    <row r="2547" spans="1:11" x14ac:dyDescent="0.4">
      <c r="A2547" s="8" t="s">
        <v>19323</v>
      </c>
      <c r="B2547" s="8"/>
      <c r="C2547" s="9" t="s">
        <v>19623</v>
      </c>
      <c r="D2547" s="9" t="s">
        <v>19624</v>
      </c>
      <c r="E2547" s="10"/>
      <c r="F2547" s="10" t="s">
        <v>19596</v>
      </c>
      <c r="G2547" s="8" t="s">
        <v>19609</v>
      </c>
      <c r="H2547" s="8" t="s">
        <v>19625</v>
      </c>
      <c r="I2547" s="11">
        <v>44329</v>
      </c>
      <c r="J2547" s="11">
        <v>44329</v>
      </c>
      <c r="K2547" s="11">
        <v>46691</v>
      </c>
    </row>
    <row r="2548" spans="1:11" x14ac:dyDescent="0.4">
      <c r="A2548" s="8" t="s">
        <v>19626</v>
      </c>
      <c r="B2548" s="8"/>
      <c r="C2548" s="9" t="s">
        <v>19627</v>
      </c>
      <c r="D2548" s="9" t="s">
        <v>11569</v>
      </c>
      <c r="E2548" s="10"/>
      <c r="F2548" s="10" t="s">
        <v>11570</v>
      </c>
      <c r="G2548" s="8" t="s">
        <v>11571</v>
      </c>
      <c r="H2548" s="8" t="s">
        <v>19628</v>
      </c>
      <c r="I2548" s="11">
        <v>34752</v>
      </c>
      <c r="J2548" s="11">
        <v>44013</v>
      </c>
      <c r="K2548" s="11">
        <v>46203</v>
      </c>
    </row>
    <row r="2549" spans="1:11" x14ac:dyDescent="0.4">
      <c r="A2549" s="8" t="s">
        <v>19626</v>
      </c>
      <c r="B2549" s="8"/>
      <c r="C2549" s="9" t="s">
        <v>19629</v>
      </c>
      <c r="D2549" s="9" t="s">
        <v>11722</v>
      </c>
      <c r="E2549" s="10"/>
      <c r="F2549" s="10"/>
      <c r="G2549" s="8"/>
      <c r="H2549" s="8" t="s">
        <v>19630</v>
      </c>
      <c r="I2549" s="11">
        <v>43306</v>
      </c>
      <c r="J2549" s="11">
        <v>43306</v>
      </c>
      <c r="K2549" s="11">
        <v>45838</v>
      </c>
    </row>
    <row r="2550" spans="1:11" x14ac:dyDescent="0.4">
      <c r="A2550" s="8" t="s">
        <v>19631</v>
      </c>
      <c r="B2550" s="8"/>
      <c r="C2550" s="9" t="s">
        <v>17810</v>
      </c>
      <c r="D2550" s="9" t="s">
        <v>17811</v>
      </c>
      <c r="E2550" s="10"/>
      <c r="F2550" s="10" t="s">
        <v>17812</v>
      </c>
      <c r="G2550" s="8" t="s">
        <v>17813</v>
      </c>
      <c r="H2550" s="8" t="s">
        <v>19632</v>
      </c>
      <c r="I2550" s="11">
        <v>31898</v>
      </c>
      <c r="J2550" s="11">
        <v>43647</v>
      </c>
      <c r="K2550" s="11">
        <v>45473</v>
      </c>
    </row>
    <row r="2551" spans="1:11" x14ac:dyDescent="0.4">
      <c r="A2551" s="8" t="s">
        <v>19631</v>
      </c>
      <c r="B2551" s="8"/>
      <c r="C2551" s="9" t="s">
        <v>19633</v>
      </c>
      <c r="D2551" s="9" t="s">
        <v>19634</v>
      </c>
      <c r="E2551" s="10"/>
      <c r="F2551" s="10" t="s">
        <v>19633</v>
      </c>
      <c r="G2551" s="8" t="s">
        <v>19634</v>
      </c>
      <c r="H2551" s="8" t="s">
        <v>19635</v>
      </c>
      <c r="I2551" s="11">
        <v>36678</v>
      </c>
      <c r="J2551" s="11">
        <v>44105</v>
      </c>
      <c r="K2551" s="11">
        <v>45930</v>
      </c>
    </row>
    <row r="2552" spans="1:11" x14ac:dyDescent="0.4">
      <c r="A2552" s="8" t="s">
        <v>19631</v>
      </c>
      <c r="B2552" s="8"/>
      <c r="C2552" s="9" t="s">
        <v>19636</v>
      </c>
      <c r="D2552" s="9" t="s">
        <v>19637</v>
      </c>
      <c r="E2552" s="10"/>
      <c r="F2552" s="10" t="s">
        <v>19636</v>
      </c>
      <c r="G2552" s="8" t="s">
        <v>19637</v>
      </c>
      <c r="H2552" s="8" t="s">
        <v>19638</v>
      </c>
      <c r="I2552" s="11">
        <v>36289</v>
      </c>
      <c r="J2552" s="11">
        <v>43739</v>
      </c>
      <c r="K2552" s="11">
        <v>45565</v>
      </c>
    </row>
    <row r="2553" spans="1:11" x14ac:dyDescent="0.4">
      <c r="A2553" s="8" t="s">
        <v>19631</v>
      </c>
      <c r="B2553" s="8"/>
      <c r="C2553" s="9" t="s">
        <v>19639</v>
      </c>
      <c r="D2553" s="9" t="s">
        <v>19640</v>
      </c>
      <c r="E2553" s="10"/>
      <c r="F2553" s="10" t="s">
        <v>19641</v>
      </c>
      <c r="G2553" s="8" t="s">
        <v>19642</v>
      </c>
      <c r="H2553" s="8" t="s">
        <v>19643</v>
      </c>
      <c r="I2553" s="11">
        <v>40023</v>
      </c>
      <c r="J2553" s="11">
        <v>43739</v>
      </c>
      <c r="K2553" s="11">
        <v>45565</v>
      </c>
    </row>
    <row r="2554" spans="1:11" x14ac:dyDescent="0.4">
      <c r="A2554" s="8" t="s">
        <v>19644</v>
      </c>
      <c r="B2554" s="8"/>
      <c r="C2554" s="9" t="s">
        <v>11760</v>
      </c>
      <c r="D2554" s="9" t="s">
        <v>11761</v>
      </c>
      <c r="E2554" s="10"/>
      <c r="F2554" s="10"/>
      <c r="G2554" s="8"/>
      <c r="H2554" s="8" t="s">
        <v>19645</v>
      </c>
      <c r="I2554" s="11">
        <v>33998</v>
      </c>
      <c r="J2554" s="11">
        <v>44287</v>
      </c>
      <c r="K2554" s="11">
        <v>46112</v>
      </c>
    </row>
    <row r="2555" spans="1:11" x14ac:dyDescent="0.4">
      <c r="A2555" s="8" t="s">
        <v>19646</v>
      </c>
      <c r="B2555" s="8"/>
      <c r="C2555" s="9" t="s">
        <v>11540</v>
      </c>
      <c r="D2555" s="9" t="s">
        <v>11541</v>
      </c>
      <c r="E2555" s="10"/>
      <c r="F2555" s="10" t="s">
        <v>11540</v>
      </c>
      <c r="G2555" s="8" t="s">
        <v>11542</v>
      </c>
      <c r="H2555" s="8" t="s">
        <v>19647</v>
      </c>
      <c r="I2555" s="11">
        <v>35420</v>
      </c>
      <c r="J2555" s="11">
        <v>43739</v>
      </c>
      <c r="K2555" s="11">
        <v>45930</v>
      </c>
    </row>
    <row r="2556" spans="1:11" x14ac:dyDescent="0.4">
      <c r="A2556" s="8" t="s">
        <v>19646</v>
      </c>
      <c r="B2556" s="8"/>
      <c r="C2556" s="9" t="s">
        <v>19648</v>
      </c>
      <c r="D2556" s="9" t="s">
        <v>13221</v>
      </c>
      <c r="E2556" s="10"/>
      <c r="F2556" s="10" t="s">
        <v>4434</v>
      </c>
      <c r="G2556" s="8" t="s">
        <v>13221</v>
      </c>
      <c r="H2556" s="8" t="s">
        <v>19649</v>
      </c>
      <c r="I2556" s="11">
        <v>35536</v>
      </c>
      <c r="J2556" s="11">
        <v>43647</v>
      </c>
      <c r="K2556" s="11">
        <v>45838</v>
      </c>
    </row>
    <row r="2557" spans="1:11" x14ac:dyDescent="0.4">
      <c r="A2557" s="8" t="s">
        <v>19646</v>
      </c>
      <c r="B2557" s="8"/>
      <c r="C2557" s="9" t="s">
        <v>11591</v>
      </c>
      <c r="D2557" s="9" t="s">
        <v>11592</v>
      </c>
      <c r="E2557" s="10"/>
      <c r="F2557" s="10" t="s">
        <v>11593</v>
      </c>
      <c r="G2557" s="8" t="s">
        <v>11594</v>
      </c>
      <c r="H2557" s="8" t="s">
        <v>19650</v>
      </c>
      <c r="I2557" s="11">
        <v>36051</v>
      </c>
      <c r="J2557" s="11">
        <v>43556</v>
      </c>
      <c r="K2557" s="11">
        <v>45747</v>
      </c>
    </row>
    <row r="2558" spans="1:11" x14ac:dyDescent="0.4">
      <c r="A2558" s="8" t="s">
        <v>19646</v>
      </c>
      <c r="B2558" s="8"/>
      <c r="C2558" s="9" t="s">
        <v>19651</v>
      </c>
      <c r="D2558" s="9" t="s">
        <v>19652</v>
      </c>
      <c r="E2558" s="10"/>
      <c r="F2558" s="10" t="s">
        <v>9443</v>
      </c>
      <c r="G2558" s="8" t="s">
        <v>19652</v>
      </c>
      <c r="H2558" s="8" t="s">
        <v>19653</v>
      </c>
      <c r="I2558" s="11">
        <v>37173</v>
      </c>
      <c r="J2558" s="11">
        <v>44136</v>
      </c>
      <c r="K2558" s="11">
        <v>46691</v>
      </c>
    </row>
    <row r="2559" spans="1:11" x14ac:dyDescent="0.4">
      <c r="A2559" s="8" t="s">
        <v>19646</v>
      </c>
      <c r="B2559" s="8"/>
      <c r="C2559" s="9" t="s">
        <v>19654</v>
      </c>
      <c r="D2559" s="9" t="s">
        <v>19655</v>
      </c>
      <c r="E2559" s="10"/>
      <c r="F2559" s="10" t="s">
        <v>19654</v>
      </c>
      <c r="G2559" s="8" t="s">
        <v>19656</v>
      </c>
      <c r="H2559" s="8" t="s">
        <v>19657</v>
      </c>
      <c r="I2559" s="11">
        <v>38796</v>
      </c>
      <c r="J2559" s="11">
        <v>43374</v>
      </c>
      <c r="K2559" s="11">
        <v>45565</v>
      </c>
    </row>
    <row r="2560" spans="1:11" x14ac:dyDescent="0.4">
      <c r="A2560" s="8" t="s">
        <v>19646</v>
      </c>
      <c r="B2560" s="8"/>
      <c r="C2560" s="9" t="s">
        <v>11605</v>
      </c>
      <c r="D2560" s="9" t="s">
        <v>11606</v>
      </c>
      <c r="E2560" s="10"/>
      <c r="F2560" s="10" t="s">
        <v>11563</v>
      </c>
      <c r="G2560" s="8" t="s">
        <v>11562</v>
      </c>
      <c r="H2560" s="8" t="s">
        <v>19658</v>
      </c>
      <c r="I2560" s="11">
        <v>39716</v>
      </c>
      <c r="J2560" s="11">
        <v>43922</v>
      </c>
      <c r="K2560" s="11">
        <v>46112</v>
      </c>
    </row>
    <row r="2561" spans="1:11" x14ac:dyDescent="0.4">
      <c r="A2561" s="8" t="s">
        <v>19646</v>
      </c>
      <c r="B2561" s="8"/>
      <c r="C2561" s="9" t="s">
        <v>11635</v>
      </c>
      <c r="D2561" s="9" t="s">
        <v>11636</v>
      </c>
      <c r="E2561" s="10"/>
      <c r="F2561" s="10" t="s">
        <v>11635</v>
      </c>
      <c r="G2561" s="8" t="s">
        <v>11637</v>
      </c>
      <c r="H2561" s="8" t="s">
        <v>19659</v>
      </c>
      <c r="I2561" s="11">
        <v>41684</v>
      </c>
      <c r="J2561" s="11">
        <v>43952</v>
      </c>
      <c r="K2561" s="11">
        <v>46142</v>
      </c>
    </row>
    <row r="2562" spans="1:11" x14ac:dyDescent="0.4">
      <c r="A2562" s="8" t="s">
        <v>19660</v>
      </c>
      <c r="B2562" s="8"/>
      <c r="C2562" s="9" t="s">
        <v>569</v>
      </c>
      <c r="D2562" s="9" t="s">
        <v>13808</v>
      </c>
      <c r="E2562" s="10"/>
      <c r="F2562" s="10" t="s">
        <v>11563</v>
      </c>
      <c r="G2562" s="8" t="s">
        <v>11562</v>
      </c>
      <c r="H2562" s="8" t="s">
        <v>19661</v>
      </c>
      <c r="I2562" s="11">
        <v>37694</v>
      </c>
      <c r="J2562" s="11">
        <v>43586</v>
      </c>
      <c r="K2562" s="11">
        <v>45777</v>
      </c>
    </row>
    <row r="2563" spans="1:11" x14ac:dyDescent="0.4">
      <c r="A2563" s="8" t="s">
        <v>19660</v>
      </c>
      <c r="B2563" s="8"/>
      <c r="C2563" s="9" t="s">
        <v>19654</v>
      </c>
      <c r="D2563" s="9" t="s">
        <v>19655</v>
      </c>
      <c r="E2563" s="10"/>
      <c r="F2563" s="10" t="s">
        <v>19654</v>
      </c>
      <c r="G2563" s="8" t="s">
        <v>19656</v>
      </c>
      <c r="H2563" s="8" t="s">
        <v>19662</v>
      </c>
      <c r="I2563" s="11">
        <v>38796</v>
      </c>
      <c r="J2563" s="11">
        <v>43374</v>
      </c>
      <c r="K2563" s="11">
        <v>45565</v>
      </c>
    </row>
    <row r="2564" spans="1:11" x14ac:dyDescent="0.4">
      <c r="A2564" s="8" t="s">
        <v>19660</v>
      </c>
      <c r="B2564" s="8"/>
      <c r="C2564" s="9" t="s">
        <v>19651</v>
      </c>
      <c r="D2564" s="9" t="s">
        <v>19652</v>
      </c>
      <c r="E2564" s="10"/>
      <c r="F2564" s="10" t="s">
        <v>9443</v>
      </c>
      <c r="G2564" s="8" t="s">
        <v>19652</v>
      </c>
      <c r="H2564" s="8" t="s">
        <v>19663</v>
      </c>
      <c r="I2564" s="11">
        <v>39045</v>
      </c>
      <c r="J2564" s="11">
        <v>44136</v>
      </c>
      <c r="K2564" s="11">
        <v>46691</v>
      </c>
    </row>
    <row r="2565" spans="1:11" x14ac:dyDescent="0.4">
      <c r="A2565" s="8" t="s">
        <v>19660</v>
      </c>
      <c r="B2565" s="8"/>
      <c r="C2565" s="9" t="s">
        <v>11605</v>
      </c>
      <c r="D2565" s="9" t="s">
        <v>11606</v>
      </c>
      <c r="E2565" s="10"/>
      <c r="F2565" s="10" t="s">
        <v>11563</v>
      </c>
      <c r="G2565" s="8" t="s">
        <v>11562</v>
      </c>
      <c r="H2565" s="8" t="s">
        <v>19664</v>
      </c>
      <c r="I2565" s="11">
        <v>39716</v>
      </c>
      <c r="J2565" s="11">
        <v>43922</v>
      </c>
      <c r="K2565" s="11">
        <v>46112</v>
      </c>
    </row>
    <row r="2566" spans="1:11" x14ac:dyDescent="0.4">
      <c r="A2566" s="8" t="s">
        <v>19660</v>
      </c>
      <c r="B2566" s="8"/>
      <c r="C2566" s="9" t="s">
        <v>19648</v>
      </c>
      <c r="D2566" s="9" t="s">
        <v>19665</v>
      </c>
      <c r="E2566" s="10"/>
      <c r="F2566" s="10" t="s">
        <v>4434</v>
      </c>
      <c r="G2566" s="8" t="s">
        <v>13221</v>
      </c>
      <c r="H2566" s="8" t="s">
        <v>19666</v>
      </c>
      <c r="I2566" s="11">
        <v>40897</v>
      </c>
      <c r="J2566" s="11">
        <v>43282</v>
      </c>
      <c r="K2566" s="11">
        <v>45473</v>
      </c>
    </row>
    <row r="2567" spans="1:11" x14ac:dyDescent="0.4">
      <c r="A2567" s="8" t="s">
        <v>19660</v>
      </c>
      <c r="B2567" s="8"/>
      <c r="C2567" s="9" t="s">
        <v>11635</v>
      </c>
      <c r="D2567" s="9" t="s">
        <v>11636</v>
      </c>
      <c r="E2567" s="10"/>
      <c r="F2567" s="10" t="s">
        <v>11635</v>
      </c>
      <c r="G2567" s="8" t="s">
        <v>11637</v>
      </c>
      <c r="H2567" s="8" t="s">
        <v>19667</v>
      </c>
      <c r="I2567" s="11">
        <v>41787</v>
      </c>
      <c r="J2567" s="11">
        <v>44317</v>
      </c>
      <c r="K2567" s="11">
        <v>46507</v>
      </c>
    </row>
    <row r="2568" spans="1:11" x14ac:dyDescent="0.4">
      <c r="A2568" s="8" t="s">
        <v>19668</v>
      </c>
      <c r="B2568" s="8"/>
      <c r="C2568" s="9" t="s">
        <v>11823</v>
      </c>
      <c r="D2568" s="9" t="s">
        <v>11824</v>
      </c>
      <c r="E2568" s="10"/>
      <c r="F2568" s="10"/>
      <c r="G2568" s="8"/>
      <c r="H2568" s="8" t="s">
        <v>19669</v>
      </c>
      <c r="I2568" s="11">
        <v>34318</v>
      </c>
      <c r="J2568" s="11">
        <v>43739</v>
      </c>
      <c r="K2568" s="11">
        <v>45930</v>
      </c>
    </row>
    <row r="2569" spans="1:11" x14ac:dyDescent="0.4">
      <c r="A2569" s="8" t="s">
        <v>19668</v>
      </c>
      <c r="B2569" s="8"/>
      <c r="C2569" s="9" t="s">
        <v>4237</v>
      </c>
      <c r="D2569" s="9" t="s">
        <v>18725</v>
      </c>
      <c r="E2569" s="10" t="s">
        <v>3384</v>
      </c>
      <c r="F2569" s="10" t="s">
        <v>4237</v>
      </c>
      <c r="G2569" s="8" t="s">
        <v>18725</v>
      </c>
      <c r="H2569" s="8" t="s">
        <v>19670</v>
      </c>
      <c r="I2569" s="11">
        <v>32842</v>
      </c>
      <c r="J2569" s="11">
        <v>43922</v>
      </c>
      <c r="K2569" s="11">
        <v>46112</v>
      </c>
    </row>
    <row r="2570" spans="1:11" x14ac:dyDescent="0.4">
      <c r="A2570" s="8" t="s">
        <v>19668</v>
      </c>
      <c r="B2570" s="8"/>
      <c r="C2570" s="9" t="s">
        <v>19671</v>
      </c>
      <c r="D2570" s="9" t="s">
        <v>19672</v>
      </c>
      <c r="E2570" s="10"/>
      <c r="F2570" s="10"/>
      <c r="G2570" s="8"/>
      <c r="H2570" s="8" t="s">
        <v>19673</v>
      </c>
      <c r="I2570" s="11">
        <v>28846</v>
      </c>
      <c r="J2570" s="11">
        <v>43009</v>
      </c>
      <c r="K2570" s="11">
        <v>45565</v>
      </c>
    </row>
    <row r="2571" spans="1:11" x14ac:dyDescent="0.4">
      <c r="A2571" s="8" t="s">
        <v>19668</v>
      </c>
      <c r="B2571" s="8"/>
      <c r="C2571" s="9" t="s">
        <v>11972</v>
      </c>
      <c r="D2571" s="9" t="s">
        <v>11973</v>
      </c>
      <c r="E2571" s="10"/>
      <c r="F2571" s="10"/>
      <c r="G2571" s="8"/>
      <c r="H2571" s="8" t="s">
        <v>19674</v>
      </c>
      <c r="I2571" s="11">
        <v>30411</v>
      </c>
      <c r="J2571" s="11">
        <v>43647</v>
      </c>
      <c r="K2571" s="11">
        <v>45473</v>
      </c>
    </row>
    <row r="2572" spans="1:11" x14ac:dyDescent="0.4">
      <c r="A2572" s="8" t="s">
        <v>19668</v>
      </c>
      <c r="B2572" s="8"/>
      <c r="C2572" s="9" t="s">
        <v>19347</v>
      </c>
      <c r="D2572" s="9" t="s">
        <v>19348</v>
      </c>
      <c r="E2572" s="10"/>
      <c r="F2572" s="10" t="s">
        <v>19349</v>
      </c>
      <c r="G2572" s="8" t="s">
        <v>19350</v>
      </c>
      <c r="H2572" s="8" t="s">
        <v>19675</v>
      </c>
      <c r="I2572" s="11">
        <v>33500</v>
      </c>
      <c r="J2572" s="11">
        <v>43556</v>
      </c>
      <c r="K2572" s="11">
        <v>46112</v>
      </c>
    </row>
    <row r="2573" spans="1:11" x14ac:dyDescent="0.4">
      <c r="A2573" s="8" t="s">
        <v>19668</v>
      </c>
      <c r="B2573" s="8"/>
      <c r="C2573" s="9" t="s">
        <v>19676</v>
      </c>
      <c r="D2573" s="9" t="s">
        <v>19677</v>
      </c>
      <c r="E2573" s="10"/>
      <c r="F2573" s="10"/>
      <c r="G2573" s="8"/>
      <c r="H2573" s="8" t="s">
        <v>19678</v>
      </c>
      <c r="I2573" s="11">
        <v>32238</v>
      </c>
      <c r="J2573" s="11">
        <v>44105</v>
      </c>
      <c r="K2573" s="11">
        <v>45930</v>
      </c>
    </row>
    <row r="2574" spans="1:11" x14ac:dyDescent="0.4">
      <c r="A2574" s="8" t="s">
        <v>19668</v>
      </c>
      <c r="B2574" s="8"/>
      <c r="C2574" s="9" t="s">
        <v>10794</v>
      </c>
      <c r="D2574" s="9" t="s">
        <v>19371</v>
      </c>
      <c r="E2574" s="10"/>
      <c r="F2574" s="10"/>
      <c r="G2574" s="8"/>
      <c r="H2574" s="8" t="s">
        <v>19679</v>
      </c>
      <c r="I2574" s="11">
        <v>34858</v>
      </c>
      <c r="J2574" s="11">
        <v>43221</v>
      </c>
      <c r="K2574" s="11">
        <v>45777</v>
      </c>
    </row>
    <row r="2575" spans="1:11" x14ac:dyDescent="0.4">
      <c r="A2575" s="8" t="s">
        <v>19668</v>
      </c>
      <c r="B2575" s="8"/>
      <c r="C2575" s="9" t="s">
        <v>19373</v>
      </c>
      <c r="D2575" s="9" t="s">
        <v>19374</v>
      </c>
      <c r="E2575" s="10"/>
      <c r="F2575" s="10" t="s">
        <v>7487</v>
      </c>
      <c r="G2575" s="8" t="s">
        <v>14252</v>
      </c>
      <c r="H2575" s="8" t="s">
        <v>19680</v>
      </c>
      <c r="I2575" s="11">
        <v>34880</v>
      </c>
      <c r="J2575" s="11">
        <v>43647</v>
      </c>
      <c r="K2575" s="11">
        <v>46568</v>
      </c>
    </row>
    <row r="2576" spans="1:11" x14ac:dyDescent="0.4">
      <c r="A2576" s="8" t="s">
        <v>19668</v>
      </c>
      <c r="B2576" s="8"/>
      <c r="C2576" s="9" t="s">
        <v>12452</v>
      </c>
      <c r="D2576" s="9" t="s">
        <v>12453</v>
      </c>
      <c r="E2576" s="10"/>
      <c r="F2576" s="10" t="s">
        <v>12454</v>
      </c>
      <c r="G2576" s="8" t="s">
        <v>12455</v>
      </c>
      <c r="H2576" s="8" t="s">
        <v>19681</v>
      </c>
      <c r="I2576" s="11">
        <v>35696</v>
      </c>
      <c r="J2576" s="11">
        <v>43952</v>
      </c>
      <c r="K2576" s="11">
        <v>46142</v>
      </c>
    </row>
    <row r="2577" spans="1:11" x14ac:dyDescent="0.4">
      <c r="A2577" s="8" t="s">
        <v>19668</v>
      </c>
      <c r="B2577" s="8"/>
      <c r="C2577" s="9" t="s">
        <v>12461</v>
      </c>
      <c r="D2577" s="9" t="s">
        <v>12462</v>
      </c>
      <c r="E2577" s="10"/>
      <c r="F2577" s="10" t="s">
        <v>11593</v>
      </c>
      <c r="G2577" s="8" t="s">
        <v>11594</v>
      </c>
      <c r="H2577" s="8" t="s">
        <v>19682</v>
      </c>
      <c r="I2577" s="11">
        <v>35747</v>
      </c>
      <c r="J2577" s="11">
        <v>44105</v>
      </c>
      <c r="K2577" s="11">
        <v>46295</v>
      </c>
    </row>
    <row r="2578" spans="1:11" x14ac:dyDescent="0.4">
      <c r="A2578" s="8" t="s">
        <v>19668</v>
      </c>
      <c r="B2578" s="8"/>
      <c r="C2578" s="9" t="s">
        <v>14026</v>
      </c>
      <c r="D2578" s="9" t="s">
        <v>12517</v>
      </c>
      <c r="E2578" s="10" t="s">
        <v>9431</v>
      </c>
      <c r="F2578" s="10" t="s">
        <v>14027</v>
      </c>
      <c r="G2578" s="8" t="s">
        <v>14028</v>
      </c>
      <c r="H2578" s="8" t="s">
        <v>19683</v>
      </c>
      <c r="I2578" s="11">
        <v>36083</v>
      </c>
      <c r="J2578" s="11">
        <v>43952</v>
      </c>
      <c r="K2578" s="11">
        <v>46142</v>
      </c>
    </row>
    <row r="2579" spans="1:11" x14ac:dyDescent="0.4">
      <c r="A2579" s="8" t="s">
        <v>19668</v>
      </c>
      <c r="B2579" s="8"/>
      <c r="C2579" s="9" t="s">
        <v>14731</v>
      </c>
      <c r="D2579" s="9" t="s">
        <v>14732</v>
      </c>
      <c r="E2579" s="10"/>
      <c r="F2579" s="10" t="s">
        <v>5428</v>
      </c>
      <c r="G2579" s="8" t="s">
        <v>14479</v>
      </c>
      <c r="H2579" s="8" t="s">
        <v>19684</v>
      </c>
      <c r="I2579" s="11">
        <v>36307</v>
      </c>
      <c r="J2579" s="11">
        <v>43556</v>
      </c>
      <c r="K2579" s="11">
        <v>46112</v>
      </c>
    </row>
    <row r="2580" spans="1:11" x14ac:dyDescent="0.4">
      <c r="A2580" s="8" t="s">
        <v>19668</v>
      </c>
      <c r="B2580" s="8"/>
      <c r="C2580" s="9" t="s">
        <v>12579</v>
      </c>
      <c r="D2580" s="9" t="s">
        <v>12580</v>
      </c>
      <c r="E2580" s="10"/>
      <c r="F2580" s="10" t="s">
        <v>12579</v>
      </c>
      <c r="G2580" s="8" t="s">
        <v>12580</v>
      </c>
      <c r="H2580" s="8" t="s">
        <v>19685</v>
      </c>
      <c r="I2580" s="11">
        <v>36343</v>
      </c>
      <c r="J2580" s="11">
        <v>44105</v>
      </c>
      <c r="K2580" s="11">
        <v>45930</v>
      </c>
    </row>
    <row r="2581" spans="1:11" x14ac:dyDescent="0.4">
      <c r="A2581" s="8" t="s">
        <v>19668</v>
      </c>
      <c r="B2581" s="8"/>
      <c r="C2581" s="9" t="s">
        <v>19686</v>
      </c>
      <c r="D2581" s="9" t="s">
        <v>12627</v>
      </c>
      <c r="E2581" s="10"/>
      <c r="F2581" s="10" t="s">
        <v>19687</v>
      </c>
      <c r="G2581" s="8" t="s">
        <v>19688</v>
      </c>
      <c r="H2581" s="8" t="s">
        <v>19689</v>
      </c>
      <c r="I2581" s="11">
        <v>36677</v>
      </c>
      <c r="J2581" s="11">
        <v>43374</v>
      </c>
      <c r="K2581" s="11">
        <v>45565</v>
      </c>
    </row>
    <row r="2582" spans="1:11" x14ac:dyDescent="0.4">
      <c r="A2582" s="8" t="s">
        <v>19668</v>
      </c>
      <c r="B2582" s="8"/>
      <c r="C2582" s="9" t="s">
        <v>11063</v>
      </c>
      <c r="D2582" s="9" t="s">
        <v>19393</v>
      </c>
      <c r="E2582" s="10"/>
      <c r="F2582" s="10" t="s">
        <v>18736</v>
      </c>
      <c r="G2582" s="8" t="s">
        <v>11961</v>
      </c>
      <c r="H2582" s="8" t="s">
        <v>19690</v>
      </c>
      <c r="I2582" s="11">
        <v>36819</v>
      </c>
      <c r="J2582" s="11">
        <v>43586</v>
      </c>
      <c r="K2582" s="11">
        <v>45777</v>
      </c>
    </row>
    <row r="2583" spans="1:11" x14ac:dyDescent="0.4">
      <c r="A2583" s="8" t="s">
        <v>19668</v>
      </c>
      <c r="B2583" s="8"/>
      <c r="C2583" s="9" t="s">
        <v>14772</v>
      </c>
      <c r="D2583" s="9" t="s">
        <v>12953</v>
      </c>
      <c r="E2583" s="10"/>
      <c r="F2583" s="10" t="s">
        <v>5428</v>
      </c>
      <c r="G2583" s="8" t="s">
        <v>14479</v>
      </c>
      <c r="H2583" s="8" t="s">
        <v>19691</v>
      </c>
      <c r="I2583" s="11">
        <v>37967</v>
      </c>
      <c r="J2583" s="11">
        <v>43952</v>
      </c>
      <c r="K2583" s="11">
        <v>46142</v>
      </c>
    </row>
    <row r="2584" spans="1:11" x14ac:dyDescent="0.4">
      <c r="A2584" s="8" t="s">
        <v>19668</v>
      </c>
      <c r="B2584" s="8"/>
      <c r="C2584" s="9" t="s">
        <v>12993</v>
      </c>
      <c r="D2584" s="9" t="s">
        <v>12994</v>
      </c>
      <c r="E2584" s="10"/>
      <c r="F2584" s="10"/>
      <c r="G2584" s="8"/>
      <c r="H2584" s="8" t="s">
        <v>19692</v>
      </c>
      <c r="I2584" s="11">
        <v>38385</v>
      </c>
      <c r="J2584" s="11">
        <v>44287</v>
      </c>
      <c r="K2584" s="11">
        <v>46112</v>
      </c>
    </row>
    <row r="2585" spans="1:11" x14ac:dyDescent="0.4">
      <c r="A2585" s="8" t="s">
        <v>19668</v>
      </c>
      <c r="B2585" s="8"/>
      <c r="C2585" s="9" t="s">
        <v>19693</v>
      </c>
      <c r="D2585" s="9" t="s">
        <v>19694</v>
      </c>
      <c r="E2585" s="10"/>
      <c r="F2585" s="10" t="s">
        <v>19693</v>
      </c>
      <c r="G2585" s="8" t="s">
        <v>19694</v>
      </c>
      <c r="H2585" s="8" t="s">
        <v>19695</v>
      </c>
      <c r="I2585" s="11">
        <v>36770</v>
      </c>
      <c r="J2585" s="11">
        <v>43405</v>
      </c>
      <c r="K2585" s="11">
        <v>45596</v>
      </c>
    </row>
    <row r="2586" spans="1:11" x14ac:dyDescent="0.4">
      <c r="A2586" s="8" t="s">
        <v>19668</v>
      </c>
      <c r="B2586" s="8"/>
      <c r="C2586" s="9" t="s">
        <v>19696</v>
      </c>
      <c r="D2586" s="9" t="s">
        <v>19697</v>
      </c>
      <c r="E2586" s="10"/>
      <c r="F2586" s="10"/>
      <c r="G2586" s="8"/>
      <c r="H2586" s="8" t="s">
        <v>19698</v>
      </c>
      <c r="I2586" s="11">
        <v>37067</v>
      </c>
      <c r="J2586" s="11">
        <v>43770</v>
      </c>
      <c r="K2586" s="11">
        <v>45961</v>
      </c>
    </row>
    <row r="2587" spans="1:11" x14ac:dyDescent="0.4">
      <c r="A2587" s="8" t="s">
        <v>19668</v>
      </c>
      <c r="B2587" s="8"/>
      <c r="C2587" s="9" t="s">
        <v>14729</v>
      </c>
      <c r="D2587" s="9" t="s">
        <v>13036</v>
      </c>
      <c r="E2587" s="10"/>
      <c r="F2587" s="10" t="s">
        <v>5428</v>
      </c>
      <c r="G2587" s="8" t="s">
        <v>14479</v>
      </c>
      <c r="H2587" s="8" t="s">
        <v>19699</v>
      </c>
      <c r="I2587" s="11">
        <v>37818</v>
      </c>
      <c r="J2587" s="11">
        <v>43770</v>
      </c>
      <c r="K2587" s="11">
        <v>45961</v>
      </c>
    </row>
    <row r="2588" spans="1:11" x14ac:dyDescent="0.4">
      <c r="A2588" s="8" t="s">
        <v>19668</v>
      </c>
      <c r="B2588" s="8"/>
      <c r="C2588" s="9" t="s">
        <v>13067</v>
      </c>
      <c r="D2588" s="9" t="s">
        <v>13068</v>
      </c>
      <c r="E2588" s="10"/>
      <c r="F2588" s="10" t="s">
        <v>13069</v>
      </c>
      <c r="G2588" s="8" t="s">
        <v>13070</v>
      </c>
      <c r="H2588" s="8" t="s">
        <v>19700</v>
      </c>
      <c r="I2588" s="11">
        <v>35816</v>
      </c>
      <c r="J2588" s="11">
        <v>43770</v>
      </c>
      <c r="K2588" s="11">
        <v>45961</v>
      </c>
    </row>
    <row r="2589" spans="1:11" x14ac:dyDescent="0.4">
      <c r="A2589" s="8" t="s">
        <v>19668</v>
      </c>
      <c r="B2589" s="8"/>
      <c r="C2589" s="9" t="s">
        <v>19701</v>
      </c>
      <c r="D2589" s="9" t="s">
        <v>13391</v>
      </c>
      <c r="E2589" s="10"/>
      <c r="F2589" s="10" t="s">
        <v>2445</v>
      </c>
      <c r="G2589" s="8" t="s">
        <v>13391</v>
      </c>
      <c r="H2589" s="8" t="s">
        <v>19702</v>
      </c>
      <c r="I2589" s="11">
        <v>35160</v>
      </c>
      <c r="J2589" s="11">
        <v>43739</v>
      </c>
      <c r="K2589" s="11">
        <v>46295</v>
      </c>
    </row>
    <row r="2590" spans="1:11" x14ac:dyDescent="0.4">
      <c r="A2590" s="8" t="s">
        <v>19668</v>
      </c>
      <c r="B2590" s="8"/>
      <c r="C2590" s="9" t="s">
        <v>19703</v>
      </c>
      <c r="D2590" s="9" t="s">
        <v>11437</v>
      </c>
      <c r="E2590" s="10" t="s">
        <v>13218</v>
      </c>
      <c r="F2590" s="10" t="s">
        <v>13214</v>
      </c>
      <c r="G2590" s="8" t="s">
        <v>13215</v>
      </c>
      <c r="H2590" s="8" t="s">
        <v>19704</v>
      </c>
      <c r="I2590" s="11">
        <v>36803</v>
      </c>
      <c r="J2590" s="11">
        <v>43739</v>
      </c>
      <c r="K2590" s="11">
        <v>45930</v>
      </c>
    </row>
    <row r="2591" spans="1:11" x14ac:dyDescent="0.4">
      <c r="A2591" s="8" t="s">
        <v>19668</v>
      </c>
      <c r="B2591" s="8"/>
      <c r="C2591" s="9" t="s">
        <v>13220</v>
      </c>
      <c r="D2591" s="9" t="s">
        <v>11437</v>
      </c>
      <c r="E2591" s="10" t="s">
        <v>13218</v>
      </c>
      <c r="F2591" s="10" t="s">
        <v>4434</v>
      </c>
      <c r="G2591" s="8" t="s">
        <v>13221</v>
      </c>
      <c r="H2591" s="8" t="s">
        <v>19705</v>
      </c>
      <c r="I2591" s="11">
        <v>36803</v>
      </c>
      <c r="J2591" s="11">
        <v>43739</v>
      </c>
      <c r="K2591" s="11">
        <v>45930</v>
      </c>
    </row>
    <row r="2592" spans="1:11" x14ac:dyDescent="0.4">
      <c r="A2592" s="8" t="s">
        <v>19668</v>
      </c>
      <c r="B2592" s="8"/>
      <c r="C2592" s="9" t="s">
        <v>19706</v>
      </c>
      <c r="D2592" s="9" t="s">
        <v>11603</v>
      </c>
      <c r="E2592" s="10"/>
      <c r="F2592" s="10" t="s">
        <v>11602</v>
      </c>
      <c r="G2592" s="8" t="s">
        <v>19707</v>
      </c>
      <c r="H2592" s="8" t="s">
        <v>19708</v>
      </c>
      <c r="I2592" s="11">
        <v>34792</v>
      </c>
      <c r="J2592" s="11">
        <v>42826</v>
      </c>
      <c r="K2592" s="11">
        <v>45565</v>
      </c>
    </row>
    <row r="2593" spans="1:11" x14ac:dyDescent="0.4">
      <c r="A2593" s="8" t="s">
        <v>19668</v>
      </c>
      <c r="B2593" s="8"/>
      <c r="C2593" s="9" t="s">
        <v>6397</v>
      </c>
      <c r="D2593" s="9" t="s">
        <v>19709</v>
      </c>
      <c r="E2593" s="10"/>
      <c r="F2593" s="10"/>
      <c r="G2593" s="8"/>
      <c r="H2593" s="8" t="s">
        <v>19710</v>
      </c>
      <c r="I2593" s="11">
        <v>38481</v>
      </c>
      <c r="J2593" s="11">
        <v>43374</v>
      </c>
      <c r="K2593" s="11">
        <v>45930</v>
      </c>
    </row>
    <row r="2594" spans="1:11" x14ac:dyDescent="0.4">
      <c r="A2594" s="8" t="s">
        <v>19668</v>
      </c>
      <c r="B2594" s="8"/>
      <c r="C2594" s="9" t="s">
        <v>13307</v>
      </c>
      <c r="D2594" s="9" t="s">
        <v>13308</v>
      </c>
      <c r="E2594" s="10"/>
      <c r="F2594" s="10"/>
      <c r="G2594" s="8"/>
      <c r="H2594" s="8" t="s">
        <v>19711</v>
      </c>
      <c r="I2594" s="11">
        <v>38547</v>
      </c>
      <c r="J2594" s="11">
        <v>44378</v>
      </c>
      <c r="K2594" s="11">
        <v>46203</v>
      </c>
    </row>
    <row r="2595" spans="1:11" x14ac:dyDescent="0.4">
      <c r="A2595" s="8" t="s">
        <v>19668</v>
      </c>
      <c r="B2595" s="8"/>
      <c r="C2595" s="9" t="s">
        <v>14251</v>
      </c>
      <c r="D2595" s="9" t="s">
        <v>19432</v>
      </c>
      <c r="E2595" s="10"/>
      <c r="F2595" s="10" t="s">
        <v>14251</v>
      </c>
      <c r="G2595" s="8" t="s">
        <v>14252</v>
      </c>
      <c r="H2595" s="8" t="s">
        <v>19712</v>
      </c>
      <c r="I2595" s="11">
        <v>38621</v>
      </c>
      <c r="J2595" s="11">
        <v>43405</v>
      </c>
      <c r="K2595" s="11">
        <v>45961</v>
      </c>
    </row>
    <row r="2596" spans="1:11" x14ac:dyDescent="0.4">
      <c r="A2596" s="8" t="s">
        <v>19668</v>
      </c>
      <c r="B2596" s="8"/>
      <c r="C2596" s="9" t="s">
        <v>19434</v>
      </c>
      <c r="D2596" s="9" t="s">
        <v>19435</v>
      </c>
      <c r="E2596" s="10"/>
      <c r="F2596" s="10" t="s">
        <v>19436</v>
      </c>
      <c r="G2596" s="8" t="s">
        <v>19437</v>
      </c>
      <c r="H2596" s="8" t="s">
        <v>19713</v>
      </c>
      <c r="I2596" s="11">
        <v>38670</v>
      </c>
      <c r="J2596" s="11">
        <v>43770</v>
      </c>
      <c r="K2596" s="11">
        <v>46326</v>
      </c>
    </row>
    <row r="2597" spans="1:11" x14ac:dyDescent="0.4">
      <c r="A2597" s="8" t="s">
        <v>19668</v>
      </c>
      <c r="B2597" s="8"/>
      <c r="C2597" s="9" t="s">
        <v>13348</v>
      </c>
      <c r="D2597" s="9" t="s">
        <v>13349</v>
      </c>
      <c r="E2597" s="10"/>
      <c r="F2597" s="10"/>
      <c r="G2597" s="8"/>
      <c r="H2597" s="8" t="s">
        <v>19714</v>
      </c>
      <c r="I2597" s="11">
        <v>38684</v>
      </c>
      <c r="J2597" s="11">
        <v>43405</v>
      </c>
      <c r="K2597" s="11">
        <v>45596</v>
      </c>
    </row>
    <row r="2598" spans="1:11" x14ac:dyDescent="0.4">
      <c r="A2598" s="8" t="s">
        <v>19668</v>
      </c>
      <c r="B2598" s="8"/>
      <c r="C2598" s="9" t="s">
        <v>13360</v>
      </c>
      <c r="D2598" s="9" t="s">
        <v>13361</v>
      </c>
      <c r="E2598" s="10"/>
      <c r="F2598" s="10"/>
      <c r="G2598" s="8"/>
      <c r="H2598" s="8" t="s">
        <v>19715</v>
      </c>
      <c r="I2598" s="11">
        <v>38695</v>
      </c>
      <c r="J2598" s="11">
        <v>43374</v>
      </c>
      <c r="K2598" s="11">
        <v>45565</v>
      </c>
    </row>
    <row r="2599" spans="1:11" x14ac:dyDescent="0.4">
      <c r="A2599" s="8" t="s">
        <v>19668</v>
      </c>
      <c r="B2599" s="8"/>
      <c r="C2599" s="9" t="s">
        <v>19716</v>
      </c>
      <c r="D2599" s="9" t="s">
        <v>19717</v>
      </c>
      <c r="E2599" s="10"/>
      <c r="F2599" s="10" t="s">
        <v>19718</v>
      </c>
      <c r="G2599" s="8" t="s">
        <v>19719</v>
      </c>
      <c r="H2599" s="8" t="s">
        <v>19720</v>
      </c>
      <c r="I2599" s="11">
        <v>38813</v>
      </c>
      <c r="J2599" s="11">
        <v>43922</v>
      </c>
      <c r="K2599" s="11">
        <v>46477</v>
      </c>
    </row>
    <row r="2600" spans="1:11" x14ac:dyDescent="0.4">
      <c r="A2600" s="8" t="s">
        <v>19668</v>
      </c>
      <c r="B2600" s="8"/>
      <c r="C2600" s="9" t="s">
        <v>19721</v>
      </c>
      <c r="D2600" s="9" t="s">
        <v>18725</v>
      </c>
      <c r="E2600" s="10"/>
      <c r="F2600" s="10" t="s">
        <v>19722</v>
      </c>
      <c r="G2600" s="8" t="s">
        <v>19723</v>
      </c>
      <c r="H2600" s="8" t="s">
        <v>19724</v>
      </c>
      <c r="I2600" s="11">
        <v>38930</v>
      </c>
      <c r="J2600" s="11">
        <v>43922</v>
      </c>
      <c r="K2600" s="11">
        <v>46477</v>
      </c>
    </row>
    <row r="2601" spans="1:11" x14ac:dyDescent="0.4">
      <c r="A2601" s="8" t="s">
        <v>19668</v>
      </c>
      <c r="B2601" s="8"/>
      <c r="C2601" s="9" t="s">
        <v>13385</v>
      </c>
      <c r="D2601" s="9" t="s">
        <v>13386</v>
      </c>
      <c r="E2601" s="10"/>
      <c r="F2601" s="10" t="s">
        <v>13387</v>
      </c>
      <c r="G2601" s="8" t="s">
        <v>13388</v>
      </c>
      <c r="H2601" s="8" t="s">
        <v>19725</v>
      </c>
      <c r="I2601" s="11">
        <v>38966</v>
      </c>
      <c r="J2601" s="11">
        <v>44013</v>
      </c>
      <c r="K2601" s="11">
        <v>46568</v>
      </c>
    </row>
    <row r="2602" spans="1:11" x14ac:dyDescent="0.4">
      <c r="A2602" s="8" t="s">
        <v>19668</v>
      </c>
      <c r="B2602" s="8"/>
      <c r="C2602" s="9" t="s">
        <v>13637</v>
      </c>
      <c r="D2602" s="9" t="s">
        <v>13581</v>
      </c>
      <c r="E2602" s="10" t="s">
        <v>13591</v>
      </c>
      <c r="F2602" s="10" t="s">
        <v>13638</v>
      </c>
      <c r="G2602" s="8" t="s">
        <v>13639</v>
      </c>
      <c r="H2602" s="8" t="s">
        <v>19726</v>
      </c>
      <c r="I2602" s="11">
        <v>39345</v>
      </c>
      <c r="J2602" s="11">
        <v>43435</v>
      </c>
      <c r="K2602" s="11">
        <v>45626</v>
      </c>
    </row>
    <row r="2603" spans="1:11" x14ac:dyDescent="0.4">
      <c r="A2603" s="8" t="s">
        <v>19668</v>
      </c>
      <c r="B2603" s="8"/>
      <c r="C2603" s="9" t="s">
        <v>13944</v>
      </c>
      <c r="D2603" s="9" t="s">
        <v>13945</v>
      </c>
      <c r="E2603" s="10"/>
      <c r="F2603" s="10"/>
      <c r="G2603" s="8"/>
      <c r="H2603" s="8" t="s">
        <v>19727</v>
      </c>
      <c r="I2603" s="11">
        <v>39834</v>
      </c>
      <c r="J2603" s="11">
        <v>43922</v>
      </c>
      <c r="K2603" s="11">
        <v>46112</v>
      </c>
    </row>
    <row r="2604" spans="1:11" x14ac:dyDescent="0.4">
      <c r="A2604" s="8" t="s">
        <v>19668</v>
      </c>
      <c r="B2604" s="8"/>
      <c r="C2604" s="9" t="s">
        <v>13947</v>
      </c>
      <c r="D2604" s="9" t="s">
        <v>13948</v>
      </c>
      <c r="E2604" s="10"/>
      <c r="F2604" s="10"/>
      <c r="G2604" s="8"/>
      <c r="H2604" s="8" t="s">
        <v>19728</v>
      </c>
      <c r="I2604" s="11">
        <v>39834</v>
      </c>
      <c r="J2604" s="11">
        <v>43922</v>
      </c>
      <c r="K2604" s="11">
        <v>46112</v>
      </c>
    </row>
    <row r="2605" spans="1:11" x14ac:dyDescent="0.4">
      <c r="A2605" s="8" t="s">
        <v>19668</v>
      </c>
      <c r="B2605" s="8"/>
      <c r="C2605" s="9" t="s">
        <v>13975</v>
      </c>
      <c r="D2605" s="9" t="s">
        <v>13976</v>
      </c>
      <c r="E2605" s="10"/>
      <c r="F2605" s="10"/>
      <c r="G2605" s="8"/>
      <c r="H2605" s="8" t="s">
        <v>19729</v>
      </c>
      <c r="I2605" s="11">
        <v>39870</v>
      </c>
      <c r="J2605" s="11">
        <v>43922</v>
      </c>
      <c r="K2605" s="11">
        <v>46112</v>
      </c>
    </row>
    <row r="2606" spans="1:11" x14ac:dyDescent="0.4">
      <c r="A2606" s="8" t="s">
        <v>19668</v>
      </c>
      <c r="B2606" s="8"/>
      <c r="C2606" s="9" t="s">
        <v>14102</v>
      </c>
      <c r="D2606" s="9" t="s">
        <v>14103</v>
      </c>
      <c r="E2606" s="10"/>
      <c r="F2606" s="10" t="s">
        <v>14104</v>
      </c>
      <c r="G2606" s="8" t="s">
        <v>14105</v>
      </c>
      <c r="H2606" s="8" t="s">
        <v>19730</v>
      </c>
      <c r="I2606" s="11">
        <v>40009</v>
      </c>
      <c r="J2606" s="11">
        <v>44287</v>
      </c>
      <c r="K2606" s="11">
        <v>46112</v>
      </c>
    </row>
    <row r="2607" spans="1:11" x14ac:dyDescent="0.4">
      <c r="A2607" s="8" t="s">
        <v>19668</v>
      </c>
      <c r="B2607" s="8"/>
      <c r="C2607" s="9" t="s">
        <v>19462</v>
      </c>
      <c r="D2607" s="9" t="s">
        <v>19463</v>
      </c>
      <c r="E2607" s="10"/>
      <c r="F2607" s="10" t="s">
        <v>19464</v>
      </c>
      <c r="G2607" s="8" t="s">
        <v>19465</v>
      </c>
      <c r="H2607" s="8" t="s">
        <v>19731</v>
      </c>
      <c r="I2607" s="11">
        <v>40444</v>
      </c>
      <c r="J2607" s="11">
        <v>43221</v>
      </c>
      <c r="K2607" s="11">
        <v>45777</v>
      </c>
    </row>
    <row r="2608" spans="1:11" x14ac:dyDescent="0.4">
      <c r="A2608" s="8" t="s">
        <v>19668</v>
      </c>
      <c r="B2608" s="8"/>
      <c r="C2608" s="9" t="s">
        <v>2756</v>
      </c>
      <c r="D2608" s="9" t="s">
        <v>11418</v>
      </c>
      <c r="E2608" s="10"/>
      <c r="F2608" s="10" t="s">
        <v>2754</v>
      </c>
      <c r="G2608" s="8" t="s">
        <v>13272</v>
      </c>
      <c r="H2608" s="8" t="s">
        <v>19732</v>
      </c>
      <c r="I2608" s="11">
        <v>40683</v>
      </c>
      <c r="J2608" s="11">
        <v>43405</v>
      </c>
      <c r="K2608" s="11">
        <v>45961</v>
      </c>
    </row>
    <row r="2609" spans="1:11" x14ac:dyDescent="0.4">
      <c r="A2609" s="8" t="s">
        <v>19668</v>
      </c>
      <c r="B2609" s="8"/>
      <c r="C2609" s="9" t="s">
        <v>19733</v>
      </c>
      <c r="D2609" s="9" t="s">
        <v>12393</v>
      </c>
      <c r="E2609" s="10"/>
      <c r="F2609" s="10" t="s">
        <v>6649</v>
      </c>
      <c r="G2609" s="8" t="s">
        <v>19734</v>
      </c>
      <c r="H2609" s="8" t="s">
        <v>19735</v>
      </c>
      <c r="I2609" s="11">
        <v>40709</v>
      </c>
      <c r="J2609" s="11">
        <v>43405</v>
      </c>
      <c r="K2609" s="11">
        <v>45961</v>
      </c>
    </row>
    <row r="2610" spans="1:11" x14ac:dyDescent="0.4">
      <c r="A2610" s="8" t="s">
        <v>19668</v>
      </c>
      <c r="B2610" s="8"/>
      <c r="C2610" s="9" t="s">
        <v>13577</v>
      </c>
      <c r="D2610" s="9" t="s">
        <v>13578</v>
      </c>
      <c r="E2610" s="10"/>
      <c r="F2610" s="10"/>
      <c r="G2610" s="8"/>
      <c r="H2610" s="8" t="s">
        <v>19736</v>
      </c>
      <c r="I2610" s="11">
        <v>40722</v>
      </c>
      <c r="J2610" s="11">
        <v>43556</v>
      </c>
      <c r="K2610" s="11">
        <v>46112</v>
      </c>
    </row>
    <row r="2611" spans="1:11" x14ac:dyDescent="0.4">
      <c r="A2611" s="8" t="s">
        <v>19668</v>
      </c>
      <c r="B2611" s="8"/>
      <c r="C2611" s="9" t="s">
        <v>19470</v>
      </c>
      <c r="D2611" s="9" t="s">
        <v>19471</v>
      </c>
      <c r="E2611" s="10"/>
      <c r="F2611" s="10"/>
      <c r="G2611" s="8"/>
      <c r="H2611" s="8" t="s">
        <v>19737</v>
      </c>
      <c r="I2611" s="11">
        <v>40732</v>
      </c>
      <c r="J2611" s="11">
        <v>43374</v>
      </c>
      <c r="K2611" s="11">
        <v>45930</v>
      </c>
    </row>
    <row r="2612" spans="1:11" x14ac:dyDescent="0.4">
      <c r="A2612" s="8" t="s">
        <v>19668</v>
      </c>
      <c r="B2612" s="8"/>
      <c r="C2612" s="9" t="s">
        <v>13026</v>
      </c>
      <c r="D2612" s="9" t="s">
        <v>13027</v>
      </c>
      <c r="E2612" s="10"/>
      <c r="F2612" s="10"/>
      <c r="G2612" s="8"/>
      <c r="H2612" s="8" t="s">
        <v>19738</v>
      </c>
      <c r="I2612" s="11">
        <v>40732</v>
      </c>
      <c r="J2612" s="11">
        <v>43405</v>
      </c>
      <c r="K2612" s="11">
        <v>45961</v>
      </c>
    </row>
    <row r="2613" spans="1:11" x14ac:dyDescent="0.4">
      <c r="A2613" s="8" t="s">
        <v>19668</v>
      </c>
      <c r="B2613" s="8"/>
      <c r="C2613" s="9" t="s">
        <v>12927</v>
      </c>
      <c r="D2613" s="9" t="s">
        <v>19477</v>
      </c>
      <c r="E2613" s="10"/>
      <c r="F2613" s="10" t="s">
        <v>12929</v>
      </c>
      <c r="G2613" s="8" t="s">
        <v>12930</v>
      </c>
      <c r="H2613" s="8" t="s">
        <v>19739</v>
      </c>
      <c r="I2613" s="11">
        <v>40732</v>
      </c>
      <c r="J2613" s="11">
        <v>43405</v>
      </c>
      <c r="K2613" s="11">
        <v>45961</v>
      </c>
    </row>
    <row r="2614" spans="1:11" x14ac:dyDescent="0.4">
      <c r="A2614" s="8" t="s">
        <v>19668</v>
      </c>
      <c r="B2614" s="8"/>
      <c r="C2614" s="9" t="s">
        <v>19479</v>
      </c>
      <c r="D2614" s="9" t="s">
        <v>19480</v>
      </c>
      <c r="E2614" s="10"/>
      <c r="F2614" s="10"/>
      <c r="G2614" s="8"/>
      <c r="H2614" s="8" t="s">
        <v>19740</v>
      </c>
      <c r="I2614" s="11">
        <v>40739</v>
      </c>
      <c r="J2614" s="11">
        <v>43586</v>
      </c>
      <c r="K2614" s="11">
        <v>46142</v>
      </c>
    </row>
    <row r="2615" spans="1:11" x14ac:dyDescent="0.4">
      <c r="A2615" s="8" t="s">
        <v>19668</v>
      </c>
      <c r="B2615" s="8"/>
      <c r="C2615" s="9" t="s">
        <v>19482</v>
      </c>
      <c r="D2615" s="9" t="s">
        <v>19483</v>
      </c>
      <c r="E2615" s="10"/>
      <c r="F2615" s="10"/>
      <c r="G2615" s="8"/>
      <c r="H2615" s="8" t="s">
        <v>19741</v>
      </c>
      <c r="I2615" s="11">
        <v>40739</v>
      </c>
      <c r="J2615" s="11">
        <v>43405</v>
      </c>
      <c r="K2615" s="11">
        <v>45961</v>
      </c>
    </row>
    <row r="2616" spans="1:11" x14ac:dyDescent="0.4">
      <c r="A2616" s="8" t="s">
        <v>19668</v>
      </c>
      <c r="B2616" s="8"/>
      <c r="C2616" s="9" t="s">
        <v>19485</v>
      </c>
      <c r="D2616" s="9" t="s">
        <v>19486</v>
      </c>
      <c r="E2616" s="10"/>
      <c r="F2616" s="10" t="s">
        <v>19487</v>
      </c>
      <c r="G2616" s="8" t="s">
        <v>19488</v>
      </c>
      <c r="H2616" s="8" t="s">
        <v>19742</v>
      </c>
      <c r="I2616" s="11">
        <v>40746</v>
      </c>
      <c r="J2616" s="11">
        <v>43647</v>
      </c>
      <c r="K2616" s="11">
        <v>46203</v>
      </c>
    </row>
    <row r="2617" spans="1:11" x14ac:dyDescent="0.4">
      <c r="A2617" s="8" t="s">
        <v>19668</v>
      </c>
      <c r="B2617" s="8"/>
      <c r="C2617" s="9" t="s">
        <v>14280</v>
      </c>
      <c r="D2617" s="9" t="s">
        <v>14281</v>
      </c>
      <c r="E2617" s="10"/>
      <c r="F2617" s="10" t="s">
        <v>14282</v>
      </c>
      <c r="G2617" s="8" t="s">
        <v>14283</v>
      </c>
      <c r="H2617" s="8" t="s">
        <v>19743</v>
      </c>
      <c r="I2617" s="11">
        <v>40786</v>
      </c>
      <c r="J2617" s="11">
        <v>43282</v>
      </c>
      <c r="K2617" s="11">
        <v>45473</v>
      </c>
    </row>
    <row r="2618" spans="1:11" x14ac:dyDescent="0.4">
      <c r="A2618" s="8" t="s">
        <v>19668</v>
      </c>
      <c r="B2618" s="8"/>
      <c r="C2618" s="9" t="s">
        <v>14288</v>
      </c>
      <c r="D2618" s="9" t="s">
        <v>12447</v>
      </c>
      <c r="E2618" s="10" t="s">
        <v>3672</v>
      </c>
      <c r="F2618" s="10" t="s">
        <v>4434</v>
      </c>
      <c r="G2618" s="8" t="s">
        <v>13221</v>
      </c>
      <c r="H2618" s="8" t="s">
        <v>19744</v>
      </c>
      <c r="I2618" s="11">
        <v>40850</v>
      </c>
      <c r="J2618" s="11">
        <v>43282</v>
      </c>
      <c r="K2618" s="11">
        <v>45473</v>
      </c>
    </row>
    <row r="2619" spans="1:11" x14ac:dyDescent="0.4">
      <c r="A2619" s="8" t="s">
        <v>19668</v>
      </c>
      <c r="B2619" s="8"/>
      <c r="C2619" s="9" t="s">
        <v>19745</v>
      </c>
      <c r="D2619" s="9" t="s">
        <v>19746</v>
      </c>
      <c r="E2619" s="10"/>
      <c r="F2619" s="10"/>
      <c r="G2619" s="8"/>
      <c r="H2619" s="8" t="s">
        <v>19747</v>
      </c>
      <c r="I2619" s="11">
        <v>40886</v>
      </c>
      <c r="J2619" s="11">
        <v>43221</v>
      </c>
      <c r="K2619" s="11">
        <v>45777</v>
      </c>
    </row>
    <row r="2620" spans="1:11" x14ac:dyDescent="0.4">
      <c r="A2620" s="8" t="s">
        <v>19668</v>
      </c>
      <c r="B2620" s="8"/>
      <c r="C2620" s="9" t="s">
        <v>14302</v>
      </c>
      <c r="D2620" s="9" t="s">
        <v>14303</v>
      </c>
      <c r="E2620" s="10"/>
      <c r="F2620" s="10"/>
      <c r="G2620" s="8"/>
      <c r="H2620" s="8" t="s">
        <v>19748</v>
      </c>
      <c r="I2620" s="11">
        <v>40886</v>
      </c>
      <c r="J2620" s="11">
        <v>43374</v>
      </c>
      <c r="K2620" s="11">
        <v>45565</v>
      </c>
    </row>
    <row r="2621" spans="1:11" x14ac:dyDescent="0.4">
      <c r="A2621" s="8" t="s">
        <v>19668</v>
      </c>
      <c r="B2621" s="8"/>
      <c r="C2621" s="9" t="s">
        <v>4769</v>
      </c>
      <c r="D2621" s="9" t="s">
        <v>19492</v>
      </c>
      <c r="E2621" s="10"/>
      <c r="F2621" s="10" t="s">
        <v>14400</v>
      </c>
      <c r="G2621" s="8" t="s">
        <v>14401</v>
      </c>
      <c r="H2621" s="8" t="s">
        <v>19749</v>
      </c>
      <c r="I2621" s="11">
        <v>40940</v>
      </c>
      <c r="J2621" s="11">
        <v>43556</v>
      </c>
      <c r="K2621" s="11">
        <v>46112</v>
      </c>
    </row>
    <row r="2622" spans="1:11" x14ac:dyDescent="0.4">
      <c r="A2622" s="8" t="s">
        <v>19668</v>
      </c>
      <c r="B2622" s="8"/>
      <c r="C2622" s="9" t="s">
        <v>14341</v>
      </c>
      <c r="D2622" s="9" t="s">
        <v>14342</v>
      </c>
      <c r="E2622" s="10"/>
      <c r="F2622" s="10" t="s">
        <v>14343</v>
      </c>
      <c r="G2622" s="8" t="s">
        <v>14344</v>
      </c>
      <c r="H2622" s="8" t="s">
        <v>19750</v>
      </c>
      <c r="I2622" s="11">
        <v>41047</v>
      </c>
      <c r="J2622" s="11">
        <v>43405</v>
      </c>
      <c r="K2622" s="11">
        <v>45596</v>
      </c>
    </row>
    <row r="2623" spans="1:11" x14ac:dyDescent="0.4">
      <c r="A2623" s="8" t="s">
        <v>19668</v>
      </c>
      <c r="B2623" s="8"/>
      <c r="C2623" s="9" t="s">
        <v>14374</v>
      </c>
      <c r="D2623" s="9" t="s">
        <v>14375</v>
      </c>
      <c r="E2623" s="10"/>
      <c r="F2623" s="10"/>
      <c r="G2623" s="8"/>
      <c r="H2623" s="8" t="s">
        <v>19751</v>
      </c>
      <c r="I2623" s="11">
        <v>41058</v>
      </c>
      <c r="J2623" s="11">
        <v>43556</v>
      </c>
      <c r="K2623" s="11">
        <v>45747</v>
      </c>
    </row>
    <row r="2624" spans="1:11" x14ac:dyDescent="0.4">
      <c r="A2624" s="8" t="s">
        <v>19668</v>
      </c>
      <c r="B2624" s="8"/>
      <c r="C2624" s="9" t="s">
        <v>19495</v>
      </c>
      <c r="D2624" s="9" t="s">
        <v>19496</v>
      </c>
      <c r="E2624" s="10"/>
      <c r="F2624" s="10" t="s">
        <v>19497</v>
      </c>
      <c r="G2624" s="8" t="s">
        <v>19498</v>
      </c>
      <c r="H2624" s="8" t="s">
        <v>19752</v>
      </c>
      <c r="I2624" s="11">
        <v>41081</v>
      </c>
      <c r="J2624" s="11">
        <v>43770</v>
      </c>
      <c r="K2624" s="11">
        <v>46326</v>
      </c>
    </row>
    <row r="2625" spans="1:11" x14ac:dyDescent="0.4">
      <c r="A2625" s="8" t="s">
        <v>19668</v>
      </c>
      <c r="B2625" s="8"/>
      <c r="C2625" s="9" t="s">
        <v>14393</v>
      </c>
      <c r="D2625" s="9" t="s">
        <v>14394</v>
      </c>
      <c r="E2625" s="10"/>
      <c r="F2625" s="10" t="s">
        <v>14395</v>
      </c>
      <c r="G2625" s="8" t="s">
        <v>14396</v>
      </c>
      <c r="H2625" s="8" t="s">
        <v>19753</v>
      </c>
      <c r="I2625" s="11">
        <v>41086</v>
      </c>
      <c r="J2625" s="11">
        <v>43739</v>
      </c>
      <c r="K2625" s="11">
        <v>46295</v>
      </c>
    </row>
    <row r="2626" spans="1:11" x14ac:dyDescent="0.4">
      <c r="A2626" s="8" t="s">
        <v>19668</v>
      </c>
      <c r="B2626" s="8"/>
      <c r="C2626" s="9" t="s">
        <v>2708</v>
      </c>
      <c r="D2626" s="9" t="s">
        <v>19754</v>
      </c>
      <c r="E2626" s="10"/>
      <c r="F2626" s="10" t="s">
        <v>2708</v>
      </c>
      <c r="G2626" s="8" t="s">
        <v>19755</v>
      </c>
      <c r="H2626" s="8" t="s">
        <v>19756</v>
      </c>
      <c r="I2626" s="11">
        <v>41087</v>
      </c>
      <c r="J2626" s="11">
        <v>43405</v>
      </c>
      <c r="K2626" s="11">
        <v>45596</v>
      </c>
    </row>
    <row r="2627" spans="1:11" x14ac:dyDescent="0.4">
      <c r="A2627" s="8" t="s">
        <v>19668</v>
      </c>
      <c r="B2627" s="8"/>
      <c r="C2627" s="9" t="s">
        <v>14398</v>
      </c>
      <c r="D2627" s="9" t="s">
        <v>14399</v>
      </c>
      <c r="E2627" s="10"/>
      <c r="F2627" s="10" t="s">
        <v>14400</v>
      </c>
      <c r="G2627" s="8" t="s">
        <v>14401</v>
      </c>
      <c r="H2627" s="8" t="s">
        <v>19757</v>
      </c>
      <c r="I2627" s="11">
        <v>41091</v>
      </c>
      <c r="J2627" s="11">
        <v>43556</v>
      </c>
      <c r="K2627" s="11">
        <v>45747</v>
      </c>
    </row>
    <row r="2628" spans="1:11" x14ac:dyDescent="0.4">
      <c r="A2628" s="8" t="s">
        <v>19668</v>
      </c>
      <c r="B2628" s="8"/>
      <c r="C2628" s="9" t="s">
        <v>14413</v>
      </c>
      <c r="D2628" s="9" t="s">
        <v>14414</v>
      </c>
      <c r="E2628" s="10"/>
      <c r="F2628" s="10"/>
      <c r="G2628" s="8"/>
      <c r="H2628" s="8" t="s">
        <v>19758</v>
      </c>
      <c r="I2628" s="11">
        <v>41088</v>
      </c>
      <c r="J2628" s="11">
        <v>43282</v>
      </c>
      <c r="K2628" s="11">
        <v>45473</v>
      </c>
    </row>
    <row r="2629" spans="1:11" x14ac:dyDescent="0.4">
      <c r="A2629" s="8" t="s">
        <v>19668</v>
      </c>
      <c r="B2629" s="8"/>
      <c r="C2629" s="9" t="s">
        <v>14434</v>
      </c>
      <c r="D2629" s="9" t="s">
        <v>14435</v>
      </c>
      <c r="E2629" s="10"/>
      <c r="F2629" s="10"/>
      <c r="G2629" s="8"/>
      <c r="H2629" s="8" t="s">
        <v>19759</v>
      </c>
      <c r="I2629" s="11">
        <v>41114</v>
      </c>
      <c r="J2629" s="11">
        <v>43405</v>
      </c>
      <c r="K2629" s="11">
        <v>45596</v>
      </c>
    </row>
    <row r="2630" spans="1:11" x14ac:dyDescent="0.4">
      <c r="A2630" s="8" t="s">
        <v>19668</v>
      </c>
      <c r="B2630" s="8"/>
      <c r="C2630" s="9" t="s">
        <v>19504</v>
      </c>
      <c r="D2630" s="9" t="s">
        <v>19505</v>
      </c>
      <c r="E2630" s="10"/>
      <c r="F2630" s="10"/>
      <c r="G2630" s="8"/>
      <c r="H2630" s="8" t="s">
        <v>19760</v>
      </c>
      <c r="I2630" s="11">
        <v>41130</v>
      </c>
      <c r="J2630" s="11">
        <v>43922</v>
      </c>
      <c r="K2630" s="11">
        <v>46477</v>
      </c>
    </row>
    <row r="2631" spans="1:11" x14ac:dyDescent="0.4">
      <c r="A2631" s="8" t="s">
        <v>19668</v>
      </c>
      <c r="B2631" s="8"/>
      <c r="C2631" s="9" t="s">
        <v>14476</v>
      </c>
      <c r="D2631" s="9" t="s">
        <v>14477</v>
      </c>
      <c r="E2631" s="10"/>
      <c r="F2631" s="10" t="s">
        <v>5428</v>
      </c>
      <c r="G2631" s="8" t="s">
        <v>14479</v>
      </c>
      <c r="H2631" s="8" t="s">
        <v>19761</v>
      </c>
      <c r="I2631" s="11">
        <v>41171</v>
      </c>
      <c r="J2631" s="11">
        <v>43405</v>
      </c>
      <c r="K2631" s="11">
        <v>45596</v>
      </c>
    </row>
    <row r="2632" spans="1:11" x14ac:dyDescent="0.4">
      <c r="A2632" s="8" t="s">
        <v>19668</v>
      </c>
      <c r="B2632" s="8"/>
      <c r="C2632" s="9" t="s">
        <v>19762</v>
      </c>
      <c r="D2632" s="9" t="s">
        <v>19763</v>
      </c>
      <c r="E2632" s="10"/>
      <c r="F2632" s="10" t="s">
        <v>19764</v>
      </c>
      <c r="G2632" s="8" t="s">
        <v>19765</v>
      </c>
      <c r="H2632" s="8" t="s">
        <v>19766</v>
      </c>
      <c r="I2632" s="11">
        <v>41214</v>
      </c>
      <c r="J2632" s="11">
        <v>43922</v>
      </c>
      <c r="K2632" s="11">
        <v>46477</v>
      </c>
    </row>
    <row r="2633" spans="1:11" x14ac:dyDescent="0.4">
      <c r="A2633" s="8" t="s">
        <v>19668</v>
      </c>
      <c r="B2633" s="8"/>
      <c r="C2633" s="9" t="s">
        <v>14521</v>
      </c>
      <c r="D2633" s="9" t="s">
        <v>14522</v>
      </c>
      <c r="E2633" s="10"/>
      <c r="F2633" s="10"/>
      <c r="G2633" s="8"/>
      <c r="H2633" s="8" t="s">
        <v>19767</v>
      </c>
      <c r="I2633" s="11">
        <v>41240</v>
      </c>
      <c r="J2633" s="11">
        <v>43374</v>
      </c>
      <c r="K2633" s="11">
        <v>45565</v>
      </c>
    </row>
    <row r="2634" spans="1:11" x14ac:dyDescent="0.4">
      <c r="A2634" s="8" t="s">
        <v>19668</v>
      </c>
      <c r="B2634" s="8"/>
      <c r="C2634" s="9" t="s">
        <v>14585</v>
      </c>
      <c r="D2634" s="9" t="s">
        <v>14586</v>
      </c>
      <c r="E2634" s="10"/>
      <c r="F2634" s="10" t="s">
        <v>14587</v>
      </c>
      <c r="G2634" s="8" t="s">
        <v>14588</v>
      </c>
      <c r="H2634" s="8" t="s">
        <v>19768</v>
      </c>
      <c r="I2634" s="11">
        <v>41363</v>
      </c>
      <c r="J2634" s="11">
        <v>43647</v>
      </c>
      <c r="K2634" s="11">
        <v>45838</v>
      </c>
    </row>
    <row r="2635" spans="1:11" x14ac:dyDescent="0.4">
      <c r="A2635" s="8" t="s">
        <v>19668</v>
      </c>
      <c r="B2635" s="8"/>
      <c r="C2635" s="9" t="s">
        <v>19769</v>
      </c>
      <c r="D2635" s="9" t="s">
        <v>19770</v>
      </c>
      <c r="E2635" s="10"/>
      <c r="F2635" s="10"/>
      <c r="G2635" s="8"/>
      <c r="H2635" s="8" t="s">
        <v>19771</v>
      </c>
      <c r="I2635" s="11">
        <v>41389</v>
      </c>
      <c r="J2635" s="11">
        <v>43739</v>
      </c>
      <c r="K2635" s="11">
        <v>45930</v>
      </c>
    </row>
    <row r="2636" spans="1:11" x14ac:dyDescent="0.4">
      <c r="A2636" s="8" t="s">
        <v>19668</v>
      </c>
      <c r="B2636" s="8"/>
      <c r="C2636" s="9" t="s">
        <v>19511</v>
      </c>
      <c r="D2636" s="9" t="s">
        <v>14624</v>
      </c>
      <c r="E2636" s="10"/>
      <c r="F2636" s="10"/>
      <c r="G2636" s="8"/>
      <c r="H2636" s="8" t="s">
        <v>19772</v>
      </c>
      <c r="I2636" s="11">
        <v>41395</v>
      </c>
      <c r="J2636" s="11">
        <v>43739</v>
      </c>
      <c r="K2636" s="11">
        <v>45930</v>
      </c>
    </row>
    <row r="2637" spans="1:11" x14ac:dyDescent="0.4">
      <c r="A2637" s="8" t="s">
        <v>19668</v>
      </c>
      <c r="B2637" s="8"/>
      <c r="C2637" s="9" t="s">
        <v>14670</v>
      </c>
      <c r="D2637" s="9" t="s">
        <v>14671</v>
      </c>
      <c r="E2637" s="10"/>
      <c r="F2637" s="10"/>
      <c r="G2637" s="8"/>
      <c r="H2637" s="8" t="s">
        <v>19773</v>
      </c>
      <c r="I2637" s="11">
        <v>41485</v>
      </c>
      <c r="J2637" s="11">
        <v>43922</v>
      </c>
      <c r="K2637" s="11">
        <v>46112</v>
      </c>
    </row>
    <row r="2638" spans="1:11" x14ac:dyDescent="0.4">
      <c r="A2638" s="8" t="s">
        <v>19668</v>
      </c>
      <c r="B2638" s="8"/>
      <c r="C2638" s="9" t="s">
        <v>14685</v>
      </c>
      <c r="D2638" s="9" t="s">
        <v>14686</v>
      </c>
      <c r="E2638" s="10"/>
      <c r="F2638" s="10"/>
      <c r="G2638" s="8"/>
      <c r="H2638" s="8" t="s">
        <v>19774</v>
      </c>
      <c r="I2638" s="11">
        <v>41501</v>
      </c>
      <c r="J2638" s="11">
        <v>43952</v>
      </c>
      <c r="K2638" s="11">
        <v>46142</v>
      </c>
    </row>
    <row r="2639" spans="1:11" x14ac:dyDescent="0.4">
      <c r="A2639" s="8" t="s">
        <v>19668</v>
      </c>
      <c r="B2639" s="8"/>
      <c r="C2639" s="9" t="s">
        <v>14692</v>
      </c>
      <c r="D2639" s="9" t="s">
        <v>14693</v>
      </c>
      <c r="E2639" s="10"/>
      <c r="F2639" s="10"/>
      <c r="G2639" s="8"/>
      <c r="H2639" s="8" t="s">
        <v>19775</v>
      </c>
      <c r="I2639" s="11">
        <v>41514</v>
      </c>
      <c r="J2639" s="11">
        <v>43739</v>
      </c>
      <c r="K2639" s="11">
        <v>45930</v>
      </c>
    </row>
    <row r="2640" spans="1:11" x14ac:dyDescent="0.4">
      <c r="A2640" s="8" t="s">
        <v>19668</v>
      </c>
      <c r="B2640" s="8"/>
      <c r="C2640" s="9" t="s">
        <v>11639</v>
      </c>
      <c r="D2640" s="9" t="s">
        <v>11640</v>
      </c>
      <c r="E2640" s="10"/>
      <c r="F2640" s="10"/>
      <c r="G2640" s="8"/>
      <c r="H2640" s="8" t="s">
        <v>19776</v>
      </c>
      <c r="I2640" s="11">
        <v>41705</v>
      </c>
      <c r="J2640" s="11">
        <v>43770</v>
      </c>
      <c r="K2640" s="11">
        <v>45596</v>
      </c>
    </row>
    <row r="2641" spans="1:11" x14ac:dyDescent="0.4">
      <c r="A2641" s="8" t="s">
        <v>19668</v>
      </c>
      <c r="B2641" s="8"/>
      <c r="C2641" s="9" t="s">
        <v>14974</v>
      </c>
      <c r="D2641" s="9" t="s">
        <v>14975</v>
      </c>
      <c r="E2641" s="10" t="s">
        <v>14976</v>
      </c>
      <c r="F2641" s="10" t="s">
        <v>14977</v>
      </c>
      <c r="G2641" s="8" t="s">
        <v>14978</v>
      </c>
      <c r="H2641" s="8" t="s">
        <v>19777</v>
      </c>
      <c r="I2641" s="11">
        <v>41791</v>
      </c>
      <c r="J2641" s="11">
        <v>44317</v>
      </c>
      <c r="K2641" s="11">
        <v>46507</v>
      </c>
    </row>
    <row r="2642" spans="1:11" x14ac:dyDescent="0.4">
      <c r="A2642" s="8" t="s">
        <v>19668</v>
      </c>
      <c r="B2642" s="8"/>
      <c r="C2642" s="9" t="s">
        <v>15084</v>
      </c>
      <c r="D2642" s="9" t="s">
        <v>15085</v>
      </c>
      <c r="E2642" s="10"/>
      <c r="F2642" s="10" t="s">
        <v>15086</v>
      </c>
      <c r="G2642" s="8" t="s">
        <v>19778</v>
      </c>
      <c r="H2642" s="8" t="s">
        <v>19779</v>
      </c>
      <c r="I2642" s="11">
        <v>41856</v>
      </c>
      <c r="J2642" s="11">
        <v>44105</v>
      </c>
      <c r="K2642" s="11">
        <v>46295</v>
      </c>
    </row>
    <row r="2643" spans="1:11" x14ac:dyDescent="0.4">
      <c r="A2643" s="8" t="s">
        <v>19668</v>
      </c>
      <c r="B2643" s="8"/>
      <c r="C2643" s="9" t="s">
        <v>15266</v>
      </c>
      <c r="D2643" s="9" t="s">
        <v>15265</v>
      </c>
      <c r="E2643" s="10"/>
      <c r="F2643" s="10" t="s">
        <v>15266</v>
      </c>
      <c r="G2643" s="8" t="s">
        <v>15267</v>
      </c>
      <c r="H2643" s="8" t="s">
        <v>19780</v>
      </c>
      <c r="I2643" s="11">
        <v>42088</v>
      </c>
      <c r="J2643" s="11">
        <v>44287</v>
      </c>
      <c r="K2643" s="11">
        <v>46477</v>
      </c>
    </row>
    <row r="2644" spans="1:11" x14ac:dyDescent="0.4">
      <c r="A2644" s="8" t="s">
        <v>19668</v>
      </c>
      <c r="B2644" s="8"/>
      <c r="C2644" s="9" t="s">
        <v>14234</v>
      </c>
      <c r="D2644" s="9" t="s">
        <v>14235</v>
      </c>
      <c r="E2644" s="10"/>
      <c r="F2644" s="10"/>
      <c r="G2644" s="8"/>
      <c r="H2644" s="8" t="s">
        <v>19781</v>
      </c>
      <c r="I2644" s="11">
        <v>42221</v>
      </c>
      <c r="J2644" s="11">
        <v>44317</v>
      </c>
      <c r="K2644" s="11">
        <v>46142</v>
      </c>
    </row>
    <row r="2645" spans="1:11" x14ac:dyDescent="0.4">
      <c r="A2645" s="8" t="s">
        <v>19668</v>
      </c>
      <c r="B2645" s="8"/>
      <c r="C2645" s="9" t="s">
        <v>12242</v>
      </c>
      <c r="D2645" s="9" t="s">
        <v>12243</v>
      </c>
      <c r="E2645" s="10"/>
      <c r="F2645" s="10" t="s">
        <v>1234</v>
      </c>
      <c r="G2645" s="8" t="s">
        <v>12245</v>
      </c>
      <c r="H2645" s="8" t="s">
        <v>19782</v>
      </c>
      <c r="I2645" s="11">
        <v>42377</v>
      </c>
      <c r="J2645" s="11">
        <v>44317</v>
      </c>
      <c r="K2645" s="11">
        <v>46142</v>
      </c>
    </row>
    <row r="2646" spans="1:11" x14ac:dyDescent="0.4">
      <c r="A2646" s="8" t="s">
        <v>19668</v>
      </c>
      <c r="B2646" s="8"/>
      <c r="C2646" s="9" t="s">
        <v>15437</v>
      </c>
      <c r="D2646" s="9" t="s">
        <v>15438</v>
      </c>
      <c r="E2646" s="10"/>
      <c r="F2646" s="10" t="s">
        <v>13387</v>
      </c>
      <c r="G2646" s="8" t="s">
        <v>13388</v>
      </c>
      <c r="H2646" s="8" t="s">
        <v>19783</v>
      </c>
      <c r="I2646" s="11">
        <v>42951</v>
      </c>
      <c r="J2646" s="11">
        <v>42951</v>
      </c>
      <c r="K2646" s="11">
        <v>45473</v>
      </c>
    </row>
    <row r="2647" spans="1:11" x14ac:dyDescent="0.4">
      <c r="A2647" s="8" t="s">
        <v>19668</v>
      </c>
      <c r="B2647" s="8"/>
      <c r="C2647" s="9" t="s">
        <v>7461</v>
      </c>
      <c r="D2647" s="9" t="s">
        <v>11656</v>
      </c>
      <c r="E2647" s="10"/>
      <c r="F2647" s="10" t="s">
        <v>11657</v>
      </c>
      <c r="G2647" s="8" t="s">
        <v>11658</v>
      </c>
      <c r="H2647" s="8" t="s">
        <v>19784</v>
      </c>
      <c r="I2647" s="11">
        <v>43025</v>
      </c>
      <c r="J2647" s="11">
        <v>43025</v>
      </c>
      <c r="K2647" s="11">
        <v>45473</v>
      </c>
    </row>
    <row r="2648" spans="1:11" x14ac:dyDescent="0.4">
      <c r="A2648" s="8" t="s">
        <v>19668</v>
      </c>
      <c r="B2648" s="8"/>
      <c r="C2648" s="9" t="s">
        <v>19785</v>
      </c>
      <c r="D2648" s="9" t="s">
        <v>19786</v>
      </c>
      <c r="E2648" s="10"/>
      <c r="F2648" s="10" t="s">
        <v>19787</v>
      </c>
      <c r="G2648" s="8" t="s">
        <v>19788</v>
      </c>
      <c r="H2648" s="8" t="s">
        <v>19789</v>
      </c>
      <c r="I2648" s="11">
        <v>43124</v>
      </c>
      <c r="J2648" s="11">
        <v>43124</v>
      </c>
      <c r="K2648" s="11">
        <v>45930</v>
      </c>
    </row>
    <row r="2649" spans="1:11" x14ac:dyDescent="0.4">
      <c r="A2649" s="8" t="s">
        <v>19668</v>
      </c>
      <c r="B2649" s="8"/>
      <c r="C2649" s="9" t="s">
        <v>15491</v>
      </c>
      <c r="D2649" s="9" t="s">
        <v>15492</v>
      </c>
      <c r="E2649" s="10"/>
      <c r="F2649" s="10"/>
      <c r="G2649" s="8"/>
      <c r="H2649" s="8" t="s">
        <v>19790</v>
      </c>
      <c r="I2649" s="11">
        <v>43132</v>
      </c>
      <c r="J2649" s="11">
        <v>43132</v>
      </c>
      <c r="K2649" s="11">
        <v>45565</v>
      </c>
    </row>
    <row r="2650" spans="1:11" x14ac:dyDescent="0.4">
      <c r="A2650" s="8" t="s">
        <v>19668</v>
      </c>
      <c r="B2650" s="8"/>
      <c r="C2650" s="9" t="s">
        <v>15501</v>
      </c>
      <c r="D2650" s="9" t="s">
        <v>15472</v>
      </c>
      <c r="E2650" s="10"/>
      <c r="F2650" s="10"/>
      <c r="G2650" s="8"/>
      <c r="H2650" s="8" t="s">
        <v>19791</v>
      </c>
      <c r="I2650" s="11">
        <v>43131</v>
      </c>
      <c r="J2650" s="11">
        <v>43131</v>
      </c>
      <c r="K2650" s="11">
        <v>45565</v>
      </c>
    </row>
    <row r="2651" spans="1:11" x14ac:dyDescent="0.4">
      <c r="A2651" s="8" t="s">
        <v>19668</v>
      </c>
      <c r="B2651" s="8"/>
      <c r="C2651" s="9" t="s">
        <v>19792</v>
      </c>
      <c r="D2651" s="9" t="s">
        <v>19793</v>
      </c>
      <c r="E2651" s="10"/>
      <c r="F2651" s="10" t="s">
        <v>19764</v>
      </c>
      <c r="G2651" s="8" t="s">
        <v>19765</v>
      </c>
      <c r="H2651" s="8" t="s">
        <v>19794</v>
      </c>
      <c r="I2651" s="11">
        <v>43191</v>
      </c>
      <c r="J2651" s="11">
        <v>43191</v>
      </c>
      <c r="K2651" s="11">
        <v>45747</v>
      </c>
    </row>
    <row r="2652" spans="1:11" x14ac:dyDescent="0.4">
      <c r="A2652" s="8" t="s">
        <v>19668</v>
      </c>
      <c r="B2652" s="8"/>
      <c r="C2652" s="9" t="s">
        <v>19795</v>
      </c>
      <c r="D2652" s="9" t="s">
        <v>19796</v>
      </c>
      <c r="E2652" s="10"/>
      <c r="F2652" s="10" t="s">
        <v>19764</v>
      </c>
      <c r="G2652" s="8" t="s">
        <v>19765</v>
      </c>
      <c r="H2652" s="8" t="s">
        <v>19797</v>
      </c>
      <c r="I2652" s="11">
        <v>43188</v>
      </c>
      <c r="J2652" s="11">
        <v>43188</v>
      </c>
      <c r="K2652" s="11">
        <v>45747</v>
      </c>
    </row>
    <row r="2653" spans="1:11" x14ac:dyDescent="0.4">
      <c r="A2653" s="8" t="s">
        <v>19668</v>
      </c>
      <c r="B2653" s="8"/>
      <c r="C2653" s="9" t="s">
        <v>15631</v>
      </c>
      <c r="D2653" s="9" t="s">
        <v>15632</v>
      </c>
      <c r="E2653" s="10"/>
      <c r="F2653" s="10" t="s">
        <v>10432</v>
      </c>
      <c r="G2653" s="8" t="s">
        <v>15633</v>
      </c>
      <c r="H2653" s="8" t="s">
        <v>19798</v>
      </c>
      <c r="I2653" s="11">
        <v>43230</v>
      </c>
      <c r="J2653" s="11">
        <v>43230</v>
      </c>
      <c r="K2653" s="11">
        <v>45473</v>
      </c>
    </row>
    <row r="2654" spans="1:11" x14ac:dyDescent="0.4">
      <c r="A2654" s="8" t="s">
        <v>19668</v>
      </c>
      <c r="B2654" s="8"/>
      <c r="C2654" s="9" t="s">
        <v>15648</v>
      </c>
      <c r="D2654" s="9" t="s">
        <v>15649</v>
      </c>
      <c r="E2654" s="10"/>
      <c r="F2654" s="10" t="s">
        <v>15650</v>
      </c>
      <c r="G2654" s="8" t="s">
        <v>15651</v>
      </c>
      <c r="H2654" s="8" t="s">
        <v>19799</v>
      </c>
      <c r="I2654" s="11">
        <v>43252</v>
      </c>
      <c r="J2654" s="11">
        <v>43252</v>
      </c>
      <c r="K2654" s="11">
        <v>45777</v>
      </c>
    </row>
    <row r="2655" spans="1:11" x14ac:dyDescent="0.4">
      <c r="A2655" s="8" t="s">
        <v>19668</v>
      </c>
      <c r="B2655" s="8"/>
      <c r="C2655" s="9" t="s">
        <v>15783</v>
      </c>
      <c r="D2655" s="9" t="s">
        <v>15784</v>
      </c>
      <c r="E2655" s="10"/>
      <c r="F2655" s="10"/>
      <c r="G2655" s="8"/>
      <c r="H2655" s="8" t="s">
        <v>19800</v>
      </c>
      <c r="I2655" s="11">
        <v>43320</v>
      </c>
      <c r="J2655" s="11">
        <v>43320</v>
      </c>
      <c r="K2655" s="11">
        <v>45596</v>
      </c>
    </row>
    <row r="2656" spans="1:11" x14ac:dyDescent="0.4">
      <c r="A2656" s="8" t="s">
        <v>19668</v>
      </c>
      <c r="B2656" s="8"/>
      <c r="C2656" s="9" t="s">
        <v>11672</v>
      </c>
      <c r="D2656" s="9" t="s">
        <v>11673</v>
      </c>
      <c r="E2656" s="10"/>
      <c r="F2656" s="10"/>
      <c r="G2656" s="8"/>
      <c r="H2656" s="8" t="s">
        <v>19801</v>
      </c>
      <c r="I2656" s="11">
        <v>43344</v>
      </c>
      <c r="J2656" s="11">
        <v>43344</v>
      </c>
      <c r="K2656" s="11">
        <v>45565</v>
      </c>
    </row>
    <row r="2657" spans="1:11" x14ac:dyDescent="0.4">
      <c r="A2657" s="8" t="s">
        <v>19668</v>
      </c>
      <c r="B2657" s="8"/>
      <c r="C2657" s="9" t="s">
        <v>19802</v>
      </c>
      <c r="D2657" s="9" t="s">
        <v>19803</v>
      </c>
      <c r="E2657" s="10"/>
      <c r="F2657" s="10" t="s">
        <v>15388</v>
      </c>
      <c r="G2657" s="8" t="s">
        <v>19803</v>
      </c>
      <c r="H2657" s="8" t="s">
        <v>19804</v>
      </c>
      <c r="I2657" s="11">
        <v>43365</v>
      </c>
      <c r="J2657" s="11">
        <v>43365</v>
      </c>
      <c r="K2657" s="11">
        <v>46112</v>
      </c>
    </row>
    <row r="2658" spans="1:11" x14ac:dyDescent="0.4">
      <c r="A2658" s="8" t="s">
        <v>19668</v>
      </c>
      <c r="B2658" s="8"/>
      <c r="C2658" s="9" t="s">
        <v>15845</v>
      </c>
      <c r="D2658" s="9" t="s">
        <v>15846</v>
      </c>
      <c r="E2658" s="10"/>
      <c r="F2658" s="10"/>
      <c r="G2658" s="8"/>
      <c r="H2658" s="8" t="s">
        <v>19805</v>
      </c>
      <c r="I2658" s="11">
        <v>43374</v>
      </c>
      <c r="J2658" s="11">
        <v>43374</v>
      </c>
      <c r="K2658" s="11">
        <v>45747</v>
      </c>
    </row>
    <row r="2659" spans="1:11" x14ac:dyDescent="0.4">
      <c r="A2659" s="8" t="s">
        <v>19668</v>
      </c>
      <c r="B2659" s="8"/>
      <c r="C2659" s="9" t="s">
        <v>15814</v>
      </c>
      <c r="D2659" s="9" t="s">
        <v>15815</v>
      </c>
      <c r="E2659" s="10"/>
      <c r="F2659" s="10" t="s">
        <v>15816</v>
      </c>
      <c r="G2659" s="8" t="s">
        <v>15817</v>
      </c>
      <c r="H2659" s="8" t="s">
        <v>19806</v>
      </c>
      <c r="I2659" s="11">
        <v>43385</v>
      </c>
      <c r="J2659" s="11">
        <v>43385</v>
      </c>
      <c r="K2659" s="11">
        <v>46295</v>
      </c>
    </row>
    <row r="2660" spans="1:11" x14ac:dyDescent="0.4">
      <c r="A2660" s="8" t="s">
        <v>19668</v>
      </c>
      <c r="B2660" s="8"/>
      <c r="C2660" s="9" t="s">
        <v>15903</v>
      </c>
      <c r="D2660" s="9" t="s">
        <v>12792</v>
      </c>
      <c r="E2660" s="10"/>
      <c r="F2660" s="10"/>
      <c r="G2660" s="8"/>
      <c r="H2660" s="8" t="s">
        <v>19807</v>
      </c>
      <c r="I2660" s="11">
        <v>43392</v>
      </c>
      <c r="J2660" s="11">
        <v>43392</v>
      </c>
      <c r="K2660" s="11">
        <v>45777</v>
      </c>
    </row>
    <row r="2661" spans="1:11" x14ac:dyDescent="0.4">
      <c r="A2661" s="8" t="s">
        <v>19668</v>
      </c>
      <c r="B2661" s="8"/>
      <c r="C2661" s="9" t="s">
        <v>15934</v>
      </c>
      <c r="D2661" s="9" t="s">
        <v>15935</v>
      </c>
      <c r="E2661" s="10"/>
      <c r="F2661" s="10" t="s">
        <v>14400</v>
      </c>
      <c r="G2661" s="8" t="s">
        <v>14401</v>
      </c>
      <c r="H2661" s="8" t="s">
        <v>19808</v>
      </c>
      <c r="I2661" s="11">
        <v>43408</v>
      </c>
      <c r="J2661" s="11">
        <v>43408</v>
      </c>
      <c r="K2661" s="11">
        <v>45747</v>
      </c>
    </row>
    <row r="2662" spans="1:11" x14ac:dyDescent="0.4">
      <c r="A2662" s="8" t="s">
        <v>19668</v>
      </c>
      <c r="B2662" s="8"/>
      <c r="C2662" s="9" t="s">
        <v>16107</v>
      </c>
      <c r="D2662" s="9" t="s">
        <v>16108</v>
      </c>
      <c r="E2662" s="10"/>
      <c r="F2662" s="10"/>
      <c r="G2662" s="8"/>
      <c r="H2662" s="8" t="s">
        <v>19809</v>
      </c>
      <c r="I2662" s="11">
        <v>43511</v>
      </c>
      <c r="J2662" s="11">
        <v>43511</v>
      </c>
      <c r="K2662" s="11">
        <v>45961</v>
      </c>
    </row>
    <row r="2663" spans="1:11" x14ac:dyDescent="0.4">
      <c r="A2663" s="8" t="s">
        <v>19668</v>
      </c>
      <c r="B2663" s="8"/>
      <c r="C2663" s="9" t="s">
        <v>16148</v>
      </c>
      <c r="D2663" s="9" t="s">
        <v>16149</v>
      </c>
      <c r="E2663" s="10"/>
      <c r="F2663" s="10"/>
      <c r="G2663" s="8"/>
      <c r="H2663" s="8" t="s">
        <v>19810</v>
      </c>
      <c r="I2663" s="11">
        <v>43519</v>
      </c>
      <c r="J2663" s="11">
        <v>43519</v>
      </c>
      <c r="K2663" s="11">
        <v>46173</v>
      </c>
    </row>
    <row r="2664" spans="1:11" x14ac:dyDescent="0.4">
      <c r="A2664" s="8" t="s">
        <v>19668</v>
      </c>
      <c r="B2664" s="8"/>
      <c r="C2664" s="9" t="s">
        <v>16173</v>
      </c>
      <c r="D2664" s="9" t="s">
        <v>16174</v>
      </c>
      <c r="E2664" s="10"/>
      <c r="F2664" s="10" t="s">
        <v>16175</v>
      </c>
      <c r="G2664" s="8" t="s">
        <v>16176</v>
      </c>
      <c r="H2664" s="8" t="s">
        <v>19811</v>
      </c>
      <c r="I2664" s="11">
        <v>43524</v>
      </c>
      <c r="J2664" s="11">
        <v>43524</v>
      </c>
      <c r="K2664" s="11">
        <v>45777</v>
      </c>
    </row>
    <row r="2665" spans="1:11" x14ac:dyDescent="0.4">
      <c r="A2665" s="8" t="s">
        <v>19668</v>
      </c>
      <c r="B2665" s="8"/>
      <c r="C2665" s="9" t="s">
        <v>16178</v>
      </c>
      <c r="D2665" s="9" t="s">
        <v>16179</v>
      </c>
      <c r="E2665" s="10"/>
      <c r="F2665" s="10"/>
      <c r="G2665" s="8"/>
      <c r="H2665" s="8" t="s">
        <v>19812</v>
      </c>
      <c r="I2665" s="11">
        <v>43524</v>
      </c>
      <c r="J2665" s="11">
        <v>43524</v>
      </c>
      <c r="K2665" s="11">
        <v>45777</v>
      </c>
    </row>
    <row r="2666" spans="1:11" x14ac:dyDescent="0.4">
      <c r="A2666" s="8" t="s">
        <v>19668</v>
      </c>
      <c r="B2666" s="8"/>
      <c r="C2666" s="9" t="s">
        <v>19813</v>
      </c>
      <c r="D2666" s="9" t="s">
        <v>16082</v>
      </c>
      <c r="E2666" s="10"/>
      <c r="F2666" s="10" t="s">
        <v>2800</v>
      </c>
      <c r="G2666" s="8" t="s">
        <v>13661</v>
      </c>
      <c r="H2666" s="8" t="s">
        <v>19814</v>
      </c>
      <c r="I2666" s="11">
        <v>43529</v>
      </c>
      <c r="J2666" s="11">
        <v>43529</v>
      </c>
      <c r="K2666" s="11">
        <v>45838</v>
      </c>
    </row>
    <row r="2667" spans="1:11" x14ac:dyDescent="0.4">
      <c r="A2667" s="8" t="s">
        <v>19668</v>
      </c>
      <c r="B2667" s="8"/>
      <c r="C2667" s="9" t="s">
        <v>16209</v>
      </c>
      <c r="D2667" s="9" t="s">
        <v>16210</v>
      </c>
      <c r="E2667" s="10"/>
      <c r="F2667" s="10"/>
      <c r="G2667" s="8"/>
      <c r="H2667" s="8" t="s">
        <v>19815</v>
      </c>
      <c r="I2667" s="11">
        <v>43538</v>
      </c>
      <c r="J2667" s="11">
        <v>43538</v>
      </c>
      <c r="K2667" s="11">
        <v>45565</v>
      </c>
    </row>
    <row r="2668" spans="1:11" x14ac:dyDescent="0.4">
      <c r="A2668" s="8" t="s">
        <v>19668</v>
      </c>
      <c r="B2668" s="8"/>
      <c r="C2668" s="9" t="s">
        <v>19816</v>
      </c>
      <c r="D2668" s="9" t="s">
        <v>19817</v>
      </c>
      <c r="E2668" s="10" t="s">
        <v>19818</v>
      </c>
      <c r="F2668" s="10"/>
      <c r="G2668" s="8"/>
      <c r="H2668" s="8" t="s">
        <v>19819</v>
      </c>
      <c r="I2668" s="11">
        <v>43599</v>
      </c>
      <c r="J2668" s="11">
        <v>43599</v>
      </c>
      <c r="K2668" s="11">
        <v>45747</v>
      </c>
    </row>
    <row r="2669" spans="1:11" x14ac:dyDescent="0.4">
      <c r="A2669" s="8" t="s">
        <v>19668</v>
      </c>
      <c r="B2669" s="8"/>
      <c r="C2669" s="9" t="s">
        <v>6501</v>
      </c>
      <c r="D2669" s="9" t="s">
        <v>19820</v>
      </c>
      <c r="E2669" s="10"/>
      <c r="F2669" s="10" t="s">
        <v>6501</v>
      </c>
      <c r="G2669" s="8" t="s">
        <v>19821</v>
      </c>
      <c r="H2669" s="8" t="s">
        <v>19822</v>
      </c>
      <c r="I2669" s="11">
        <v>43617</v>
      </c>
      <c r="J2669" s="11">
        <v>43617</v>
      </c>
      <c r="K2669" s="11">
        <v>45961</v>
      </c>
    </row>
    <row r="2670" spans="1:11" x14ac:dyDescent="0.4">
      <c r="A2670" s="8" t="s">
        <v>19668</v>
      </c>
      <c r="B2670" s="8"/>
      <c r="C2670" s="9" t="s">
        <v>16462</v>
      </c>
      <c r="D2670" s="9" t="s">
        <v>16463</v>
      </c>
      <c r="E2670" s="10"/>
      <c r="F2670" s="10"/>
      <c r="G2670" s="8"/>
      <c r="H2670" s="8" t="s">
        <v>19823</v>
      </c>
      <c r="I2670" s="11">
        <v>43641</v>
      </c>
      <c r="J2670" s="11">
        <v>43641</v>
      </c>
      <c r="K2670" s="11">
        <v>45930</v>
      </c>
    </row>
    <row r="2671" spans="1:11" x14ac:dyDescent="0.4">
      <c r="A2671" s="8" t="s">
        <v>19668</v>
      </c>
      <c r="B2671" s="8"/>
      <c r="C2671" s="9" t="s">
        <v>11697</v>
      </c>
      <c r="D2671" s="9" t="s">
        <v>11698</v>
      </c>
      <c r="E2671" s="10"/>
      <c r="F2671" s="10"/>
      <c r="G2671" s="8"/>
      <c r="H2671" s="8" t="s">
        <v>19824</v>
      </c>
      <c r="I2671" s="11">
        <v>43663</v>
      </c>
      <c r="J2671" s="11">
        <v>43663</v>
      </c>
      <c r="K2671" s="11">
        <v>46142</v>
      </c>
    </row>
    <row r="2672" spans="1:11" x14ac:dyDescent="0.4">
      <c r="A2672" s="8" t="s">
        <v>19668</v>
      </c>
      <c r="B2672" s="8"/>
      <c r="C2672" s="9" t="s">
        <v>11466</v>
      </c>
      <c r="D2672" s="9" t="s">
        <v>11437</v>
      </c>
      <c r="E2672" s="10" t="s">
        <v>11467</v>
      </c>
      <c r="F2672" s="10" t="s">
        <v>11468</v>
      </c>
      <c r="G2672" s="8" t="s">
        <v>11469</v>
      </c>
      <c r="H2672" s="8" t="s">
        <v>19825</v>
      </c>
      <c r="I2672" s="11">
        <v>43755</v>
      </c>
      <c r="J2672" s="11">
        <v>43755</v>
      </c>
      <c r="K2672" s="11">
        <v>46295</v>
      </c>
    </row>
    <row r="2673" spans="1:11" x14ac:dyDescent="0.4">
      <c r="A2673" s="8" t="s">
        <v>19668</v>
      </c>
      <c r="B2673" s="8"/>
      <c r="C2673" s="9" t="s">
        <v>16756</v>
      </c>
      <c r="D2673" s="9" t="s">
        <v>16757</v>
      </c>
      <c r="E2673" s="10"/>
      <c r="F2673" s="10" t="s">
        <v>16758</v>
      </c>
      <c r="G2673" s="8" t="s">
        <v>16759</v>
      </c>
      <c r="H2673" s="8" t="s">
        <v>19826</v>
      </c>
      <c r="I2673" s="11">
        <v>43754</v>
      </c>
      <c r="J2673" s="11">
        <v>43754</v>
      </c>
      <c r="K2673" s="11">
        <v>46568</v>
      </c>
    </row>
    <row r="2674" spans="1:11" x14ac:dyDescent="0.4">
      <c r="A2674" s="8" t="s">
        <v>19668</v>
      </c>
      <c r="B2674" s="8"/>
      <c r="C2674" s="9" t="s">
        <v>14280</v>
      </c>
      <c r="D2674" s="9" t="s">
        <v>14281</v>
      </c>
      <c r="E2674" s="10"/>
      <c r="F2674" s="10"/>
      <c r="G2674" s="8"/>
      <c r="H2674" s="8" t="s">
        <v>19827</v>
      </c>
      <c r="I2674" s="11">
        <v>43775</v>
      </c>
      <c r="J2674" s="11">
        <v>43775</v>
      </c>
      <c r="K2674" s="11">
        <v>46203</v>
      </c>
    </row>
    <row r="2675" spans="1:11" x14ac:dyDescent="0.4">
      <c r="A2675" s="8" t="s">
        <v>19668</v>
      </c>
      <c r="B2675" s="8"/>
      <c r="C2675" s="9" t="s">
        <v>16802</v>
      </c>
      <c r="D2675" s="9" t="s">
        <v>16803</v>
      </c>
      <c r="E2675" s="10"/>
      <c r="F2675" s="10"/>
      <c r="G2675" s="8"/>
      <c r="H2675" s="8" t="s">
        <v>19828</v>
      </c>
      <c r="I2675" s="11">
        <v>43784</v>
      </c>
      <c r="J2675" s="11">
        <v>43784</v>
      </c>
      <c r="K2675" s="11">
        <v>46295</v>
      </c>
    </row>
    <row r="2676" spans="1:11" x14ac:dyDescent="0.4">
      <c r="A2676" s="8" t="s">
        <v>19668</v>
      </c>
      <c r="B2676" s="8"/>
      <c r="C2676" s="9" t="s">
        <v>19829</v>
      </c>
      <c r="D2676" s="9" t="s">
        <v>19830</v>
      </c>
      <c r="E2676" s="10" t="s">
        <v>47</v>
      </c>
      <c r="F2676" s="10"/>
      <c r="G2676" s="8"/>
      <c r="H2676" s="8" t="s">
        <v>19831</v>
      </c>
      <c r="I2676" s="11">
        <v>43841</v>
      </c>
      <c r="J2676" s="11">
        <v>43841</v>
      </c>
      <c r="K2676" s="11">
        <v>46507</v>
      </c>
    </row>
    <row r="2677" spans="1:11" x14ac:dyDescent="0.4">
      <c r="A2677" s="8" t="s">
        <v>19668</v>
      </c>
      <c r="B2677" s="8"/>
      <c r="C2677" s="9" t="s">
        <v>16941</v>
      </c>
      <c r="D2677" s="9" t="s">
        <v>16942</v>
      </c>
      <c r="E2677" s="10"/>
      <c r="F2677" s="10"/>
      <c r="G2677" s="8"/>
      <c r="H2677" s="8" t="s">
        <v>19832</v>
      </c>
      <c r="I2677" s="11">
        <v>43862</v>
      </c>
      <c r="J2677" s="11">
        <v>43862</v>
      </c>
      <c r="K2677" s="11">
        <v>46203</v>
      </c>
    </row>
    <row r="2678" spans="1:11" x14ac:dyDescent="0.4">
      <c r="A2678" s="8" t="s">
        <v>19668</v>
      </c>
      <c r="B2678" s="8"/>
      <c r="C2678" s="9" t="s">
        <v>16944</v>
      </c>
      <c r="D2678" s="9" t="s">
        <v>16945</v>
      </c>
      <c r="E2678" s="10"/>
      <c r="F2678" s="10"/>
      <c r="G2678" s="8"/>
      <c r="H2678" s="8" t="s">
        <v>19833</v>
      </c>
      <c r="I2678" s="11">
        <v>43845</v>
      </c>
      <c r="J2678" s="11">
        <v>43845</v>
      </c>
      <c r="K2678" s="11">
        <v>46568</v>
      </c>
    </row>
    <row r="2679" spans="1:11" x14ac:dyDescent="0.4">
      <c r="A2679" s="8" t="s">
        <v>19668</v>
      </c>
      <c r="B2679" s="8"/>
      <c r="C2679" s="9" t="s">
        <v>16947</v>
      </c>
      <c r="D2679" s="9" t="s">
        <v>16948</v>
      </c>
      <c r="E2679" s="10"/>
      <c r="F2679" s="10" t="s">
        <v>16949</v>
      </c>
      <c r="G2679" s="8" t="s">
        <v>16950</v>
      </c>
      <c r="H2679" s="8" t="s">
        <v>19834</v>
      </c>
      <c r="I2679" s="11">
        <v>43862</v>
      </c>
      <c r="J2679" s="11">
        <v>43862</v>
      </c>
      <c r="K2679" s="11">
        <v>46326</v>
      </c>
    </row>
    <row r="2680" spans="1:11" x14ac:dyDescent="0.4">
      <c r="A2680" s="8" t="s">
        <v>19668</v>
      </c>
      <c r="B2680" s="8"/>
      <c r="C2680" s="9" t="s">
        <v>16952</v>
      </c>
      <c r="D2680" s="9" t="s">
        <v>16953</v>
      </c>
      <c r="E2680" s="10"/>
      <c r="F2680" s="10" t="s">
        <v>16949</v>
      </c>
      <c r="G2680" s="8" t="s">
        <v>16950</v>
      </c>
      <c r="H2680" s="8" t="s">
        <v>19835</v>
      </c>
      <c r="I2680" s="11">
        <v>43862</v>
      </c>
      <c r="J2680" s="11">
        <v>43862</v>
      </c>
      <c r="K2680" s="11">
        <v>46326</v>
      </c>
    </row>
    <row r="2681" spans="1:11" x14ac:dyDescent="0.4">
      <c r="A2681" s="8" t="s">
        <v>19668</v>
      </c>
      <c r="B2681" s="8"/>
      <c r="C2681" s="9" t="s">
        <v>16955</v>
      </c>
      <c r="D2681" s="9" t="s">
        <v>16956</v>
      </c>
      <c r="E2681" s="10"/>
      <c r="F2681" s="10" t="s">
        <v>16949</v>
      </c>
      <c r="G2681" s="8" t="s">
        <v>16950</v>
      </c>
      <c r="H2681" s="8" t="s">
        <v>19836</v>
      </c>
      <c r="I2681" s="11">
        <v>43862</v>
      </c>
      <c r="J2681" s="11">
        <v>43862</v>
      </c>
      <c r="K2681" s="11">
        <v>46295</v>
      </c>
    </row>
    <row r="2682" spans="1:11" x14ac:dyDescent="0.4">
      <c r="A2682" s="8" t="s">
        <v>19668</v>
      </c>
      <c r="B2682" s="8"/>
      <c r="C2682" s="9" t="s">
        <v>16958</v>
      </c>
      <c r="D2682" s="9" t="s">
        <v>16959</v>
      </c>
      <c r="E2682" s="10"/>
      <c r="F2682" s="10" t="s">
        <v>16949</v>
      </c>
      <c r="G2682" s="8" t="s">
        <v>16950</v>
      </c>
      <c r="H2682" s="8" t="s">
        <v>19837</v>
      </c>
      <c r="I2682" s="11">
        <v>43862</v>
      </c>
      <c r="J2682" s="11">
        <v>43862</v>
      </c>
      <c r="K2682" s="11">
        <v>46326</v>
      </c>
    </row>
    <row r="2683" spans="1:11" x14ac:dyDescent="0.4">
      <c r="A2683" s="8" t="s">
        <v>19668</v>
      </c>
      <c r="B2683" s="8"/>
      <c r="C2683" s="9" t="s">
        <v>17065</v>
      </c>
      <c r="D2683" s="9" t="s">
        <v>17066</v>
      </c>
      <c r="E2683" s="10"/>
      <c r="F2683" s="10"/>
      <c r="G2683" s="8"/>
      <c r="H2683" s="8" t="s">
        <v>19838</v>
      </c>
      <c r="I2683" s="11">
        <v>43893</v>
      </c>
      <c r="J2683" s="11">
        <v>43893</v>
      </c>
      <c r="K2683" s="11">
        <v>46477</v>
      </c>
    </row>
    <row r="2684" spans="1:11" x14ac:dyDescent="0.4">
      <c r="A2684" s="8" t="s">
        <v>19668</v>
      </c>
      <c r="B2684" s="8"/>
      <c r="C2684" s="9" t="s">
        <v>17087</v>
      </c>
      <c r="D2684" s="9" t="s">
        <v>17088</v>
      </c>
      <c r="E2684" s="10"/>
      <c r="F2684" s="10" t="s">
        <v>14400</v>
      </c>
      <c r="G2684" s="8" t="s">
        <v>14401</v>
      </c>
      <c r="H2684" s="8" t="s">
        <v>19839</v>
      </c>
      <c r="I2684" s="11">
        <v>43894</v>
      </c>
      <c r="J2684" s="11">
        <v>43894</v>
      </c>
      <c r="K2684" s="11">
        <v>46112</v>
      </c>
    </row>
    <row r="2685" spans="1:11" x14ac:dyDescent="0.4">
      <c r="A2685" s="8" t="s">
        <v>19668</v>
      </c>
      <c r="B2685" s="8"/>
      <c r="C2685" s="9" t="s">
        <v>19568</v>
      </c>
      <c r="D2685" s="9" t="s">
        <v>19569</v>
      </c>
      <c r="E2685" s="10"/>
      <c r="F2685" s="10" t="s">
        <v>19570</v>
      </c>
      <c r="G2685" s="8" t="s">
        <v>19571</v>
      </c>
      <c r="H2685" s="8" t="s">
        <v>19840</v>
      </c>
      <c r="I2685" s="11">
        <v>43896</v>
      </c>
      <c r="J2685" s="11">
        <v>43896</v>
      </c>
      <c r="K2685" s="11">
        <v>46507</v>
      </c>
    </row>
    <row r="2686" spans="1:11" x14ac:dyDescent="0.4">
      <c r="A2686" s="8" t="s">
        <v>19668</v>
      </c>
      <c r="B2686" s="8"/>
      <c r="C2686" s="9" t="s">
        <v>17172</v>
      </c>
      <c r="D2686" s="9" t="s">
        <v>17173</v>
      </c>
      <c r="E2686" s="10"/>
      <c r="F2686" s="10"/>
      <c r="G2686" s="8"/>
      <c r="H2686" s="8" t="s">
        <v>19841</v>
      </c>
      <c r="I2686" s="11">
        <v>43922</v>
      </c>
      <c r="J2686" s="11">
        <v>43922</v>
      </c>
      <c r="K2686" s="11">
        <v>46326</v>
      </c>
    </row>
    <row r="2687" spans="1:11" x14ac:dyDescent="0.4">
      <c r="A2687" s="8" t="s">
        <v>19668</v>
      </c>
      <c r="B2687" s="8"/>
      <c r="C2687" s="9" t="s">
        <v>17214</v>
      </c>
      <c r="D2687" s="9" t="s">
        <v>17215</v>
      </c>
      <c r="E2687" s="10"/>
      <c r="F2687" s="10"/>
      <c r="G2687" s="8"/>
      <c r="H2687" s="8" t="s">
        <v>19842</v>
      </c>
      <c r="I2687" s="11">
        <v>43924</v>
      </c>
      <c r="J2687" s="11">
        <v>43924</v>
      </c>
      <c r="K2687" s="11">
        <v>46477</v>
      </c>
    </row>
    <row r="2688" spans="1:11" x14ac:dyDescent="0.4">
      <c r="A2688" s="8" t="s">
        <v>19668</v>
      </c>
      <c r="B2688" s="8"/>
      <c r="C2688" s="9" t="s">
        <v>13395</v>
      </c>
      <c r="D2688" s="9" t="s">
        <v>19843</v>
      </c>
      <c r="E2688" s="10"/>
      <c r="F2688" s="10" t="s">
        <v>4475</v>
      </c>
      <c r="G2688" s="8" t="s">
        <v>19844</v>
      </c>
      <c r="H2688" s="8" t="s">
        <v>19845</v>
      </c>
      <c r="I2688" s="11">
        <v>43959</v>
      </c>
      <c r="J2688" s="11">
        <v>43959</v>
      </c>
      <c r="K2688" s="11">
        <v>46843</v>
      </c>
    </row>
    <row r="2689" spans="1:11" x14ac:dyDescent="0.4">
      <c r="A2689" s="8" t="s">
        <v>19668</v>
      </c>
      <c r="B2689" s="8"/>
      <c r="C2689" s="9" t="s">
        <v>4478</v>
      </c>
      <c r="D2689" s="9" t="s">
        <v>19846</v>
      </c>
      <c r="E2689" s="10"/>
      <c r="F2689" s="10" t="s">
        <v>4475</v>
      </c>
      <c r="G2689" s="8" t="s">
        <v>19844</v>
      </c>
      <c r="H2689" s="8" t="s">
        <v>19847</v>
      </c>
      <c r="I2689" s="11">
        <v>43959</v>
      </c>
      <c r="J2689" s="11">
        <v>43959</v>
      </c>
      <c r="K2689" s="11">
        <v>46873</v>
      </c>
    </row>
    <row r="2690" spans="1:11" x14ac:dyDescent="0.4">
      <c r="A2690" s="8" t="s">
        <v>19668</v>
      </c>
      <c r="B2690" s="8"/>
      <c r="C2690" s="9" t="s">
        <v>16866</v>
      </c>
      <c r="D2690" s="9" t="s">
        <v>16077</v>
      </c>
      <c r="E2690" s="10"/>
      <c r="F2690" s="10"/>
      <c r="G2690" s="8"/>
      <c r="H2690" s="8" t="s">
        <v>19848</v>
      </c>
      <c r="I2690" s="11">
        <v>43960</v>
      </c>
      <c r="J2690" s="11">
        <v>43960</v>
      </c>
      <c r="K2690" s="11">
        <v>46326</v>
      </c>
    </row>
    <row r="2691" spans="1:11" x14ac:dyDescent="0.4">
      <c r="A2691" s="8" t="s">
        <v>19668</v>
      </c>
      <c r="B2691" s="8"/>
      <c r="C2691" s="9" t="s">
        <v>19849</v>
      </c>
      <c r="D2691" s="9" t="s">
        <v>19850</v>
      </c>
      <c r="E2691" s="10"/>
      <c r="F2691" s="10" t="s">
        <v>7841</v>
      </c>
      <c r="G2691" s="8" t="s">
        <v>19851</v>
      </c>
      <c r="H2691" s="8" t="s">
        <v>19852</v>
      </c>
      <c r="I2691" s="11">
        <v>43970</v>
      </c>
      <c r="J2691" s="11">
        <v>43970</v>
      </c>
      <c r="K2691" s="11">
        <v>46843</v>
      </c>
    </row>
    <row r="2692" spans="1:11" x14ac:dyDescent="0.4">
      <c r="A2692" s="8" t="s">
        <v>19668</v>
      </c>
      <c r="B2692" s="8"/>
      <c r="C2692" s="9" t="s">
        <v>7847</v>
      </c>
      <c r="D2692" s="9" t="s">
        <v>19853</v>
      </c>
      <c r="E2692" s="10"/>
      <c r="F2692" s="10" t="s">
        <v>7841</v>
      </c>
      <c r="G2692" s="8" t="s">
        <v>19851</v>
      </c>
      <c r="H2692" s="8" t="s">
        <v>19854</v>
      </c>
      <c r="I2692" s="11">
        <v>43970</v>
      </c>
      <c r="J2692" s="11">
        <v>43970</v>
      </c>
      <c r="K2692" s="11">
        <v>46873</v>
      </c>
    </row>
    <row r="2693" spans="1:11" x14ac:dyDescent="0.4">
      <c r="A2693" s="8" t="s">
        <v>19668</v>
      </c>
      <c r="B2693" s="8"/>
      <c r="C2693" s="9" t="s">
        <v>12281</v>
      </c>
      <c r="D2693" s="9" t="s">
        <v>19855</v>
      </c>
      <c r="E2693" s="10"/>
      <c r="F2693" s="10" t="s">
        <v>7841</v>
      </c>
      <c r="G2693" s="8" t="s">
        <v>19851</v>
      </c>
      <c r="H2693" s="8" t="s">
        <v>19856</v>
      </c>
      <c r="I2693" s="11">
        <v>43972</v>
      </c>
      <c r="J2693" s="11">
        <v>43972</v>
      </c>
      <c r="K2693" s="11">
        <v>46691</v>
      </c>
    </row>
    <row r="2694" spans="1:11" x14ac:dyDescent="0.4">
      <c r="A2694" s="8" t="s">
        <v>19668</v>
      </c>
      <c r="B2694" s="8"/>
      <c r="C2694" s="9" t="s">
        <v>5000</v>
      </c>
      <c r="D2694" s="9" t="s">
        <v>19857</v>
      </c>
      <c r="E2694" s="10"/>
      <c r="F2694" s="10" t="s">
        <v>5000</v>
      </c>
      <c r="G2694" s="8" t="s">
        <v>19581</v>
      </c>
      <c r="H2694" s="8" t="s">
        <v>19858</v>
      </c>
      <c r="I2694" s="11">
        <v>43986</v>
      </c>
      <c r="J2694" s="11">
        <v>43986</v>
      </c>
      <c r="K2694" s="11">
        <v>46507</v>
      </c>
    </row>
    <row r="2695" spans="1:11" x14ac:dyDescent="0.4">
      <c r="A2695" s="8" t="s">
        <v>19668</v>
      </c>
      <c r="B2695" s="8"/>
      <c r="C2695" s="9" t="s">
        <v>17525</v>
      </c>
      <c r="D2695" s="9" t="s">
        <v>17506</v>
      </c>
      <c r="E2695" s="10" t="s">
        <v>17507</v>
      </c>
      <c r="F2695" s="10" t="s">
        <v>17526</v>
      </c>
      <c r="G2695" s="8" t="s">
        <v>17527</v>
      </c>
      <c r="H2695" s="8" t="s">
        <v>19859</v>
      </c>
      <c r="I2695" s="11">
        <v>44005</v>
      </c>
      <c r="J2695" s="11">
        <v>44005</v>
      </c>
      <c r="K2695" s="11">
        <v>46356</v>
      </c>
    </row>
    <row r="2696" spans="1:11" x14ac:dyDescent="0.4">
      <c r="A2696" s="8" t="s">
        <v>19668</v>
      </c>
      <c r="B2696" s="8"/>
      <c r="C2696" s="9" t="s">
        <v>11130</v>
      </c>
      <c r="D2696" s="9" t="s">
        <v>19860</v>
      </c>
      <c r="E2696" s="10"/>
      <c r="F2696" s="10"/>
      <c r="G2696" s="8"/>
      <c r="H2696" s="8" t="s">
        <v>19861</v>
      </c>
      <c r="I2696" s="11">
        <v>44022</v>
      </c>
      <c r="J2696" s="11">
        <v>44022</v>
      </c>
      <c r="K2696" s="11">
        <v>45473</v>
      </c>
    </row>
    <row r="2697" spans="1:11" x14ac:dyDescent="0.4">
      <c r="A2697" s="8" t="s">
        <v>19668</v>
      </c>
      <c r="B2697" s="8"/>
      <c r="C2697" s="9" t="s">
        <v>17687</v>
      </c>
      <c r="D2697" s="9" t="s">
        <v>17688</v>
      </c>
      <c r="E2697" s="10"/>
      <c r="F2697" s="10"/>
      <c r="G2697" s="8"/>
      <c r="H2697" s="8" t="s">
        <v>19862</v>
      </c>
      <c r="I2697" s="11">
        <v>44077</v>
      </c>
      <c r="J2697" s="11">
        <v>44077</v>
      </c>
      <c r="K2697" s="11">
        <v>46295</v>
      </c>
    </row>
    <row r="2698" spans="1:11" x14ac:dyDescent="0.4">
      <c r="A2698" s="8" t="s">
        <v>19668</v>
      </c>
      <c r="B2698" s="8"/>
      <c r="C2698" s="9" t="s">
        <v>16492</v>
      </c>
      <c r="D2698" s="9" t="s">
        <v>16493</v>
      </c>
      <c r="E2698" s="10"/>
      <c r="F2698" s="10" t="s">
        <v>16494</v>
      </c>
      <c r="G2698" s="8" t="s">
        <v>16495</v>
      </c>
      <c r="H2698" s="8" t="s">
        <v>19863</v>
      </c>
      <c r="I2698" s="11">
        <v>44113</v>
      </c>
      <c r="J2698" s="11">
        <v>44113</v>
      </c>
      <c r="K2698" s="11">
        <v>46326</v>
      </c>
    </row>
    <row r="2699" spans="1:11" x14ac:dyDescent="0.4">
      <c r="A2699" s="8" t="s">
        <v>19668</v>
      </c>
      <c r="B2699" s="8"/>
      <c r="C2699" s="9" t="s">
        <v>4361</v>
      </c>
      <c r="D2699" s="9" t="s">
        <v>19864</v>
      </c>
      <c r="E2699" s="10"/>
      <c r="F2699" s="10"/>
      <c r="G2699" s="8"/>
      <c r="H2699" s="8" t="s">
        <v>19865</v>
      </c>
      <c r="I2699" s="11">
        <v>44237</v>
      </c>
      <c r="J2699" s="11">
        <v>44237</v>
      </c>
      <c r="K2699" s="11">
        <v>46203</v>
      </c>
    </row>
    <row r="2700" spans="1:11" x14ac:dyDescent="0.4">
      <c r="A2700" s="8" t="s">
        <v>19668</v>
      </c>
      <c r="B2700" s="8"/>
      <c r="C2700" s="9" t="s">
        <v>7185</v>
      </c>
      <c r="D2700" s="9" t="s">
        <v>13456</v>
      </c>
      <c r="E2700" s="10"/>
      <c r="F2700" s="10" t="s">
        <v>17651</v>
      </c>
      <c r="G2700" s="8" t="s">
        <v>17652</v>
      </c>
      <c r="H2700" s="8" t="s">
        <v>19866</v>
      </c>
      <c r="I2700" s="11">
        <v>44245</v>
      </c>
      <c r="J2700" s="11">
        <v>44245</v>
      </c>
      <c r="K2700" s="11">
        <v>46660</v>
      </c>
    </row>
    <row r="2701" spans="1:11" x14ac:dyDescent="0.4">
      <c r="A2701" s="8" t="s">
        <v>19668</v>
      </c>
      <c r="B2701" s="8"/>
      <c r="C2701" s="9" t="s">
        <v>8265</v>
      </c>
      <c r="D2701" s="9" t="s">
        <v>19867</v>
      </c>
      <c r="E2701" s="10"/>
      <c r="F2701" s="10" t="s">
        <v>8263</v>
      </c>
      <c r="G2701" s="8" t="s">
        <v>14153</v>
      </c>
      <c r="H2701" s="8" t="s">
        <v>19868</v>
      </c>
      <c r="I2701" s="11">
        <v>44345</v>
      </c>
      <c r="J2701" s="11">
        <v>44345</v>
      </c>
      <c r="K2701" s="11">
        <v>46873</v>
      </c>
    </row>
    <row r="2702" spans="1:11" x14ac:dyDescent="0.4">
      <c r="A2702" s="8" t="s">
        <v>19869</v>
      </c>
      <c r="B2702" s="8"/>
      <c r="C2702" s="9" t="s">
        <v>19870</v>
      </c>
      <c r="D2702" s="9" t="s">
        <v>19871</v>
      </c>
      <c r="E2702" s="10"/>
      <c r="F2702" s="10" t="s">
        <v>19872</v>
      </c>
      <c r="G2702" s="8" t="s">
        <v>19873</v>
      </c>
      <c r="H2702" s="8" t="s">
        <v>19874</v>
      </c>
      <c r="I2702" s="11">
        <v>38992</v>
      </c>
      <c r="J2702" s="11">
        <v>43739</v>
      </c>
      <c r="K2702" s="11">
        <v>45930</v>
      </c>
    </row>
    <row r="2703" spans="1:11" x14ac:dyDescent="0.4">
      <c r="A2703" s="8" t="s">
        <v>19869</v>
      </c>
      <c r="B2703" s="8"/>
      <c r="C2703" s="9" t="s">
        <v>11605</v>
      </c>
      <c r="D2703" s="9" t="s">
        <v>11606</v>
      </c>
      <c r="E2703" s="10"/>
      <c r="F2703" s="10" t="s">
        <v>11563</v>
      </c>
      <c r="G2703" s="8" t="s">
        <v>11562</v>
      </c>
      <c r="H2703" s="8" t="s">
        <v>19875</v>
      </c>
      <c r="I2703" s="11">
        <v>39716</v>
      </c>
      <c r="J2703" s="11">
        <v>43922</v>
      </c>
      <c r="K2703" s="11">
        <v>46112</v>
      </c>
    </row>
    <row r="2704" spans="1:11" x14ac:dyDescent="0.4">
      <c r="A2704" s="8" t="s">
        <v>19869</v>
      </c>
      <c r="B2704" s="8"/>
      <c r="C2704" s="9" t="s">
        <v>19876</v>
      </c>
      <c r="D2704" s="9" t="s">
        <v>19877</v>
      </c>
      <c r="E2704" s="10"/>
      <c r="F2704" s="10" t="s">
        <v>6608</v>
      </c>
      <c r="G2704" s="8" t="s">
        <v>19878</v>
      </c>
      <c r="H2704" s="8" t="s">
        <v>19879</v>
      </c>
      <c r="I2704" s="11">
        <v>43243</v>
      </c>
      <c r="J2704" s="11">
        <v>43243</v>
      </c>
      <c r="K2704" s="11">
        <v>45596</v>
      </c>
    </row>
    <row r="2705" spans="1:11" x14ac:dyDescent="0.4">
      <c r="A2705" s="8" t="s">
        <v>19869</v>
      </c>
      <c r="B2705" s="8"/>
      <c r="C2705" s="9" t="s">
        <v>5739</v>
      </c>
      <c r="D2705" s="9" t="s">
        <v>11531</v>
      </c>
      <c r="E2705" s="10"/>
      <c r="F2705" s="10" t="s">
        <v>11532</v>
      </c>
      <c r="G2705" s="8" t="s">
        <v>11531</v>
      </c>
      <c r="H2705" s="8" t="s">
        <v>19880</v>
      </c>
      <c r="I2705" s="11">
        <v>43664</v>
      </c>
      <c r="J2705" s="11">
        <v>43664</v>
      </c>
      <c r="K2705" s="11">
        <v>45838</v>
      </c>
    </row>
    <row r="2706" spans="1:11" x14ac:dyDescent="0.4">
      <c r="A2706" s="8" t="s">
        <v>19869</v>
      </c>
      <c r="B2706" s="8"/>
      <c r="C2706" s="9" t="s">
        <v>16929</v>
      </c>
      <c r="D2706" s="9" t="s">
        <v>19881</v>
      </c>
      <c r="E2706" s="10"/>
      <c r="F2706" s="10" t="s">
        <v>16929</v>
      </c>
      <c r="G2706" s="8" t="s">
        <v>16931</v>
      </c>
      <c r="H2706" s="8" t="s">
        <v>19882</v>
      </c>
      <c r="I2706" s="11">
        <v>44134</v>
      </c>
      <c r="J2706" s="11">
        <v>44134</v>
      </c>
      <c r="K2706" s="11">
        <v>46660</v>
      </c>
    </row>
    <row r="2707" spans="1:11" x14ac:dyDescent="0.4">
      <c r="A2707" s="8" t="s">
        <v>19869</v>
      </c>
      <c r="B2707" s="8"/>
      <c r="C2707" s="9" t="s">
        <v>11565</v>
      </c>
      <c r="D2707" s="9" t="s">
        <v>11566</v>
      </c>
      <c r="E2707" s="10"/>
      <c r="F2707" s="10" t="s">
        <v>11565</v>
      </c>
      <c r="G2707" s="8" t="s">
        <v>11566</v>
      </c>
      <c r="H2707" s="8" t="s">
        <v>19883</v>
      </c>
      <c r="I2707" s="11">
        <v>44203</v>
      </c>
      <c r="J2707" s="11">
        <v>44203</v>
      </c>
      <c r="K2707" s="11">
        <v>46507</v>
      </c>
    </row>
    <row r="2708" spans="1:11" x14ac:dyDescent="0.4">
      <c r="A2708" s="8" t="s">
        <v>19884</v>
      </c>
      <c r="B2708" s="8"/>
      <c r="C2708" s="9" t="s">
        <v>19885</v>
      </c>
      <c r="D2708" s="9" t="s">
        <v>19886</v>
      </c>
      <c r="E2708" s="10"/>
      <c r="F2708" s="10" t="s">
        <v>19887</v>
      </c>
      <c r="G2708" s="8" t="s">
        <v>19888</v>
      </c>
      <c r="H2708" s="8" t="s">
        <v>19889</v>
      </c>
      <c r="I2708" s="11">
        <v>42122</v>
      </c>
      <c r="J2708" s="11">
        <v>43952</v>
      </c>
      <c r="K2708" s="11">
        <v>46142</v>
      </c>
    </row>
    <row r="2709" spans="1:11" x14ac:dyDescent="0.4">
      <c r="A2709" s="8" t="s">
        <v>19890</v>
      </c>
      <c r="B2709" s="8"/>
      <c r="C2709" s="9" t="s">
        <v>1409</v>
      </c>
      <c r="D2709" s="9" t="s">
        <v>19891</v>
      </c>
      <c r="E2709" s="10"/>
      <c r="F2709" s="10" t="s">
        <v>19892</v>
      </c>
      <c r="G2709" s="8" t="s">
        <v>19893</v>
      </c>
      <c r="H2709" s="8" t="s">
        <v>19894</v>
      </c>
      <c r="I2709" s="11">
        <v>32765</v>
      </c>
      <c r="J2709" s="11">
        <v>43374</v>
      </c>
      <c r="K2709" s="11">
        <v>45565</v>
      </c>
    </row>
    <row r="2710" spans="1:11" x14ac:dyDescent="0.4">
      <c r="A2710" s="8" t="s">
        <v>19890</v>
      </c>
      <c r="B2710" s="8"/>
      <c r="C2710" s="9" t="s">
        <v>19895</v>
      </c>
      <c r="D2710" s="9" t="s">
        <v>19896</v>
      </c>
      <c r="E2710" s="10"/>
      <c r="F2710" s="10" t="s">
        <v>19897</v>
      </c>
      <c r="G2710" s="8" t="s">
        <v>19898</v>
      </c>
      <c r="H2710" s="8" t="s">
        <v>19899</v>
      </c>
      <c r="I2710" s="11">
        <v>37243</v>
      </c>
      <c r="J2710" s="11">
        <v>44013</v>
      </c>
      <c r="K2710" s="11">
        <v>46203</v>
      </c>
    </row>
    <row r="2711" spans="1:11" x14ac:dyDescent="0.4">
      <c r="A2711" s="8" t="s">
        <v>19890</v>
      </c>
      <c r="B2711" s="8"/>
      <c r="C2711" s="9" t="s">
        <v>19900</v>
      </c>
      <c r="D2711" s="9" t="s">
        <v>19901</v>
      </c>
      <c r="E2711" s="10"/>
      <c r="F2711" s="10" t="s">
        <v>19902</v>
      </c>
      <c r="G2711" s="8" t="s">
        <v>19903</v>
      </c>
      <c r="H2711" s="8" t="s">
        <v>19904</v>
      </c>
      <c r="I2711" s="11">
        <v>36514</v>
      </c>
      <c r="J2711" s="11">
        <v>44136</v>
      </c>
      <c r="K2711" s="11">
        <v>46691</v>
      </c>
    </row>
    <row r="2712" spans="1:11" x14ac:dyDescent="0.4">
      <c r="A2712" s="8" t="s">
        <v>19890</v>
      </c>
      <c r="B2712" s="8"/>
      <c r="C2712" s="9" t="s">
        <v>19905</v>
      </c>
      <c r="D2712" s="9" t="s">
        <v>19906</v>
      </c>
      <c r="E2712" s="10"/>
      <c r="F2712" s="10" t="s">
        <v>19907</v>
      </c>
      <c r="G2712" s="8" t="s">
        <v>19906</v>
      </c>
      <c r="H2712" s="8" t="s">
        <v>19908</v>
      </c>
      <c r="I2712" s="11">
        <v>36225</v>
      </c>
      <c r="J2712" s="11">
        <v>43770</v>
      </c>
      <c r="K2712" s="11">
        <v>45596</v>
      </c>
    </row>
    <row r="2713" spans="1:11" x14ac:dyDescent="0.4">
      <c r="A2713" s="8" t="s">
        <v>19890</v>
      </c>
      <c r="B2713" s="8"/>
      <c r="C2713" s="9" t="s">
        <v>19909</v>
      </c>
      <c r="D2713" s="9" t="s">
        <v>19910</v>
      </c>
      <c r="E2713" s="10" t="s">
        <v>19911</v>
      </c>
      <c r="F2713" s="10" t="s">
        <v>19892</v>
      </c>
      <c r="G2713" s="8" t="s">
        <v>19912</v>
      </c>
      <c r="H2713" s="8" t="s">
        <v>19913</v>
      </c>
      <c r="I2713" s="11">
        <v>35576</v>
      </c>
      <c r="J2713" s="11">
        <v>43739</v>
      </c>
      <c r="K2713" s="11">
        <v>45930</v>
      </c>
    </row>
    <row r="2714" spans="1:11" x14ac:dyDescent="0.4">
      <c r="A2714" s="8" t="s">
        <v>19890</v>
      </c>
      <c r="B2714" s="8"/>
      <c r="C2714" s="9" t="s">
        <v>19914</v>
      </c>
      <c r="D2714" s="9" t="s">
        <v>19915</v>
      </c>
      <c r="E2714" s="10"/>
      <c r="F2714" s="10" t="s">
        <v>19914</v>
      </c>
      <c r="G2714" s="8" t="s">
        <v>19915</v>
      </c>
      <c r="H2714" s="8" t="s">
        <v>19916</v>
      </c>
      <c r="I2714" s="11">
        <v>39097</v>
      </c>
      <c r="J2714" s="11">
        <v>43556</v>
      </c>
      <c r="K2714" s="11">
        <v>45747</v>
      </c>
    </row>
    <row r="2715" spans="1:11" x14ac:dyDescent="0.4">
      <c r="A2715" s="8" t="s">
        <v>19890</v>
      </c>
      <c r="B2715" s="8"/>
      <c r="C2715" s="9" t="s">
        <v>19636</v>
      </c>
      <c r="D2715" s="9" t="s">
        <v>19637</v>
      </c>
      <c r="E2715" s="10"/>
      <c r="F2715" s="10" t="s">
        <v>19636</v>
      </c>
      <c r="G2715" s="8" t="s">
        <v>19637</v>
      </c>
      <c r="H2715" s="8" t="s">
        <v>19917</v>
      </c>
      <c r="I2715" s="11">
        <v>40798</v>
      </c>
      <c r="J2715" s="11">
        <v>43739</v>
      </c>
      <c r="K2715" s="11">
        <v>45565</v>
      </c>
    </row>
    <row r="2716" spans="1:11" x14ac:dyDescent="0.4">
      <c r="A2716" s="8" t="s">
        <v>19890</v>
      </c>
      <c r="B2716" s="8"/>
      <c r="C2716" s="9" t="s">
        <v>19918</v>
      </c>
      <c r="D2716" s="9" t="s">
        <v>19919</v>
      </c>
      <c r="E2716" s="10"/>
      <c r="F2716" s="10" t="s">
        <v>19918</v>
      </c>
      <c r="G2716" s="8" t="s">
        <v>19920</v>
      </c>
      <c r="H2716" s="8" t="s">
        <v>19921</v>
      </c>
      <c r="I2716" s="11">
        <v>41164</v>
      </c>
      <c r="J2716" s="11">
        <v>43556</v>
      </c>
      <c r="K2716" s="11">
        <v>45747</v>
      </c>
    </row>
    <row r="2717" spans="1:11" x14ac:dyDescent="0.4">
      <c r="A2717" s="8" t="s">
        <v>19890</v>
      </c>
      <c r="B2717" s="8"/>
      <c r="C2717" s="9" t="s">
        <v>19922</v>
      </c>
      <c r="D2717" s="9" t="s">
        <v>19923</v>
      </c>
      <c r="E2717" s="10"/>
      <c r="F2717" s="10"/>
      <c r="G2717" s="8"/>
      <c r="H2717" s="8" t="s">
        <v>19924</v>
      </c>
      <c r="I2717" s="11">
        <v>41418</v>
      </c>
      <c r="J2717" s="11">
        <v>43739</v>
      </c>
      <c r="K2717" s="11">
        <v>45930</v>
      </c>
    </row>
    <row r="2718" spans="1:11" x14ac:dyDescent="0.4">
      <c r="A2718" s="8" t="s">
        <v>19890</v>
      </c>
      <c r="B2718" s="8"/>
      <c r="C2718" s="9" t="s">
        <v>19925</v>
      </c>
      <c r="D2718" s="9" t="s">
        <v>14260</v>
      </c>
      <c r="E2718" s="10"/>
      <c r="F2718" s="10"/>
      <c r="G2718" s="8"/>
      <c r="H2718" s="8" t="s">
        <v>19926</v>
      </c>
      <c r="I2718" s="11">
        <v>41760</v>
      </c>
      <c r="J2718" s="11">
        <v>44317</v>
      </c>
      <c r="K2718" s="11">
        <v>46477</v>
      </c>
    </row>
    <row r="2719" spans="1:11" x14ac:dyDescent="0.4">
      <c r="A2719" s="8" t="s">
        <v>19890</v>
      </c>
      <c r="B2719" s="8"/>
      <c r="C2719" s="9" t="s">
        <v>19927</v>
      </c>
      <c r="D2719" s="9" t="s">
        <v>19928</v>
      </c>
      <c r="E2719" s="10"/>
      <c r="F2719" s="10" t="s">
        <v>19929</v>
      </c>
      <c r="G2719" s="8" t="s">
        <v>19930</v>
      </c>
      <c r="H2719" s="8" t="s">
        <v>19931</v>
      </c>
      <c r="I2719" s="11">
        <v>43916</v>
      </c>
      <c r="J2719" s="11">
        <v>43916</v>
      </c>
      <c r="K2719" s="11">
        <v>46326</v>
      </c>
    </row>
    <row r="2720" spans="1:11" x14ac:dyDescent="0.4">
      <c r="A2720" s="8" t="s">
        <v>19890</v>
      </c>
      <c r="B2720" s="8"/>
      <c r="C2720" s="9" t="s">
        <v>19932</v>
      </c>
      <c r="D2720" s="9" t="s">
        <v>11754</v>
      </c>
      <c r="E2720" s="10"/>
      <c r="F2720" s="10" t="s">
        <v>11450</v>
      </c>
      <c r="G2720" s="8" t="s">
        <v>11451</v>
      </c>
      <c r="H2720" s="8" t="s">
        <v>19933</v>
      </c>
      <c r="I2720" s="11">
        <v>44244</v>
      </c>
      <c r="J2720" s="11">
        <v>44244</v>
      </c>
      <c r="K2720" s="11">
        <v>47026</v>
      </c>
    </row>
    <row r="2721" spans="1:11" x14ac:dyDescent="0.4">
      <c r="A2721" s="8" t="s">
        <v>2936</v>
      </c>
      <c r="B2721" s="8"/>
      <c r="C2721" s="9" t="s">
        <v>19934</v>
      </c>
      <c r="D2721" s="9" t="s">
        <v>19935</v>
      </c>
      <c r="E2721" s="10"/>
      <c r="F2721" s="10" t="s">
        <v>19936</v>
      </c>
      <c r="G2721" s="8" t="s">
        <v>19937</v>
      </c>
      <c r="H2721" s="8" t="s">
        <v>19938</v>
      </c>
      <c r="I2721" s="11">
        <v>35796</v>
      </c>
      <c r="J2721" s="11">
        <v>43374</v>
      </c>
      <c r="K2721" s="11">
        <v>45565</v>
      </c>
    </row>
    <row r="2722" spans="1:11" x14ac:dyDescent="0.4">
      <c r="A2722" s="8" t="s">
        <v>2936</v>
      </c>
      <c r="B2722" s="8"/>
      <c r="C2722" s="9" t="s">
        <v>2935</v>
      </c>
      <c r="D2722" s="9" t="s">
        <v>19939</v>
      </c>
      <c r="E2722" s="10"/>
      <c r="F2722" s="10" t="s">
        <v>19940</v>
      </c>
      <c r="G2722" s="8" t="s">
        <v>19941</v>
      </c>
      <c r="H2722" s="8" t="s">
        <v>19942</v>
      </c>
      <c r="I2722" s="11">
        <v>35835</v>
      </c>
      <c r="J2722" s="11">
        <v>43282</v>
      </c>
      <c r="K2722" s="11">
        <v>45473</v>
      </c>
    </row>
    <row r="2723" spans="1:11" x14ac:dyDescent="0.4">
      <c r="A2723" s="8" t="s">
        <v>2936</v>
      </c>
      <c r="B2723" s="8"/>
      <c r="C2723" s="9" t="s">
        <v>19943</v>
      </c>
      <c r="D2723" s="9" t="s">
        <v>19944</v>
      </c>
      <c r="E2723" s="10"/>
      <c r="F2723" s="10" t="s">
        <v>19945</v>
      </c>
      <c r="G2723" s="8" t="s">
        <v>19946</v>
      </c>
      <c r="H2723" s="8" t="s">
        <v>19947</v>
      </c>
      <c r="I2723" s="11">
        <v>36465</v>
      </c>
      <c r="J2723" s="11">
        <v>43739</v>
      </c>
      <c r="K2723" s="11">
        <v>46295</v>
      </c>
    </row>
    <row r="2724" spans="1:11" x14ac:dyDescent="0.4">
      <c r="A2724" s="8" t="s">
        <v>2936</v>
      </c>
      <c r="B2724" s="8"/>
      <c r="C2724" s="9" t="s">
        <v>19948</v>
      </c>
      <c r="D2724" s="9" t="s">
        <v>19949</v>
      </c>
      <c r="E2724" s="10"/>
      <c r="F2724" s="10" t="s">
        <v>19950</v>
      </c>
      <c r="G2724" s="8" t="s">
        <v>19949</v>
      </c>
      <c r="H2724" s="8" t="s">
        <v>19951</v>
      </c>
      <c r="I2724" s="11">
        <v>37343</v>
      </c>
      <c r="J2724" s="11">
        <v>43556</v>
      </c>
      <c r="K2724" s="11">
        <v>45747</v>
      </c>
    </row>
    <row r="2725" spans="1:11" x14ac:dyDescent="0.4">
      <c r="A2725" s="8" t="s">
        <v>2936</v>
      </c>
      <c r="B2725" s="8"/>
      <c r="C2725" s="9" t="s">
        <v>18746</v>
      </c>
      <c r="D2725" s="9" t="s">
        <v>18747</v>
      </c>
      <c r="E2725" s="10"/>
      <c r="F2725" s="10" t="s">
        <v>19952</v>
      </c>
      <c r="G2725" s="8" t="s">
        <v>18749</v>
      </c>
      <c r="H2725" s="8" t="s">
        <v>19953</v>
      </c>
      <c r="I2725" s="11">
        <v>37166</v>
      </c>
      <c r="J2725" s="11">
        <v>43405</v>
      </c>
      <c r="K2725" s="11">
        <v>45596</v>
      </c>
    </row>
    <row r="2726" spans="1:11" x14ac:dyDescent="0.4">
      <c r="A2726" s="8" t="s">
        <v>2936</v>
      </c>
      <c r="B2726" s="8"/>
      <c r="C2726" s="9" t="s">
        <v>19954</v>
      </c>
      <c r="D2726" s="9" t="s">
        <v>19955</v>
      </c>
      <c r="E2726" s="10"/>
      <c r="F2726" s="10" t="s">
        <v>19954</v>
      </c>
      <c r="G2726" s="8" t="s">
        <v>19955</v>
      </c>
      <c r="H2726" s="8" t="s">
        <v>19956</v>
      </c>
      <c r="I2726" s="11">
        <v>38090</v>
      </c>
      <c r="J2726" s="11">
        <v>44105</v>
      </c>
      <c r="K2726" s="11">
        <v>46295</v>
      </c>
    </row>
    <row r="2727" spans="1:11" x14ac:dyDescent="0.4">
      <c r="A2727" s="8" t="s">
        <v>19957</v>
      </c>
      <c r="B2727" s="8"/>
      <c r="C2727" s="9" t="s">
        <v>19958</v>
      </c>
      <c r="D2727" s="9" t="s">
        <v>19959</v>
      </c>
      <c r="E2727" s="10"/>
      <c r="F2727" s="10"/>
      <c r="G2727" s="8"/>
      <c r="H2727" s="8" t="s">
        <v>19960</v>
      </c>
      <c r="I2727" s="11">
        <v>27811</v>
      </c>
      <c r="J2727" s="11">
        <v>44013</v>
      </c>
      <c r="K2727" s="11">
        <v>45838</v>
      </c>
    </row>
    <row r="2728" spans="1:11" x14ac:dyDescent="0.4">
      <c r="A2728" s="8" t="s">
        <v>19957</v>
      </c>
      <c r="B2728" s="8"/>
      <c r="C2728" s="9" t="s">
        <v>19961</v>
      </c>
      <c r="D2728" s="9" t="s">
        <v>19962</v>
      </c>
      <c r="E2728" s="10"/>
      <c r="F2728" s="10"/>
      <c r="G2728" s="8"/>
      <c r="H2728" s="8" t="s">
        <v>19963</v>
      </c>
      <c r="I2728" s="11">
        <v>36373</v>
      </c>
      <c r="J2728" s="11">
        <v>44136</v>
      </c>
      <c r="K2728" s="11">
        <v>46326</v>
      </c>
    </row>
    <row r="2729" spans="1:11" x14ac:dyDescent="0.4">
      <c r="A2729" s="8" t="s">
        <v>19957</v>
      </c>
      <c r="B2729" s="8"/>
      <c r="C2729" s="9" t="s">
        <v>19922</v>
      </c>
      <c r="D2729" s="9" t="s">
        <v>19923</v>
      </c>
      <c r="E2729" s="10"/>
      <c r="F2729" s="10"/>
      <c r="G2729" s="8"/>
      <c r="H2729" s="8" t="s">
        <v>19964</v>
      </c>
      <c r="I2729" s="11">
        <v>34302</v>
      </c>
      <c r="J2729" s="11">
        <v>43739</v>
      </c>
      <c r="K2729" s="11">
        <v>45930</v>
      </c>
    </row>
    <row r="2730" spans="1:11" x14ac:dyDescent="0.4">
      <c r="A2730" s="8" t="s">
        <v>19957</v>
      </c>
      <c r="B2730" s="8"/>
      <c r="C2730" s="9" t="s">
        <v>19965</v>
      </c>
      <c r="D2730" s="9" t="s">
        <v>19966</v>
      </c>
      <c r="E2730" s="10"/>
      <c r="F2730" s="10"/>
      <c r="G2730" s="8"/>
      <c r="H2730" s="8" t="s">
        <v>19967</v>
      </c>
      <c r="I2730" s="11">
        <v>36477</v>
      </c>
      <c r="J2730" s="11">
        <v>43374</v>
      </c>
      <c r="K2730" s="11">
        <v>45565</v>
      </c>
    </row>
    <row r="2731" spans="1:11" x14ac:dyDescent="0.4">
      <c r="A2731" s="8" t="s">
        <v>19957</v>
      </c>
      <c r="B2731" s="8"/>
      <c r="C2731" s="9" t="s">
        <v>19968</v>
      </c>
      <c r="D2731" s="9" t="s">
        <v>19969</v>
      </c>
      <c r="E2731" s="10"/>
      <c r="F2731" s="10"/>
      <c r="G2731" s="8"/>
      <c r="H2731" s="8" t="s">
        <v>19970</v>
      </c>
      <c r="I2731" s="11">
        <v>39079</v>
      </c>
      <c r="J2731" s="11">
        <v>43374</v>
      </c>
      <c r="K2731" s="11">
        <v>45565</v>
      </c>
    </row>
    <row r="2732" spans="1:11" x14ac:dyDescent="0.4">
      <c r="A2732" s="8" t="s">
        <v>19957</v>
      </c>
      <c r="B2732" s="8"/>
      <c r="C2732" s="9" t="s">
        <v>19971</v>
      </c>
      <c r="D2732" s="9" t="s">
        <v>19972</v>
      </c>
      <c r="E2732" s="10"/>
      <c r="F2732" s="10"/>
      <c r="G2732" s="8"/>
      <c r="H2732" s="8" t="s">
        <v>19973</v>
      </c>
      <c r="I2732" s="11">
        <v>40014</v>
      </c>
      <c r="J2732" s="11">
        <v>43770</v>
      </c>
      <c r="K2732" s="11">
        <v>45596</v>
      </c>
    </row>
    <row r="2733" spans="1:11" x14ac:dyDescent="0.4">
      <c r="A2733" s="8" t="s">
        <v>19957</v>
      </c>
      <c r="B2733" s="8"/>
      <c r="C2733" s="9" t="s">
        <v>19925</v>
      </c>
      <c r="D2733" s="9" t="s">
        <v>14260</v>
      </c>
      <c r="E2733" s="10"/>
      <c r="F2733" s="10"/>
      <c r="G2733" s="8"/>
      <c r="H2733" s="8" t="s">
        <v>19974</v>
      </c>
      <c r="I2733" s="11">
        <v>41760</v>
      </c>
      <c r="J2733" s="11">
        <v>44317</v>
      </c>
      <c r="K2733" s="11">
        <v>46477</v>
      </c>
    </row>
    <row r="2734" spans="1:11" x14ac:dyDescent="0.4">
      <c r="A2734" s="8" t="s">
        <v>19957</v>
      </c>
      <c r="B2734" s="8"/>
      <c r="C2734" s="9" t="s">
        <v>854</v>
      </c>
      <c r="D2734" s="9" t="s">
        <v>18689</v>
      </c>
      <c r="E2734" s="10"/>
      <c r="F2734" s="10" t="s">
        <v>854</v>
      </c>
      <c r="G2734" s="8" t="s">
        <v>15441</v>
      </c>
      <c r="H2734" s="8" t="s">
        <v>19975</v>
      </c>
      <c r="I2734" s="11">
        <v>43990</v>
      </c>
      <c r="J2734" s="11">
        <v>43990</v>
      </c>
      <c r="K2734" s="11">
        <v>46203</v>
      </c>
    </row>
    <row r="2735" spans="1:11" x14ac:dyDescent="0.4">
      <c r="A2735" s="8" t="s">
        <v>19957</v>
      </c>
      <c r="B2735" s="8"/>
      <c r="C2735" s="9" t="s">
        <v>19976</v>
      </c>
      <c r="D2735" s="9" t="s">
        <v>19977</v>
      </c>
      <c r="E2735" s="10"/>
      <c r="F2735" s="10"/>
      <c r="G2735" s="8"/>
      <c r="H2735" s="8" t="s">
        <v>19978</v>
      </c>
      <c r="I2735" s="11">
        <v>44105</v>
      </c>
      <c r="J2735" s="11">
        <v>44105</v>
      </c>
      <c r="K2735" s="11">
        <v>46295</v>
      </c>
    </row>
    <row r="2736" spans="1:11" x14ac:dyDescent="0.4">
      <c r="A2736" s="8" t="s">
        <v>19979</v>
      </c>
      <c r="B2736" s="8"/>
      <c r="C2736" s="9" t="s">
        <v>19980</v>
      </c>
      <c r="D2736" s="9" t="s">
        <v>19981</v>
      </c>
      <c r="E2736" s="10"/>
      <c r="F2736" s="10" t="s">
        <v>19982</v>
      </c>
      <c r="G2736" s="8" t="s">
        <v>19983</v>
      </c>
      <c r="H2736" s="8" t="s">
        <v>19984</v>
      </c>
      <c r="I2736" s="11">
        <v>35986</v>
      </c>
      <c r="J2736" s="11">
        <v>43739</v>
      </c>
      <c r="K2736" s="11">
        <v>45930</v>
      </c>
    </row>
    <row r="2737" spans="1:11" x14ac:dyDescent="0.4">
      <c r="A2737" s="8" t="s">
        <v>19985</v>
      </c>
      <c r="B2737" s="8"/>
      <c r="C2737" s="9" t="s">
        <v>19986</v>
      </c>
      <c r="D2737" s="9" t="s">
        <v>19987</v>
      </c>
      <c r="E2737" s="10"/>
      <c r="F2737" s="10"/>
      <c r="G2737" s="8"/>
      <c r="H2737" s="8" t="s">
        <v>19988</v>
      </c>
      <c r="I2737" s="11">
        <v>36385</v>
      </c>
      <c r="J2737" s="11">
        <v>43739</v>
      </c>
      <c r="K2737" s="11">
        <v>46660</v>
      </c>
    </row>
    <row r="2738" spans="1:11" x14ac:dyDescent="0.4">
      <c r="A2738" s="8" t="s">
        <v>19985</v>
      </c>
      <c r="B2738" s="8"/>
      <c r="C2738" s="9" t="s">
        <v>11823</v>
      </c>
      <c r="D2738" s="9" t="s">
        <v>11824</v>
      </c>
      <c r="E2738" s="10"/>
      <c r="F2738" s="10"/>
      <c r="G2738" s="8"/>
      <c r="H2738" s="8" t="s">
        <v>19989</v>
      </c>
      <c r="I2738" s="11">
        <v>34318</v>
      </c>
      <c r="J2738" s="11">
        <v>43739</v>
      </c>
      <c r="K2738" s="11">
        <v>45930</v>
      </c>
    </row>
    <row r="2739" spans="1:11" x14ac:dyDescent="0.4">
      <c r="A2739" s="8" t="s">
        <v>19985</v>
      </c>
      <c r="B2739" s="8"/>
      <c r="C2739" s="9" t="s">
        <v>19990</v>
      </c>
      <c r="D2739" s="9" t="s">
        <v>19991</v>
      </c>
      <c r="E2739" s="10"/>
      <c r="F2739" s="10" t="s">
        <v>19992</v>
      </c>
      <c r="G2739" s="8" t="s">
        <v>19991</v>
      </c>
      <c r="H2739" s="8" t="s">
        <v>19993</v>
      </c>
      <c r="I2739" s="11">
        <v>28838</v>
      </c>
      <c r="J2739" s="11">
        <v>42917</v>
      </c>
      <c r="K2739" s="11">
        <v>45473</v>
      </c>
    </row>
    <row r="2740" spans="1:11" x14ac:dyDescent="0.4">
      <c r="A2740" s="8" t="s">
        <v>19985</v>
      </c>
      <c r="B2740" s="8"/>
      <c r="C2740" s="9" t="s">
        <v>19671</v>
      </c>
      <c r="D2740" s="9" t="s">
        <v>19672</v>
      </c>
      <c r="E2740" s="10"/>
      <c r="F2740" s="10"/>
      <c r="G2740" s="8"/>
      <c r="H2740" s="8" t="s">
        <v>19994</v>
      </c>
      <c r="I2740" s="11">
        <v>28846</v>
      </c>
      <c r="J2740" s="11">
        <v>43009</v>
      </c>
      <c r="K2740" s="11">
        <v>45565</v>
      </c>
    </row>
    <row r="2741" spans="1:11" x14ac:dyDescent="0.4">
      <c r="A2741" s="8" t="s">
        <v>19985</v>
      </c>
      <c r="B2741" s="8"/>
      <c r="C2741" s="9" t="s">
        <v>11972</v>
      </c>
      <c r="D2741" s="9" t="s">
        <v>11973</v>
      </c>
      <c r="E2741" s="10"/>
      <c r="F2741" s="10"/>
      <c r="G2741" s="8"/>
      <c r="H2741" s="8" t="s">
        <v>19995</v>
      </c>
      <c r="I2741" s="11">
        <v>30532</v>
      </c>
      <c r="J2741" s="11">
        <v>43647</v>
      </c>
      <c r="K2741" s="11">
        <v>45473</v>
      </c>
    </row>
    <row r="2742" spans="1:11" x14ac:dyDescent="0.4">
      <c r="A2742" s="8" t="s">
        <v>19985</v>
      </c>
      <c r="B2742" s="8"/>
      <c r="C2742" s="9" t="s">
        <v>19996</v>
      </c>
      <c r="D2742" s="9" t="s">
        <v>12963</v>
      </c>
      <c r="E2742" s="10" t="s">
        <v>19997</v>
      </c>
      <c r="F2742" s="10" t="s">
        <v>19998</v>
      </c>
      <c r="G2742" s="8" t="s">
        <v>12963</v>
      </c>
      <c r="H2742" s="8" t="s">
        <v>19999</v>
      </c>
      <c r="I2742" s="11">
        <v>40878</v>
      </c>
      <c r="J2742" s="11">
        <v>43435</v>
      </c>
      <c r="K2742" s="11">
        <v>45991</v>
      </c>
    </row>
    <row r="2743" spans="1:11" x14ac:dyDescent="0.4">
      <c r="A2743" s="8" t="s">
        <v>19985</v>
      </c>
      <c r="B2743" s="8"/>
      <c r="C2743" s="9" t="s">
        <v>20000</v>
      </c>
      <c r="D2743" s="9" t="s">
        <v>20001</v>
      </c>
      <c r="E2743" s="10"/>
      <c r="F2743" s="10"/>
      <c r="G2743" s="8"/>
      <c r="H2743" s="8" t="s">
        <v>20002</v>
      </c>
      <c r="I2743" s="11">
        <v>33462</v>
      </c>
      <c r="J2743" s="11">
        <v>43221</v>
      </c>
      <c r="K2743" s="11">
        <v>45777</v>
      </c>
    </row>
    <row r="2744" spans="1:11" x14ac:dyDescent="0.4">
      <c r="A2744" s="8" t="s">
        <v>19985</v>
      </c>
      <c r="B2744" s="8"/>
      <c r="C2744" s="9" t="s">
        <v>19347</v>
      </c>
      <c r="D2744" s="9" t="s">
        <v>19348</v>
      </c>
      <c r="E2744" s="10"/>
      <c r="F2744" s="10" t="s">
        <v>19349</v>
      </c>
      <c r="G2744" s="8" t="s">
        <v>19350</v>
      </c>
      <c r="H2744" s="8" t="s">
        <v>20003</v>
      </c>
      <c r="I2744" s="11">
        <v>33500</v>
      </c>
      <c r="J2744" s="11">
        <v>43556</v>
      </c>
      <c r="K2744" s="11">
        <v>46112</v>
      </c>
    </row>
    <row r="2745" spans="1:11" x14ac:dyDescent="0.4">
      <c r="A2745" s="8" t="s">
        <v>19985</v>
      </c>
      <c r="B2745" s="8"/>
      <c r="C2745" s="9" t="s">
        <v>20004</v>
      </c>
      <c r="D2745" s="9" t="s">
        <v>20005</v>
      </c>
      <c r="E2745" s="10"/>
      <c r="F2745" s="10"/>
      <c r="G2745" s="8"/>
      <c r="H2745" s="8" t="s">
        <v>20006</v>
      </c>
      <c r="I2745" s="11">
        <v>33543</v>
      </c>
      <c r="J2745" s="11">
        <v>43405</v>
      </c>
      <c r="K2745" s="11">
        <v>45596</v>
      </c>
    </row>
    <row r="2746" spans="1:11" x14ac:dyDescent="0.4">
      <c r="A2746" s="8" t="s">
        <v>19985</v>
      </c>
      <c r="B2746" s="8"/>
      <c r="C2746" s="9" t="s">
        <v>12108</v>
      </c>
      <c r="D2746" s="9" t="s">
        <v>12109</v>
      </c>
      <c r="E2746" s="10"/>
      <c r="F2746" s="10"/>
      <c r="G2746" s="8"/>
      <c r="H2746" s="8" t="s">
        <v>20007</v>
      </c>
      <c r="I2746" s="11">
        <v>26270</v>
      </c>
      <c r="J2746" s="11">
        <v>43282</v>
      </c>
      <c r="K2746" s="11">
        <v>45473</v>
      </c>
    </row>
    <row r="2747" spans="1:11" x14ac:dyDescent="0.4">
      <c r="A2747" s="8" t="s">
        <v>19985</v>
      </c>
      <c r="B2747" s="8"/>
      <c r="C2747" s="9" t="s">
        <v>20008</v>
      </c>
      <c r="D2747" s="9" t="s">
        <v>20009</v>
      </c>
      <c r="E2747" s="10"/>
      <c r="F2747" s="10" t="s">
        <v>20010</v>
      </c>
      <c r="G2747" s="8" t="s">
        <v>20011</v>
      </c>
      <c r="H2747" s="8" t="s">
        <v>20012</v>
      </c>
      <c r="I2747" s="11">
        <v>32132</v>
      </c>
      <c r="J2747" s="11">
        <v>43556</v>
      </c>
      <c r="K2747" s="11">
        <v>46112</v>
      </c>
    </row>
    <row r="2748" spans="1:11" x14ac:dyDescent="0.4">
      <c r="A2748" s="8" t="s">
        <v>19985</v>
      </c>
      <c r="B2748" s="8"/>
      <c r="C2748" s="9" t="s">
        <v>20013</v>
      </c>
      <c r="D2748" s="9" t="s">
        <v>20014</v>
      </c>
      <c r="E2748" s="10"/>
      <c r="F2748" s="10"/>
      <c r="G2748" s="8"/>
      <c r="H2748" s="8" t="s">
        <v>20015</v>
      </c>
      <c r="I2748" s="11">
        <v>27791</v>
      </c>
      <c r="J2748" s="11">
        <v>43282</v>
      </c>
      <c r="K2748" s="11">
        <v>45473</v>
      </c>
    </row>
    <row r="2749" spans="1:11" x14ac:dyDescent="0.4">
      <c r="A2749" s="8" t="s">
        <v>19985</v>
      </c>
      <c r="B2749" s="8"/>
      <c r="C2749" s="9" t="s">
        <v>20016</v>
      </c>
      <c r="D2749" s="9" t="s">
        <v>18725</v>
      </c>
      <c r="E2749" s="10" t="s">
        <v>20017</v>
      </c>
      <c r="F2749" s="10" t="s">
        <v>4212</v>
      </c>
      <c r="G2749" s="8" t="s">
        <v>20018</v>
      </c>
      <c r="H2749" s="8" t="s">
        <v>20019</v>
      </c>
      <c r="I2749" s="11">
        <v>32361</v>
      </c>
      <c r="J2749" s="11">
        <v>43556</v>
      </c>
      <c r="K2749" s="11">
        <v>46112</v>
      </c>
    </row>
    <row r="2750" spans="1:11" x14ac:dyDescent="0.4">
      <c r="A2750" s="8" t="s">
        <v>19985</v>
      </c>
      <c r="B2750" s="8"/>
      <c r="C2750" s="9" t="s">
        <v>20020</v>
      </c>
      <c r="D2750" s="9" t="s">
        <v>20021</v>
      </c>
      <c r="E2750" s="10"/>
      <c r="F2750" s="10"/>
      <c r="G2750" s="8"/>
      <c r="H2750" s="8" t="s">
        <v>20022</v>
      </c>
      <c r="I2750" s="11">
        <v>30960</v>
      </c>
      <c r="J2750" s="11">
        <v>43770</v>
      </c>
      <c r="K2750" s="11">
        <v>46326</v>
      </c>
    </row>
    <row r="2751" spans="1:11" x14ac:dyDescent="0.4">
      <c r="A2751" s="8" t="s">
        <v>19985</v>
      </c>
      <c r="B2751" s="8"/>
      <c r="C2751" s="9" t="s">
        <v>11540</v>
      </c>
      <c r="D2751" s="9" t="s">
        <v>11541</v>
      </c>
      <c r="E2751" s="10"/>
      <c r="F2751" s="10" t="s">
        <v>11540</v>
      </c>
      <c r="G2751" s="8" t="s">
        <v>11542</v>
      </c>
      <c r="H2751" s="8" t="s">
        <v>20023</v>
      </c>
      <c r="I2751" s="11">
        <v>33932</v>
      </c>
      <c r="J2751" s="11">
        <v>43739</v>
      </c>
      <c r="K2751" s="11">
        <v>45930</v>
      </c>
    </row>
    <row r="2752" spans="1:11" x14ac:dyDescent="0.4">
      <c r="A2752" s="8" t="s">
        <v>19985</v>
      </c>
      <c r="B2752" s="8"/>
      <c r="C2752" s="9" t="s">
        <v>12203</v>
      </c>
      <c r="D2752" s="9" t="s">
        <v>12204</v>
      </c>
      <c r="E2752" s="10"/>
      <c r="F2752" s="10"/>
      <c r="G2752" s="8"/>
      <c r="H2752" s="8" t="s">
        <v>20024</v>
      </c>
      <c r="I2752" s="11">
        <v>32477</v>
      </c>
      <c r="J2752" s="11">
        <v>43647</v>
      </c>
      <c r="K2752" s="11">
        <v>45838</v>
      </c>
    </row>
    <row r="2753" spans="1:11" x14ac:dyDescent="0.4">
      <c r="A2753" s="8" t="s">
        <v>19985</v>
      </c>
      <c r="B2753" s="8"/>
      <c r="C2753" s="9" t="s">
        <v>15461</v>
      </c>
      <c r="D2753" s="9" t="s">
        <v>15462</v>
      </c>
      <c r="E2753" s="10"/>
      <c r="F2753" s="10"/>
      <c r="G2753" s="8"/>
      <c r="H2753" s="8" t="s">
        <v>20025</v>
      </c>
      <c r="I2753" s="11">
        <v>34012</v>
      </c>
      <c r="J2753" s="11">
        <v>43374</v>
      </c>
      <c r="K2753" s="11">
        <v>45565</v>
      </c>
    </row>
    <row r="2754" spans="1:11" x14ac:dyDescent="0.4">
      <c r="A2754" s="8" t="s">
        <v>19985</v>
      </c>
      <c r="B2754" s="8"/>
      <c r="C2754" s="9" t="s">
        <v>20026</v>
      </c>
      <c r="D2754" s="9" t="s">
        <v>20027</v>
      </c>
      <c r="E2754" s="10"/>
      <c r="F2754" s="10" t="s">
        <v>20028</v>
      </c>
      <c r="G2754" s="8" t="s">
        <v>20027</v>
      </c>
      <c r="H2754" s="8" t="s">
        <v>20029</v>
      </c>
      <c r="I2754" s="11">
        <v>32596</v>
      </c>
      <c r="J2754" s="11">
        <v>43739</v>
      </c>
      <c r="K2754" s="11">
        <v>46295</v>
      </c>
    </row>
    <row r="2755" spans="1:11" x14ac:dyDescent="0.4">
      <c r="A2755" s="8" t="s">
        <v>19985</v>
      </c>
      <c r="B2755" s="8"/>
      <c r="C2755" s="9" t="s">
        <v>12295</v>
      </c>
      <c r="D2755" s="9" t="s">
        <v>11401</v>
      </c>
      <c r="E2755" s="10"/>
      <c r="F2755" s="10" t="s">
        <v>11400</v>
      </c>
      <c r="G2755" s="8" t="s">
        <v>11401</v>
      </c>
      <c r="H2755" s="8" t="s">
        <v>20030</v>
      </c>
      <c r="I2755" s="11">
        <v>34348</v>
      </c>
      <c r="J2755" s="11">
        <v>43586</v>
      </c>
      <c r="K2755" s="11">
        <v>45777</v>
      </c>
    </row>
    <row r="2756" spans="1:11" x14ac:dyDescent="0.4">
      <c r="A2756" s="8" t="s">
        <v>19985</v>
      </c>
      <c r="B2756" s="8"/>
      <c r="C2756" s="9" t="s">
        <v>19373</v>
      </c>
      <c r="D2756" s="9" t="s">
        <v>19374</v>
      </c>
      <c r="E2756" s="10"/>
      <c r="F2756" s="10" t="s">
        <v>7487</v>
      </c>
      <c r="G2756" s="8" t="s">
        <v>14252</v>
      </c>
      <c r="H2756" s="8" t="s">
        <v>20031</v>
      </c>
      <c r="I2756" s="11">
        <v>34880</v>
      </c>
      <c r="J2756" s="11">
        <v>43647</v>
      </c>
      <c r="K2756" s="11">
        <v>46568</v>
      </c>
    </row>
    <row r="2757" spans="1:11" x14ac:dyDescent="0.4">
      <c r="A2757" s="8" t="s">
        <v>19985</v>
      </c>
      <c r="B2757" s="8" t="s">
        <v>405</v>
      </c>
      <c r="C2757" s="9" t="s">
        <v>20032</v>
      </c>
      <c r="D2757" s="9" t="s">
        <v>20033</v>
      </c>
      <c r="E2757" s="10"/>
      <c r="F2757" s="10" t="s">
        <v>20034</v>
      </c>
      <c r="G2757" s="8" t="s">
        <v>20035</v>
      </c>
      <c r="H2757" s="8" t="s">
        <v>20036</v>
      </c>
      <c r="I2757" s="11">
        <v>33371</v>
      </c>
      <c r="J2757" s="11">
        <v>43617</v>
      </c>
      <c r="K2757" s="11">
        <v>45808</v>
      </c>
    </row>
    <row r="2758" spans="1:11" x14ac:dyDescent="0.4">
      <c r="A2758" s="8" t="s">
        <v>19985</v>
      </c>
      <c r="B2758" s="8" t="s">
        <v>405</v>
      </c>
      <c r="C2758" s="9" t="s">
        <v>20037</v>
      </c>
      <c r="D2758" s="9" t="s">
        <v>13468</v>
      </c>
      <c r="E2758" s="10" t="s">
        <v>20038</v>
      </c>
      <c r="F2758" s="10" t="s">
        <v>4212</v>
      </c>
      <c r="G2758" s="8" t="s">
        <v>20018</v>
      </c>
      <c r="H2758" s="8" t="s">
        <v>20039</v>
      </c>
      <c r="I2758" s="11">
        <v>33065</v>
      </c>
      <c r="J2758" s="11">
        <v>43617</v>
      </c>
      <c r="K2758" s="11">
        <v>45808</v>
      </c>
    </row>
    <row r="2759" spans="1:11" x14ac:dyDescent="0.4">
      <c r="A2759" s="8" t="s">
        <v>19985</v>
      </c>
      <c r="B2759" s="8" t="s">
        <v>405</v>
      </c>
      <c r="C2759" s="9" t="s">
        <v>20040</v>
      </c>
      <c r="D2759" s="9" t="s">
        <v>16182</v>
      </c>
      <c r="E2759" s="10" t="s">
        <v>20041</v>
      </c>
      <c r="F2759" s="10" t="s">
        <v>4212</v>
      </c>
      <c r="G2759" s="8" t="s">
        <v>20018</v>
      </c>
      <c r="H2759" s="8" t="s">
        <v>20042</v>
      </c>
      <c r="I2759" s="11">
        <v>32477</v>
      </c>
      <c r="J2759" s="11">
        <v>43617</v>
      </c>
      <c r="K2759" s="11">
        <v>45808</v>
      </c>
    </row>
    <row r="2760" spans="1:11" x14ac:dyDescent="0.4">
      <c r="A2760" s="8" t="s">
        <v>19985</v>
      </c>
      <c r="B2760" s="8" t="s">
        <v>405</v>
      </c>
      <c r="C2760" s="9" t="s">
        <v>20043</v>
      </c>
      <c r="D2760" s="9" t="s">
        <v>13377</v>
      </c>
      <c r="E2760" s="10"/>
      <c r="F2760" s="10" t="s">
        <v>2321</v>
      </c>
      <c r="G2760" s="8" t="s">
        <v>13377</v>
      </c>
      <c r="H2760" s="8" t="s">
        <v>20044</v>
      </c>
      <c r="I2760" s="11">
        <v>35279</v>
      </c>
      <c r="J2760" s="11">
        <v>43617</v>
      </c>
      <c r="K2760" s="11">
        <v>45808</v>
      </c>
    </row>
    <row r="2761" spans="1:11" x14ac:dyDescent="0.4">
      <c r="A2761" s="8" t="s">
        <v>19985</v>
      </c>
      <c r="B2761" s="8"/>
      <c r="C2761" s="9" t="s">
        <v>12417</v>
      </c>
      <c r="D2761" s="9" t="s">
        <v>12418</v>
      </c>
      <c r="E2761" s="10"/>
      <c r="F2761" s="10"/>
      <c r="G2761" s="8"/>
      <c r="H2761" s="8" t="s">
        <v>20045</v>
      </c>
      <c r="I2761" s="11">
        <v>35370</v>
      </c>
      <c r="J2761" s="11">
        <v>43739</v>
      </c>
      <c r="K2761" s="11">
        <v>45930</v>
      </c>
    </row>
    <row r="2762" spans="1:11" x14ac:dyDescent="0.4">
      <c r="A2762" s="8" t="s">
        <v>19985</v>
      </c>
      <c r="B2762" s="8" t="s">
        <v>405</v>
      </c>
      <c r="C2762" s="9" t="s">
        <v>20046</v>
      </c>
      <c r="D2762" s="9" t="s">
        <v>20047</v>
      </c>
      <c r="E2762" s="10"/>
      <c r="F2762" s="10" t="s">
        <v>19047</v>
      </c>
      <c r="G2762" s="8" t="s">
        <v>19048</v>
      </c>
      <c r="H2762" s="8" t="s">
        <v>20048</v>
      </c>
      <c r="I2762" s="11">
        <v>35388</v>
      </c>
      <c r="J2762" s="11">
        <v>43617</v>
      </c>
      <c r="K2762" s="11">
        <v>45808</v>
      </c>
    </row>
    <row r="2763" spans="1:11" x14ac:dyDescent="0.4">
      <c r="A2763" s="8" t="s">
        <v>19985</v>
      </c>
      <c r="B2763" s="8" t="s">
        <v>405</v>
      </c>
      <c r="C2763" s="9" t="s">
        <v>20049</v>
      </c>
      <c r="D2763" s="9" t="s">
        <v>20050</v>
      </c>
      <c r="E2763" s="10"/>
      <c r="F2763" s="10" t="s">
        <v>19047</v>
      </c>
      <c r="G2763" s="8" t="s">
        <v>19048</v>
      </c>
      <c r="H2763" s="8" t="s">
        <v>20051</v>
      </c>
      <c r="I2763" s="11">
        <v>35388</v>
      </c>
      <c r="J2763" s="11">
        <v>43617</v>
      </c>
      <c r="K2763" s="11">
        <v>45808</v>
      </c>
    </row>
    <row r="2764" spans="1:11" x14ac:dyDescent="0.4">
      <c r="A2764" s="8" t="s">
        <v>19985</v>
      </c>
      <c r="B2764" s="8"/>
      <c r="C2764" s="9" t="s">
        <v>20052</v>
      </c>
      <c r="D2764" s="9" t="s">
        <v>20053</v>
      </c>
      <c r="E2764" s="10"/>
      <c r="F2764" s="10" t="s">
        <v>20052</v>
      </c>
      <c r="G2764" s="8" t="s">
        <v>20053</v>
      </c>
      <c r="H2764" s="8" t="s">
        <v>20054</v>
      </c>
      <c r="I2764" s="11">
        <v>36452</v>
      </c>
      <c r="J2764" s="11">
        <v>43647</v>
      </c>
      <c r="K2764" s="11">
        <v>46203</v>
      </c>
    </row>
    <row r="2765" spans="1:11" x14ac:dyDescent="0.4">
      <c r="A2765" s="8" t="s">
        <v>19985</v>
      </c>
      <c r="B2765" s="8" t="s">
        <v>405</v>
      </c>
      <c r="C2765" s="9" t="s">
        <v>20055</v>
      </c>
      <c r="D2765" s="9" t="s">
        <v>20056</v>
      </c>
      <c r="E2765" s="10"/>
      <c r="F2765" s="10" t="s">
        <v>19047</v>
      </c>
      <c r="G2765" s="8" t="s">
        <v>19048</v>
      </c>
      <c r="H2765" s="8" t="s">
        <v>20057</v>
      </c>
      <c r="I2765" s="11">
        <v>36741</v>
      </c>
      <c r="J2765" s="11">
        <v>43617</v>
      </c>
      <c r="K2765" s="11">
        <v>45808</v>
      </c>
    </row>
    <row r="2766" spans="1:11" x14ac:dyDescent="0.4">
      <c r="A2766" s="8" t="s">
        <v>19985</v>
      </c>
      <c r="B2766" s="8" t="s">
        <v>405</v>
      </c>
      <c r="C2766" s="9" t="s">
        <v>20058</v>
      </c>
      <c r="D2766" s="9" t="s">
        <v>20059</v>
      </c>
      <c r="E2766" s="10"/>
      <c r="F2766" s="10" t="s">
        <v>19106</v>
      </c>
      <c r="G2766" s="8" t="s">
        <v>19107</v>
      </c>
      <c r="H2766" s="8" t="s">
        <v>20060</v>
      </c>
      <c r="I2766" s="11">
        <v>36742</v>
      </c>
      <c r="J2766" s="11">
        <v>43617</v>
      </c>
      <c r="K2766" s="11">
        <v>45808</v>
      </c>
    </row>
    <row r="2767" spans="1:11" x14ac:dyDescent="0.4">
      <c r="A2767" s="8" t="s">
        <v>19985</v>
      </c>
      <c r="B2767" s="8"/>
      <c r="C2767" s="9" t="s">
        <v>12503</v>
      </c>
      <c r="D2767" s="9" t="s">
        <v>12504</v>
      </c>
      <c r="E2767" s="10" t="s">
        <v>20061</v>
      </c>
      <c r="F2767" s="10" t="s">
        <v>12506</v>
      </c>
      <c r="G2767" s="8" t="s">
        <v>12511</v>
      </c>
      <c r="H2767" s="8" t="s">
        <v>20062</v>
      </c>
      <c r="I2767" s="11">
        <v>36790</v>
      </c>
      <c r="J2767" s="11">
        <v>43800</v>
      </c>
      <c r="K2767" s="11">
        <v>45991</v>
      </c>
    </row>
    <row r="2768" spans="1:11" x14ac:dyDescent="0.4">
      <c r="A2768" s="8" t="s">
        <v>19985</v>
      </c>
      <c r="B2768" s="8"/>
      <c r="C2768" s="9" t="s">
        <v>12670</v>
      </c>
      <c r="D2768" s="9" t="s">
        <v>12671</v>
      </c>
      <c r="E2768" s="10"/>
      <c r="F2768" s="10"/>
      <c r="G2768" s="8"/>
      <c r="H2768" s="8" t="s">
        <v>20063</v>
      </c>
      <c r="I2768" s="11">
        <v>36991</v>
      </c>
      <c r="J2768" s="11">
        <v>43556</v>
      </c>
      <c r="K2768" s="11">
        <v>45747</v>
      </c>
    </row>
    <row r="2769" spans="1:11" x14ac:dyDescent="0.4">
      <c r="A2769" s="8" t="s">
        <v>19985</v>
      </c>
      <c r="B2769" s="8"/>
      <c r="C2769" s="9" t="s">
        <v>8116</v>
      </c>
      <c r="D2769" s="9" t="s">
        <v>20064</v>
      </c>
      <c r="E2769" s="10"/>
      <c r="F2769" s="10"/>
      <c r="G2769" s="8"/>
      <c r="H2769" s="8" t="s">
        <v>20065</v>
      </c>
      <c r="I2769" s="11">
        <v>36992</v>
      </c>
      <c r="J2769" s="11">
        <v>43952</v>
      </c>
      <c r="K2769" s="11">
        <v>46507</v>
      </c>
    </row>
    <row r="2770" spans="1:11" x14ac:dyDescent="0.4">
      <c r="A2770" s="8" t="s">
        <v>19985</v>
      </c>
      <c r="B2770" s="8" t="s">
        <v>405</v>
      </c>
      <c r="C2770" s="9" t="s">
        <v>20066</v>
      </c>
      <c r="D2770" s="9" t="s">
        <v>20067</v>
      </c>
      <c r="E2770" s="10" t="s">
        <v>20068</v>
      </c>
      <c r="F2770" s="10" t="s">
        <v>19047</v>
      </c>
      <c r="G2770" s="8" t="s">
        <v>19048</v>
      </c>
      <c r="H2770" s="8" t="s">
        <v>20069</v>
      </c>
      <c r="I2770" s="11">
        <v>35413</v>
      </c>
      <c r="J2770" s="11">
        <v>43617</v>
      </c>
      <c r="K2770" s="11">
        <v>45808</v>
      </c>
    </row>
    <row r="2771" spans="1:11" x14ac:dyDescent="0.4">
      <c r="A2771" s="8" t="s">
        <v>19985</v>
      </c>
      <c r="B2771" s="8" t="s">
        <v>405</v>
      </c>
      <c r="C2771" s="9" t="s">
        <v>20070</v>
      </c>
      <c r="D2771" s="9" t="s">
        <v>20071</v>
      </c>
      <c r="E2771" s="10" t="s">
        <v>20072</v>
      </c>
      <c r="F2771" s="10" t="s">
        <v>20073</v>
      </c>
      <c r="G2771" s="8" t="s">
        <v>20074</v>
      </c>
      <c r="H2771" s="8" t="s">
        <v>20075</v>
      </c>
      <c r="I2771" s="11">
        <v>35440</v>
      </c>
      <c r="J2771" s="11">
        <v>43617</v>
      </c>
      <c r="K2771" s="11">
        <v>45808</v>
      </c>
    </row>
    <row r="2772" spans="1:11" x14ac:dyDescent="0.4">
      <c r="A2772" s="8" t="s">
        <v>19985</v>
      </c>
      <c r="B2772" s="8"/>
      <c r="C2772" s="9" t="s">
        <v>13026</v>
      </c>
      <c r="D2772" s="9" t="s">
        <v>13027</v>
      </c>
      <c r="E2772" s="10"/>
      <c r="F2772" s="10"/>
      <c r="G2772" s="8"/>
      <c r="H2772" s="8" t="s">
        <v>20076</v>
      </c>
      <c r="I2772" s="11">
        <v>37226</v>
      </c>
      <c r="J2772" s="11">
        <v>43770</v>
      </c>
      <c r="K2772" s="11">
        <v>45961</v>
      </c>
    </row>
    <row r="2773" spans="1:11" x14ac:dyDescent="0.4">
      <c r="A2773" s="8" t="s">
        <v>19985</v>
      </c>
      <c r="B2773" s="8"/>
      <c r="C2773" s="9" t="s">
        <v>13063</v>
      </c>
      <c r="D2773" s="9" t="s">
        <v>13064</v>
      </c>
      <c r="E2773" s="10"/>
      <c r="F2773" s="10" t="s">
        <v>9283</v>
      </c>
      <c r="G2773" s="8" t="s">
        <v>13065</v>
      </c>
      <c r="H2773" s="8" t="s">
        <v>20077</v>
      </c>
      <c r="I2773" s="11">
        <v>35652</v>
      </c>
      <c r="J2773" s="11">
        <v>43770</v>
      </c>
      <c r="K2773" s="11">
        <v>45961</v>
      </c>
    </row>
    <row r="2774" spans="1:11" x14ac:dyDescent="0.4">
      <c r="A2774" s="8" t="s">
        <v>19985</v>
      </c>
      <c r="B2774" s="8"/>
      <c r="C2774" s="9" t="s">
        <v>11573</v>
      </c>
      <c r="D2774" s="9" t="s">
        <v>11574</v>
      </c>
      <c r="E2774" s="10"/>
      <c r="F2774" s="10" t="s">
        <v>11573</v>
      </c>
      <c r="G2774" s="8" t="s">
        <v>11574</v>
      </c>
      <c r="H2774" s="8" t="s">
        <v>20078</v>
      </c>
      <c r="I2774" s="11">
        <v>37421</v>
      </c>
      <c r="J2774" s="11">
        <v>43770</v>
      </c>
      <c r="K2774" s="11">
        <v>45961</v>
      </c>
    </row>
    <row r="2775" spans="1:11" x14ac:dyDescent="0.4">
      <c r="A2775" s="8" t="s">
        <v>19985</v>
      </c>
      <c r="B2775" s="8"/>
      <c r="C2775" s="9" t="s">
        <v>19420</v>
      </c>
      <c r="D2775" s="9" t="s">
        <v>13211</v>
      </c>
      <c r="E2775" s="10"/>
      <c r="F2775" s="10" t="s">
        <v>1904</v>
      </c>
      <c r="G2775" s="8" t="s">
        <v>13211</v>
      </c>
      <c r="H2775" s="8" t="s">
        <v>20079</v>
      </c>
      <c r="I2775" s="11">
        <v>35137</v>
      </c>
      <c r="J2775" s="11">
        <v>43739</v>
      </c>
      <c r="K2775" s="11">
        <v>46295</v>
      </c>
    </row>
    <row r="2776" spans="1:11" x14ac:dyDescent="0.4">
      <c r="A2776" s="8" t="s">
        <v>19985</v>
      </c>
      <c r="B2776" s="8"/>
      <c r="C2776" s="9" t="s">
        <v>13711</v>
      </c>
      <c r="D2776" s="9" t="s">
        <v>13712</v>
      </c>
      <c r="E2776" s="10"/>
      <c r="F2776" s="10" t="s">
        <v>13713</v>
      </c>
      <c r="G2776" s="8" t="s">
        <v>13712</v>
      </c>
      <c r="H2776" s="8" t="s">
        <v>20080</v>
      </c>
      <c r="I2776" s="11">
        <v>36678</v>
      </c>
      <c r="J2776" s="11">
        <v>43739</v>
      </c>
      <c r="K2776" s="11">
        <v>45930</v>
      </c>
    </row>
    <row r="2777" spans="1:11" x14ac:dyDescent="0.4">
      <c r="A2777" s="8" t="s">
        <v>19985</v>
      </c>
      <c r="B2777" s="8" t="s">
        <v>405</v>
      </c>
      <c r="C2777" s="9" t="s">
        <v>20081</v>
      </c>
      <c r="D2777" s="9" t="s">
        <v>20082</v>
      </c>
      <c r="E2777" s="10"/>
      <c r="F2777" s="10" t="s">
        <v>20083</v>
      </c>
      <c r="G2777" s="8" t="s">
        <v>20084</v>
      </c>
      <c r="H2777" s="8" t="s">
        <v>20085</v>
      </c>
      <c r="I2777" s="11">
        <v>33807</v>
      </c>
      <c r="J2777" s="11">
        <v>43617</v>
      </c>
      <c r="K2777" s="11">
        <v>45808</v>
      </c>
    </row>
    <row r="2778" spans="1:11" x14ac:dyDescent="0.4">
      <c r="A2778" s="8" t="s">
        <v>19985</v>
      </c>
      <c r="B2778" s="8" t="s">
        <v>405</v>
      </c>
      <c r="C2778" s="9" t="s">
        <v>20086</v>
      </c>
      <c r="D2778" s="9" t="s">
        <v>16188</v>
      </c>
      <c r="E2778" s="10"/>
      <c r="F2778" s="10" t="s">
        <v>19106</v>
      </c>
      <c r="G2778" s="8" t="s">
        <v>19107</v>
      </c>
      <c r="H2778" s="8" t="s">
        <v>20087</v>
      </c>
      <c r="I2778" s="11">
        <v>35551</v>
      </c>
      <c r="J2778" s="11">
        <v>43617</v>
      </c>
      <c r="K2778" s="11">
        <v>45808</v>
      </c>
    </row>
    <row r="2779" spans="1:11" x14ac:dyDescent="0.4">
      <c r="A2779" s="8" t="s">
        <v>19985</v>
      </c>
      <c r="B2779" s="8" t="s">
        <v>405</v>
      </c>
      <c r="C2779" s="9" t="s">
        <v>20088</v>
      </c>
      <c r="D2779" s="9" t="s">
        <v>20089</v>
      </c>
      <c r="E2779" s="10" t="s">
        <v>20090</v>
      </c>
      <c r="F2779" s="10" t="s">
        <v>19047</v>
      </c>
      <c r="G2779" s="8" t="s">
        <v>19048</v>
      </c>
      <c r="H2779" s="8" t="s">
        <v>20091</v>
      </c>
      <c r="I2779" s="11">
        <v>35565</v>
      </c>
      <c r="J2779" s="11">
        <v>43617</v>
      </c>
      <c r="K2779" s="11">
        <v>45808</v>
      </c>
    </row>
    <row r="2780" spans="1:11" x14ac:dyDescent="0.4">
      <c r="A2780" s="8" t="s">
        <v>19985</v>
      </c>
      <c r="B2780" s="8"/>
      <c r="C2780" s="9" t="s">
        <v>13167</v>
      </c>
      <c r="D2780" s="9" t="s">
        <v>13168</v>
      </c>
      <c r="E2780" s="10"/>
      <c r="F2780" s="10"/>
      <c r="G2780" s="8"/>
      <c r="H2780" s="8" t="s">
        <v>20092</v>
      </c>
      <c r="I2780" s="11">
        <v>38098</v>
      </c>
      <c r="J2780" s="11">
        <v>43739</v>
      </c>
      <c r="K2780" s="11">
        <v>45565</v>
      </c>
    </row>
    <row r="2781" spans="1:11" x14ac:dyDescent="0.4">
      <c r="A2781" s="8" t="s">
        <v>19985</v>
      </c>
      <c r="B2781" s="8"/>
      <c r="C2781" s="9" t="s">
        <v>13194</v>
      </c>
      <c r="D2781" s="9" t="s">
        <v>13195</v>
      </c>
      <c r="E2781" s="10"/>
      <c r="F2781" s="10" t="s">
        <v>10870</v>
      </c>
      <c r="G2781" s="8" t="s">
        <v>13196</v>
      </c>
      <c r="H2781" s="8" t="s">
        <v>20093</v>
      </c>
      <c r="I2781" s="11">
        <v>36540</v>
      </c>
      <c r="J2781" s="11">
        <v>43374</v>
      </c>
      <c r="K2781" s="11">
        <v>45565</v>
      </c>
    </row>
    <row r="2782" spans="1:11" x14ac:dyDescent="0.4">
      <c r="A2782" s="8" t="s">
        <v>19985</v>
      </c>
      <c r="B2782" s="8"/>
      <c r="C2782" s="9" t="s">
        <v>19701</v>
      </c>
      <c r="D2782" s="9" t="s">
        <v>13391</v>
      </c>
      <c r="E2782" s="10"/>
      <c r="F2782" s="10" t="s">
        <v>2445</v>
      </c>
      <c r="G2782" s="8" t="s">
        <v>13391</v>
      </c>
      <c r="H2782" s="8" t="s">
        <v>20094</v>
      </c>
      <c r="I2782" s="11">
        <v>35160</v>
      </c>
      <c r="J2782" s="11">
        <v>43739</v>
      </c>
      <c r="K2782" s="11">
        <v>46295</v>
      </c>
    </row>
    <row r="2783" spans="1:11" x14ac:dyDescent="0.4">
      <c r="A2783" s="8" t="s">
        <v>19985</v>
      </c>
      <c r="B2783" s="8" t="s">
        <v>405</v>
      </c>
      <c r="C2783" s="9" t="s">
        <v>20095</v>
      </c>
      <c r="D2783" s="9" t="s">
        <v>19935</v>
      </c>
      <c r="E2783" s="10" t="s">
        <v>20095</v>
      </c>
      <c r="F2783" s="10" t="s">
        <v>4212</v>
      </c>
      <c r="G2783" s="8" t="s">
        <v>20018</v>
      </c>
      <c r="H2783" s="8" t="s">
        <v>20096</v>
      </c>
      <c r="I2783" s="11">
        <v>36745</v>
      </c>
      <c r="J2783" s="11">
        <v>43617</v>
      </c>
      <c r="K2783" s="11">
        <v>45808</v>
      </c>
    </row>
    <row r="2784" spans="1:11" x14ac:dyDescent="0.4">
      <c r="A2784" s="8" t="s">
        <v>19985</v>
      </c>
      <c r="B2784" s="8"/>
      <c r="C2784" s="9" t="s">
        <v>19706</v>
      </c>
      <c r="D2784" s="9" t="s">
        <v>11603</v>
      </c>
      <c r="E2784" s="10"/>
      <c r="F2784" s="10" t="s">
        <v>11602</v>
      </c>
      <c r="G2784" s="8" t="s">
        <v>19450</v>
      </c>
      <c r="H2784" s="8" t="s">
        <v>20097</v>
      </c>
      <c r="I2784" s="11">
        <v>34792</v>
      </c>
      <c r="J2784" s="11">
        <v>42826</v>
      </c>
      <c r="K2784" s="11">
        <v>45565</v>
      </c>
    </row>
    <row r="2785" spans="1:11" x14ac:dyDescent="0.4">
      <c r="A2785" s="8" t="s">
        <v>19985</v>
      </c>
      <c r="B2785" s="8"/>
      <c r="C2785" s="9" t="s">
        <v>2756</v>
      </c>
      <c r="D2785" s="9" t="s">
        <v>11418</v>
      </c>
      <c r="E2785" s="10"/>
      <c r="F2785" s="10" t="s">
        <v>2754</v>
      </c>
      <c r="G2785" s="8" t="s">
        <v>13272</v>
      </c>
      <c r="H2785" s="8" t="s">
        <v>20098</v>
      </c>
      <c r="I2785" s="11">
        <v>38422</v>
      </c>
      <c r="J2785" s="11">
        <v>43040</v>
      </c>
      <c r="K2785" s="11">
        <v>45596</v>
      </c>
    </row>
    <row r="2786" spans="1:11" x14ac:dyDescent="0.4">
      <c r="A2786" s="8" t="s">
        <v>19985</v>
      </c>
      <c r="B2786" s="8"/>
      <c r="C2786" s="9" t="s">
        <v>14251</v>
      </c>
      <c r="D2786" s="9" t="s">
        <v>19432</v>
      </c>
      <c r="E2786" s="10"/>
      <c r="F2786" s="10" t="s">
        <v>14251</v>
      </c>
      <c r="G2786" s="8" t="s">
        <v>14252</v>
      </c>
      <c r="H2786" s="8" t="s">
        <v>20099</v>
      </c>
      <c r="I2786" s="11">
        <v>38621</v>
      </c>
      <c r="J2786" s="11">
        <v>43405</v>
      </c>
      <c r="K2786" s="11">
        <v>45961</v>
      </c>
    </row>
    <row r="2787" spans="1:11" x14ac:dyDescent="0.4">
      <c r="A2787" s="8" t="s">
        <v>19985</v>
      </c>
      <c r="B2787" s="8"/>
      <c r="C2787" s="9" t="s">
        <v>19434</v>
      </c>
      <c r="D2787" s="9" t="s">
        <v>19435</v>
      </c>
      <c r="E2787" s="10"/>
      <c r="F2787" s="10" t="s">
        <v>19436</v>
      </c>
      <c r="G2787" s="8" t="s">
        <v>19437</v>
      </c>
      <c r="H2787" s="8" t="s">
        <v>20100</v>
      </c>
      <c r="I2787" s="11">
        <v>38670</v>
      </c>
      <c r="J2787" s="11">
        <v>43770</v>
      </c>
      <c r="K2787" s="11">
        <v>46326</v>
      </c>
    </row>
    <row r="2788" spans="1:11" x14ac:dyDescent="0.4">
      <c r="A2788" s="8" t="s">
        <v>19985</v>
      </c>
      <c r="B2788" s="8"/>
      <c r="C2788" s="9" t="s">
        <v>13360</v>
      </c>
      <c r="D2788" s="9" t="s">
        <v>13361</v>
      </c>
      <c r="E2788" s="10"/>
      <c r="F2788" s="10"/>
      <c r="G2788" s="8"/>
      <c r="H2788" s="8" t="s">
        <v>20101</v>
      </c>
      <c r="I2788" s="11">
        <v>38695</v>
      </c>
      <c r="J2788" s="11">
        <v>43374</v>
      </c>
      <c r="K2788" s="11">
        <v>45565</v>
      </c>
    </row>
    <row r="2789" spans="1:11" x14ac:dyDescent="0.4">
      <c r="A2789" s="8" t="s">
        <v>19985</v>
      </c>
      <c r="B2789" s="8" t="s">
        <v>405</v>
      </c>
      <c r="C2789" s="9" t="s">
        <v>20102</v>
      </c>
      <c r="D2789" s="9" t="s">
        <v>20103</v>
      </c>
      <c r="E2789" s="10"/>
      <c r="F2789" s="10"/>
      <c r="G2789" s="8"/>
      <c r="H2789" s="8" t="s">
        <v>20104</v>
      </c>
      <c r="I2789" s="11">
        <v>38874</v>
      </c>
      <c r="J2789" s="11">
        <v>43617</v>
      </c>
      <c r="K2789" s="11">
        <v>45808</v>
      </c>
    </row>
    <row r="2790" spans="1:11" x14ac:dyDescent="0.4">
      <c r="A2790" s="8" t="s">
        <v>19985</v>
      </c>
      <c r="B2790" s="8"/>
      <c r="C2790" s="9" t="s">
        <v>19470</v>
      </c>
      <c r="D2790" s="9" t="s">
        <v>19471</v>
      </c>
      <c r="E2790" s="10"/>
      <c r="F2790" s="10"/>
      <c r="G2790" s="8"/>
      <c r="H2790" s="8" t="s">
        <v>20105</v>
      </c>
      <c r="I2790" s="11">
        <v>38891</v>
      </c>
      <c r="J2790" s="11">
        <v>43739</v>
      </c>
      <c r="K2790" s="11">
        <v>46295</v>
      </c>
    </row>
    <row r="2791" spans="1:11" x14ac:dyDescent="0.4">
      <c r="A2791" s="8" t="s">
        <v>19985</v>
      </c>
      <c r="B2791" s="8"/>
      <c r="C2791" s="9" t="s">
        <v>19479</v>
      </c>
      <c r="D2791" s="9" t="s">
        <v>19480</v>
      </c>
      <c r="E2791" s="10"/>
      <c r="F2791" s="10"/>
      <c r="G2791" s="8"/>
      <c r="H2791" s="8" t="s">
        <v>20106</v>
      </c>
      <c r="I2791" s="11">
        <v>38913</v>
      </c>
      <c r="J2791" s="11">
        <v>43221</v>
      </c>
      <c r="K2791" s="11">
        <v>45777</v>
      </c>
    </row>
    <row r="2792" spans="1:11" x14ac:dyDescent="0.4">
      <c r="A2792" s="8" t="s">
        <v>19985</v>
      </c>
      <c r="B2792" s="8"/>
      <c r="C2792" s="9" t="s">
        <v>13385</v>
      </c>
      <c r="D2792" s="9" t="s">
        <v>13386</v>
      </c>
      <c r="E2792" s="10"/>
      <c r="F2792" s="10" t="s">
        <v>13387</v>
      </c>
      <c r="G2792" s="8" t="s">
        <v>13388</v>
      </c>
      <c r="H2792" s="8" t="s">
        <v>20107</v>
      </c>
      <c r="I2792" s="11">
        <v>38966</v>
      </c>
      <c r="J2792" s="11">
        <v>44013</v>
      </c>
      <c r="K2792" s="11">
        <v>46568</v>
      </c>
    </row>
    <row r="2793" spans="1:11" x14ac:dyDescent="0.4">
      <c r="A2793" s="8" t="s">
        <v>19985</v>
      </c>
      <c r="B2793" s="8" t="s">
        <v>405</v>
      </c>
      <c r="C2793" s="9" t="s">
        <v>20108</v>
      </c>
      <c r="D2793" s="9" t="s">
        <v>20067</v>
      </c>
      <c r="E2793" s="10" t="s">
        <v>20108</v>
      </c>
      <c r="F2793" s="10" t="s">
        <v>19047</v>
      </c>
      <c r="G2793" s="8" t="s">
        <v>19048</v>
      </c>
      <c r="H2793" s="8" t="s">
        <v>20109</v>
      </c>
      <c r="I2793" s="11">
        <v>39042</v>
      </c>
      <c r="J2793" s="11">
        <v>43617</v>
      </c>
      <c r="K2793" s="11">
        <v>45808</v>
      </c>
    </row>
    <row r="2794" spans="1:11" x14ac:dyDescent="0.4">
      <c r="A2794" s="8" t="s">
        <v>19985</v>
      </c>
      <c r="B2794" s="8"/>
      <c r="C2794" s="9" t="s">
        <v>13422</v>
      </c>
      <c r="D2794" s="9" t="s">
        <v>13423</v>
      </c>
      <c r="E2794" s="10" t="s">
        <v>13424</v>
      </c>
      <c r="F2794" s="10" t="s">
        <v>13425</v>
      </c>
      <c r="G2794" s="8" t="s">
        <v>13423</v>
      </c>
      <c r="H2794" s="8" t="s">
        <v>20110</v>
      </c>
      <c r="I2794" s="11">
        <v>39059</v>
      </c>
      <c r="J2794" s="11">
        <v>43556</v>
      </c>
      <c r="K2794" s="11">
        <v>45747</v>
      </c>
    </row>
    <row r="2795" spans="1:11" x14ac:dyDescent="0.4">
      <c r="A2795" s="8" t="s">
        <v>19985</v>
      </c>
      <c r="B2795" s="8"/>
      <c r="C2795" s="9" t="s">
        <v>20111</v>
      </c>
      <c r="D2795" s="9" t="s">
        <v>20112</v>
      </c>
      <c r="E2795" s="10"/>
      <c r="F2795" s="10"/>
      <c r="G2795" s="8"/>
      <c r="H2795" s="8" t="s">
        <v>20113</v>
      </c>
      <c r="I2795" s="11">
        <v>39086</v>
      </c>
      <c r="J2795" s="11">
        <v>43739</v>
      </c>
      <c r="K2795" s="11">
        <v>45930</v>
      </c>
    </row>
    <row r="2796" spans="1:11" x14ac:dyDescent="0.4">
      <c r="A2796" s="8" t="s">
        <v>19985</v>
      </c>
      <c r="B2796" s="8"/>
      <c r="C2796" s="9" t="s">
        <v>20114</v>
      </c>
      <c r="D2796" s="9" t="s">
        <v>15667</v>
      </c>
      <c r="E2796" s="10"/>
      <c r="F2796" s="10" t="s">
        <v>15668</v>
      </c>
      <c r="G2796" s="8" t="s">
        <v>15667</v>
      </c>
      <c r="H2796" s="8" t="s">
        <v>20115</v>
      </c>
      <c r="I2796" s="11">
        <v>39134</v>
      </c>
      <c r="J2796" s="11">
        <v>43952</v>
      </c>
      <c r="K2796" s="11">
        <v>46507</v>
      </c>
    </row>
    <row r="2797" spans="1:11" x14ac:dyDescent="0.4">
      <c r="A2797" s="8" t="s">
        <v>19985</v>
      </c>
      <c r="B2797" s="8" t="s">
        <v>405</v>
      </c>
      <c r="C2797" s="9" t="s">
        <v>20116</v>
      </c>
      <c r="D2797" s="9" t="s">
        <v>20117</v>
      </c>
      <c r="E2797" s="10"/>
      <c r="F2797" s="10" t="s">
        <v>19201</v>
      </c>
      <c r="G2797" s="8" t="s">
        <v>20118</v>
      </c>
      <c r="H2797" s="8" t="s">
        <v>20119</v>
      </c>
      <c r="I2797" s="11">
        <v>39171</v>
      </c>
      <c r="J2797" s="11">
        <v>43617</v>
      </c>
      <c r="K2797" s="11">
        <v>45808</v>
      </c>
    </row>
    <row r="2798" spans="1:11" x14ac:dyDescent="0.4">
      <c r="A2798" s="8" t="s">
        <v>19985</v>
      </c>
      <c r="B2798" s="8"/>
      <c r="C2798" s="9" t="s">
        <v>20120</v>
      </c>
      <c r="D2798" s="9" t="s">
        <v>20121</v>
      </c>
      <c r="E2798" s="10"/>
      <c r="F2798" s="10"/>
      <c r="G2798" s="8"/>
      <c r="H2798" s="8" t="s">
        <v>20122</v>
      </c>
      <c r="I2798" s="11">
        <v>39254</v>
      </c>
      <c r="J2798" s="11">
        <v>43952</v>
      </c>
      <c r="K2798" s="11">
        <v>46142</v>
      </c>
    </row>
    <row r="2799" spans="1:11" x14ac:dyDescent="0.4">
      <c r="A2799" s="8" t="s">
        <v>19985</v>
      </c>
      <c r="B2799" s="8"/>
      <c r="C2799" s="9" t="s">
        <v>13567</v>
      </c>
      <c r="D2799" s="9" t="s">
        <v>13568</v>
      </c>
      <c r="E2799" s="10"/>
      <c r="F2799" s="10"/>
      <c r="G2799" s="8"/>
      <c r="H2799" s="8" t="s">
        <v>20123</v>
      </c>
      <c r="I2799" s="11">
        <v>39337</v>
      </c>
      <c r="J2799" s="11">
        <v>43770</v>
      </c>
      <c r="K2799" s="11">
        <v>45961</v>
      </c>
    </row>
    <row r="2800" spans="1:11" x14ac:dyDescent="0.4">
      <c r="A2800" s="8" t="s">
        <v>19985</v>
      </c>
      <c r="B2800" s="8"/>
      <c r="C2800" s="9" t="s">
        <v>13645</v>
      </c>
      <c r="D2800" s="9" t="s">
        <v>13581</v>
      </c>
      <c r="E2800" s="10" t="s">
        <v>13591</v>
      </c>
      <c r="F2800" s="10" t="s">
        <v>13646</v>
      </c>
      <c r="G2800" s="8" t="s">
        <v>13647</v>
      </c>
      <c r="H2800" s="8" t="s">
        <v>20124</v>
      </c>
      <c r="I2800" s="11">
        <v>39345</v>
      </c>
      <c r="J2800" s="11">
        <v>43435</v>
      </c>
      <c r="K2800" s="11">
        <v>45626</v>
      </c>
    </row>
    <row r="2801" spans="1:11" x14ac:dyDescent="0.4">
      <c r="A2801" s="8" t="s">
        <v>19985</v>
      </c>
      <c r="B2801" s="8"/>
      <c r="C2801" s="9" t="s">
        <v>13773</v>
      </c>
      <c r="D2801" s="9" t="s">
        <v>13774</v>
      </c>
      <c r="E2801" s="10" t="s">
        <v>13775</v>
      </c>
      <c r="F2801" s="10" t="s">
        <v>13776</v>
      </c>
      <c r="G2801" s="8" t="s">
        <v>13777</v>
      </c>
      <c r="H2801" s="8" t="s">
        <v>20125</v>
      </c>
      <c r="I2801" s="11">
        <v>39545</v>
      </c>
      <c r="J2801" s="11">
        <v>43586</v>
      </c>
      <c r="K2801" s="11">
        <v>45777</v>
      </c>
    </row>
    <row r="2802" spans="1:11" x14ac:dyDescent="0.4">
      <c r="A2802" s="8" t="s">
        <v>19985</v>
      </c>
      <c r="B2802" s="8"/>
      <c r="C2802" s="9" t="s">
        <v>13830</v>
      </c>
      <c r="D2802" s="9" t="s">
        <v>12517</v>
      </c>
      <c r="E2802" s="10" t="s">
        <v>12522</v>
      </c>
      <c r="F2802" s="10" t="s">
        <v>13831</v>
      </c>
      <c r="G2802" s="8" t="s">
        <v>13832</v>
      </c>
      <c r="H2802" s="8" t="s">
        <v>20126</v>
      </c>
      <c r="I2802" s="11">
        <v>39661</v>
      </c>
      <c r="J2802" s="11">
        <v>43952</v>
      </c>
      <c r="K2802" s="11">
        <v>46142</v>
      </c>
    </row>
    <row r="2803" spans="1:11" x14ac:dyDescent="0.4">
      <c r="A2803" s="8" t="s">
        <v>19985</v>
      </c>
      <c r="B2803" s="8"/>
      <c r="C2803" s="9" t="s">
        <v>13944</v>
      </c>
      <c r="D2803" s="9" t="s">
        <v>13945</v>
      </c>
      <c r="E2803" s="10"/>
      <c r="F2803" s="10"/>
      <c r="G2803" s="8"/>
      <c r="H2803" s="8" t="s">
        <v>20127</v>
      </c>
      <c r="I2803" s="11">
        <v>39834</v>
      </c>
      <c r="J2803" s="11">
        <v>43922</v>
      </c>
      <c r="K2803" s="11">
        <v>46112</v>
      </c>
    </row>
    <row r="2804" spans="1:11" x14ac:dyDescent="0.4">
      <c r="A2804" s="8" t="s">
        <v>19985</v>
      </c>
      <c r="B2804" s="8"/>
      <c r="C2804" s="9" t="s">
        <v>13947</v>
      </c>
      <c r="D2804" s="9" t="s">
        <v>13948</v>
      </c>
      <c r="E2804" s="10"/>
      <c r="F2804" s="10"/>
      <c r="G2804" s="8"/>
      <c r="H2804" s="8" t="s">
        <v>20128</v>
      </c>
      <c r="I2804" s="11">
        <v>39834</v>
      </c>
      <c r="J2804" s="11">
        <v>43922</v>
      </c>
      <c r="K2804" s="11">
        <v>46112</v>
      </c>
    </row>
    <row r="2805" spans="1:11" x14ac:dyDescent="0.4">
      <c r="A2805" s="8" t="s">
        <v>19985</v>
      </c>
      <c r="B2805" s="8"/>
      <c r="C2805" s="9" t="s">
        <v>13975</v>
      </c>
      <c r="D2805" s="9" t="s">
        <v>13976</v>
      </c>
      <c r="E2805" s="10"/>
      <c r="F2805" s="10"/>
      <c r="G2805" s="8"/>
      <c r="H2805" s="8" t="s">
        <v>20129</v>
      </c>
      <c r="I2805" s="11">
        <v>39870</v>
      </c>
      <c r="J2805" s="11">
        <v>43922</v>
      </c>
      <c r="K2805" s="11">
        <v>46112</v>
      </c>
    </row>
    <row r="2806" spans="1:11" x14ac:dyDescent="0.4">
      <c r="A2806" s="8" t="s">
        <v>19985</v>
      </c>
      <c r="B2806" s="8"/>
      <c r="C2806" s="9" t="s">
        <v>19462</v>
      </c>
      <c r="D2806" s="9" t="s">
        <v>19463</v>
      </c>
      <c r="E2806" s="10"/>
      <c r="F2806" s="10" t="s">
        <v>19464</v>
      </c>
      <c r="G2806" s="8" t="s">
        <v>19465</v>
      </c>
      <c r="H2806" s="8" t="s">
        <v>20130</v>
      </c>
      <c r="I2806" s="11">
        <v>40444</v>
      </c>
      <c r="J2806" s="11">
        <v>43221</v>
      </c>
      <c r="K2806" s="11">
        <v>45777</v>
      </c>
    </row>
    <row r="2807" spans="1:11" x14ac:dyDescent="0.4">
      <c r="A2807" s="8" t="s">
        <v>19985</v>
      </c>
      <c r="B2807" s="8"/>
      <c r="C2807" s="9" t="s">
        <v>20131</v>
      </c>
      <c r="D2807" s="9" t="s">
        <v>13377</v>
      </c>
      <c r="E2807" s="10" t="s">
        <v>20132</v>
      </c>
      <c r="F2807" s="10" t="s">
        <v>2321</v>
      </c>
      <c r="G2807" s="8" t="s">
        <v>13377</v>
      </c>
      <c r="H2807" s="8" t="s">
        <v>20133</v>
      </c>
      <c r="I2807" s="11">
        <v>40638</v>
      </c>
      <c r="J2807" s="11">
        <v>43405</v>
      </c>
      <c r="K2807" s="11">
        <v>45961</v>
      </c>
    </row>
    <row r="2808" spans="1:11" x14ac:dyDescent="0.4">
      <c r="A2808" s="8" t="s">
        <v>19985</v>
      </c>
      <c r="B2808" s="8"/>
      <c r="C2808" s="9" t="s">
        <v>20134</v>
      </c>
      <c r="D2808" s="9" t="s">
        <v>20135</v>
      </c>
      <c r="E2808" s="10"/>
      <c r="F2808" s="10" t="s">
        <v>20136</v>
      </c>
      <c r="G2808" s="8" t="s">
        <v>20137</v>
      </c>
      <c r="H2808" s="8" t="s">
        <v>20138</v>
      </c>
      <c r="I2808" s="11">
        <v>40722</v>
      </c>
      <c r="J2808" s="11">
        <v>43922</v>
      </c>
      <c r="K2808" s="11">
        <v>46843</v>
      </c>
    </row>
    <row r="2809" spans="1:11" x14ac:dyDescent="0.4">
      <c r="A2809" s="8" t="s">
        <v>19985</v>
      </c>
      <c r="B2809" s="8"/>
      <c r="C2809" s="9" t="s">
        <v>14280</v>
      </c>
      <c r="D2809" s="9" t="s">
        <v>14281</v>
      </c>
      <c r="E2809" s="10"/>
      <c r="F2809" s="10" t="s">
        <v>14282</v>
      </c>
      <c r="G2809" s="8" t="s">
        <v>14283</v>
      </c>
      <c r="H2809" s="8" t="s">
        <v>20139</v>
      </c>
      <c r="I2809" s="11">
        <v>40786</v>
      </c>
      <c r="J2809" s="11">
        <v>43282</v>
      </c>
      <c r="K2809" s="11">
        <v>45473</v>
      </c>
    </row>
    <row r="2810" spans="1:11" x14ac:dyDescent="0.4">
      <c r="A2810" s="8" t="s">
        <v>19985</v>
      </c>
      <c r="B2810" s="8"/>
      <c r="C2810" s="9" t="s">
        <v>19745</v>
      </c>
      <c r="D2810" s="9" t="s">
        <v>19746</v>
      </c>
      <c r="E2810" s="10"/>
      <c r="F2810" s="10"/>
      <c r="G2810" s="8"/>
      <c r="H2810" s="8" t="s">
        <v>20140</v>
      </c>
      <c r="I2810" s="11">
        <v>40886</v>
      </c>
      <c r="J2810" s="11">
        <v>43221</v>
      </c>
      <c r="K2810" s="11">
        <v>45777</v>
      </c>
    </row>
    <row r="2811" spans="1:11" x14ac:dyDescent="0.4">
      <c r="A2811" s="8" t="s">
        <v>19985</v>
      </c>
      <c r="B2811" s="8"/>
      <c r="C2811" s="9" t="s">
        <v>14302</v>
      </c>
      <c r="D2811" s="9" t="s">
        <v>14303</v>
      </c>
      <c r="E2811" s="10"/>
      <c r="F2811" s="10"/>
      <c r="G2811" s="8"/>
      <c r="H2811" s="8" t="s">
        <v>20141</v>
      </c>
      <c r="I2811" s="11">
        <v>40886</v>
      </c>
      <c r="J2811" s="11">
        <v>43374</v>
      </c>
      <c r="K2811" s="11">
        <v>45565</v>
      </c>
    </row>
    <row r="2812" spans="1:11" x14ac:dyDescent="0.4">
      <c r="A2812" s="8" t="s">
        <v>19985</v>
      </c>
      <c r="B2812" s="8"/>
      <c r="C2812" s="9" t="s">
        <v>20142</v>
      </c>
      <c r="D2812" s="9" t="s">
        <v>20143</v>
      </c>
      <c r="E2812" s="10"/>
      <c r="F2812" s="10" t="s">
        <v>20144</v>
      </c>
      <c r="G2812" s="8" t="s">
        <v>20145</v>
      </c>
      <c r="H2812" s="8" t="s">
        <v>20146</v>
      </c>
      <c r="I2812" s="11">
        <v>40906</v>
      </c>
      <c r="J2812" s="11">
        <v>43556</v>
      </c>
      <c r="K2812" s="11">
        <v>46112</v>
      </c>
    </row>
    <row r="2813" spans="1:11" x14ac:dyDescent="0.4">
      <c r="A2813" s="8" t="s">
        <v>19985</v>
      </c>
      <c r="B2813" s="8"/>
      <c r="C2813" s="9" t="s">
        <v>4769</v>
      </c>
      <c r="D2813" s="9" t="s">
        <v>19492</v>
      </c>
      <c r="E2813" s="10"/>
      <c r="F2813" s="10" t="s">
        <v>14400</v>
      </c>
      <c r="G2813" s="8" t="s">
        <v>14401</v>
      </c>
      <c r="H2813" s="8" t="s">
        <v>20147</v>
      </c>
      <c r="I2813" s="11">
        <v>40940</v>
      </c>
      <c r="J2813" s="11">
        <v>43556</v>
      </c>
      <c r="K2813" s="11">
        <v>46112</v>
      </c>
    </row>
    <row r="2814" spans="1:11" x14ac:dyDescent="0.4">
      <c r="A2814" s="8" t="s">
        <v>19985</v>
      </c>
      <c r="B2814" s="8"/>
      <c r="C2814" s="9" t="s">
        <v>20148</v>
      </c>
      <c r="D2814" s="9" t="s">
        <v>20149</v>
      </c>
      <c r="E2814" s="10"/>
      <c r="F2814" s="10"/>
      <c r="G2814" s="8"/>
      <c r="H2814" s="8" t="s">
        <v>20150</v>
      </c>
      <c r="I2814" s="11">
        <v>40975</v>
      </c>
      <c r="J2814" s="11">
        <v>43586</v>
      </c>
      <c r="K2814" s="11">
        <v>46142</v>
      </c>
    </row>
    <row r="2815" spans="1:11" x14ac:dyDescent="0.4">
      <c r="A2815" s="8" t="s">
        <v>19985</v>
      </c>
      <c r="B2815" s="8"/>
      <c r="C2815" s="9" t="s">
        <v>14374</v>
      </c>
      <c r="D2815" s="9" t="s">
        <v>14375</v>
      </c>
      <c r="E2815" s="10"/>
      <c r="F2815" s="10"/>
      <c r="G2815" s="8"/>
      <c r="H2815" s="8" t="s">
        <v>20151</v>
      </c>
      <c r="I2815" s="11">
        <v>41058</v>
      </c>
      <c r="J2815" s="11">
        <v>43556</v>
      </c>
      <c r="K2815" s="11">
        <v>45747</v>
      </c>
    </row>
    <row r="2816" spans="1:11" x14ac:dyDescent="0.4">
      <c r="A2816" s="8" t="s">
        <v>19985</v>
      </c>
      <c r="B2816" s="8"/>
      <c r="C2816" s="9" t="s">
        <v>14393</v>
      </c>
      <c r="D2816" s="9" t="s">
        <v>14394</v>
      </c>
      <c r="E2816" s="10"/>
      <c r="F2816" s="10" t="s">
        <v>14395</v>
      </c>
      <c r="G2816" s="8" t="s">
        <v>14396</v>
      </c>
      <c r="H2816" s="8" t="s">
        <v>20152</v>
      </c>
      <c r="I2816" s="11">
        <v>41086</v>
      </c>
      <c r="J2816" s="11">
        <v>43739</v>
      </c>
      <c r="K2816" s="11">
        <v>46295</v>
      </c>
    </row>
    <row r="2817" spans="1:11" x14ac:dyDescent="0.4">
      <c r="A2817" s="8" t="s">
        <v>19985</v>
      </c>
      <c r="B2817" s="8"/>
      <c r="C2817" s="9" t="s">
        <v>14398</v>
      </c>
      <c r="D2817" s="9" t="s">
        <v>14399</v>
      </c>
      <c r="E2817" s="10"/>
      <c r="F2817" s="10" t="s">
        <v>14400</v>
      </c>
      <c r="G2817" s="8" t="s">
        <v>14401</v>
      </c>
      <c r="H2817" s="8" t="s">
        <v>20153</v>
      </c>
      <c r="I2817" s="11">
        <v>41091</v>
      </c>
      <c r="J2817" s="11">
        <v>43556</v>
      </c>
      <c r="K2817" s="11">
        <v>45747</v>
      </c>
    </row>
    <row r="2818" spans="1:11" x14ac:dyDescent="0.4">
      <c r="A2818" s="8" t="s">
        <v>19985</v>
      </c>
      <c r="B2818" s="8"/>
      <c r="C2818" s="9" t="s">
        <v>14413</v>
      </c>
      <c r="D2818" s="9" t="s">
        <v>14414</v>
      </c>
      <c r="E2818" s="10"/>
      <c r="F2818" s="10"/>
      <c r="G2818" s="8"/>
      <c r="H2818" s="8" t="s">
        <v>20154</v>
      </c>
      <c r="I2818" s="11">
        <v>41088</v>
      </c>
      <c r="J2818" s="11">
        <v>43282</v>
      </c>
      <c r="K2818" s="11">
        <v>45473</v>
      </c>
    </row>
    <row r="2819" spans="1:11" x14ac:dyDescent="0.4">
      <c r="A2819" s="8" t="s">
        <v>19985</v>
      </c>
      <c r="B2819" s="8"/>
      <c r="C2819" s="9" t="s">
        <v>14434</v>
      </c>
      <c r="D2819" s="9" t="s">
        <v>14435</v>
      </c>
      <c r="E2819" s="10"/>
      <c r="F2819" s="10"/>
      <c r="G2819" s="8"/>
      <c r="H2819" s="8" t="s">
        <v>20155</v>
      </c>
      <c r="I2819" s="11">
        <v>41114</v>
      </c>
      <c r="J2819" s="11">
        <v>43405</v>
      </c>
      <c r="K2819" s="11">
        <v>45596</v>
      </c>
    </row>
    <row r="2820" spans="1:11" x14ac:dyDescent="0.4">
      <c r="A2820" s="8" t="s">
        <v>19985</v>
      </c>
      <c r="B2820" s="8" t="s">
        <v>405</v>
      </c>
      <c r="C2820" s="9" t="s">
        <v>20156</v>
      </c>
      <c r="D2820" s="9" t="s">
        <v>20157</v>
      </c>
      <c r="E2820" s="10"/>
      <c r="F2820" s="10" t="s">
        <v>20034</v>
      </c>
      <c r="G2820" s="8" t="s">
        <v>20035</v>
      </c>
      <c r="H2820" s="8" t="s">
        <v>20158</v>
      </c>
      <c r="I2820" s="11">
        <v>41171</v>
      </c>
      <c r="J2820" s="11">
        <v>43617</v>
      </c>
      <c r="K2820" s="11">
        <v>45808</v>
      </c>
    </row>
    <row r="2821" spans="1:11" x14ac:dyDescent="0.4">
      <c r="A2821" s="8" t="s">
        <v>19985</v>
      </c>
      <c r="B2821" s="8"/>
      <c r="C2821" s="9" t="s">
        <v>14521</v>
      </c>
      <c r="D2821" s="9" t="s">
        <v>14522</v>
      </c>
      <c r="E2821" s="10"/>
      <c r="F2821" s="10"/>
      <c r="G2821" s="8"/>
      <c r="H2821" s="8" t="s">
        <v>20159</v>
      </c>
      <c r="I2821" s="11">
        <v>41240</v>
      </c>
      <c r="J2821" s="11">
        <v>43374</v>
      </c>
      <c r="K2821" s="11">
        <v>45565</v>
      </c>
    </row>
    <row r="2822" spans="1:11" x14ac:dyDescent="0.4">
      <c r="A2822" s="8" t="s">
        <v>19985</v>
      </c>
      <c r="B2822" s="8" t="s">
        <v>405</v>
      </c>
      <c r="C2822" s="9" t="s">
        <v>20160</v>
      </c>
      <c r="D2822" s="9" t="s">
        <v>20161</v>
      </c>
      <c r="E2822" s="10"/>
      <c r="F2822" s="10" t="s">
        <v>19106</v>
      </c>
      <c r="G2822" s="8" t="s">
        <v>19107</v>
      </c>
      <c r="H2822" s="8" t="s">
        <v>20162</v>
      </c>
      <c r="I2822" s="11">
        <v>41275</v>
      </c>
      <c r="J2822" s="11">
        <v>43617</v>
      </c>
      <c r="K2822" s="11">
        <v>45808</v>
      </c>
    </row>
    <row r="2823" spans="1:11" x14ac:dyDescent="0.4">
      <c r="A2823" s="8" t="s">
        <v>19985</v>
      </c>
      <c r="B2823" s="8"/>
      <c r="C2823" s="9" t="s">
        <v>14585</v>
      </c>
      <c r="D2823" s="9" t="s">
        <v>14586</v>
      </c>
      <c r="E2823" s="10"/>
      <c r="F2823" s="10" t="s">
        <v>14587</v>
      </c>
      <c r="G2823" s="8" t="s">
        <v>14588</v>
      </c>
      <c r="H2823" s="8" t="s">
        <v>20163</v>
      </c>
      <c r="I2823" s="11">
        <v>41363</v>
      </c>
      <c r="J2823" s="11">
        <v>43647</v>
      </c>
      <c r="K2823" s="11">
        <v>45838</v>
      </c>
    </row>
    <row r="2824" spans="1:11" x14ac:dyDescent="0.4">
      <c r="A2824" s="8" t="s">
        <v>19985</v>
      </c>
      <c r="B2824" s="8"/>
      <c r="C2824" s="9" t="s">
        <v>14596</v>
      </c>
      <c r="D2824" s="9" t="s">
        <v>14597</v>
      </c>
      <c r="E2824" s="10"/>
      <c r="F2824" s="10" t="s">
        <v>14598</v>
      </c>
      <c r="G2824" s="8" t="s">
        <v>14599</v>
      </c>
      <c r="H2824" s="8" t="s">
        <v>20164</v>
      </c>
      <c r="I2824" s="11">
        <v>41365</v>
      </c>
      <c r="J2824" s="11">
        <v>43800</v>
      </c>
      <c r="K2824" s="11">
        <v>45991</v>
      </c>
    </row>
    <row r="2825" spans="1:11" x14ac:dyDescent="0.4">
      <c r="A2825" s="8" t="s">
        <v>19985</v>
      </c>
      <c r="B2825" s="8"/>
      <c r="C2825" s="9" t="s">
        <v>19511</v>
      </c>
      <c r="D2825" s="9" t="s">
        <v>14624</v>
      </c>
      <c r="E2825" s="10"/>
      <c r="F2825" s="10"/>
      <c r="G2825" s="8"/>
      <c r="H2825" s="8" t="s">
        <v>20165</v>
      </c>
      <c r="I2825" s="11">
        <v>41395</v>
      </c>
      <c r="J2825" s="11">
        <v>43739</v>
      </c>
      <c r="K2825" s="11">
        <v>45930</v>
      </c>
    </row>
    <row r="2826" spans="1:11" x14ac:dyDescent="0.4">
      <c r="A2826" s="8" t="s">
        <v>19985</v>
      </c>
      <c r="B2826" s="8"/>
      <c r="C2826" s="9" t="s">
        <v>14670</v>
      </c>
      <c r="D2826" s="9" t="s">
        <v>14671</v>
      </c>
      <c r="E2826" s="10"/>
      <c r="F2826" s="10"/>
      <c r="G2826" s="8"/>
      <c r="H2826" s="8" t="s">
        <v>20166</v>
      </c>
      <c r="I2826" s="11">
        <v>41485</v>
      </c>
      <c r="J2826" s="11">
        <v>43922</v>
      </c>
      <c r="K2826" s="11">
        <v>46112</v>
      </c>
    </row>
    <row r="2827" spans="1:11" x14ac:dyDescent="0.4">
      <c r="A2827" s="8" t="s">
        <v>19985</v>
      </c>
      <c r="B2827" s="8"/>
      <c r="C2827" s="9" t="s">
        <v>14685</v>
      </c>
      <c r="D2827" s="9" t="s">
        <v>14686</v>
      </c>
      <c r="E2827" s="10"/>
      <c r="F2827" s="10"/>
      <c r="G2827" s="8"/>
      <c r="H2827" s="8" t="s">
        <v>20167</v>
      </c>
      <c r="I2827" s="11">
        <v>41501</v>
      </c>
      <c r="J2827" s="11">
        <v>43952</v>
      </c>
      <c r="K2827" s="11">
        <v>46142</v>
      </c>
    </row>
    <row r="2828" spans="1:11" x14ac:dyDescent="0.4">
      <c r="A2828" s="8" t="s">
        <v>19985</v>
      </c>
      <c r="B2828" s="8"/>
      <c r="C2828" s="9" t="s">
        <v>14692</v>
      </c>
      <c r="D2828" s="9" t="s">
        <v>14693</v>
      </c>
      <c r="E2828" s="10"/>
      <c r="F2828" s="10"/>
      <c r="G2828" s="8"/>
      <c r="H2828" s="8" t="s">
        <v>20168</v>
      </c>
      <c r="I2828" s="11">
        <v>41514</v>
      </c>
      <c r="J2828" s="11">
        <v>43739</v>
      </c>
      <c r="K2828" s="11">
        <v>45930</v>
      </c>
    </row>
    <row r="2829" spans="1:11" x14ac:dyDescent="0.4">
      <c r="A2829" s="8" t="s">
        <v>19985</v>
      </c>
      <c r="B2829" s="8"/>
      <c r="C2829" s="9" t="s">
        <v>6461</v>
      </c>
      <c r="D2829" s="9" t="s">
        <v>20169</v>
      </c>
      <c r="E2829" s="10"/>
      <c r="F2829" s="10"/>
      <c r="G2829" s="8"/>
      <c r="H2829" s="8" t="s">
        <v>20170</v>
      </c>
      <c r="I2829" s="11">
        <v>41535</v>
      </c>
      <c r="J2829" s="11">
        <v>43739</v>
      </c>
      <c r="K2829" s="11">
        <v>45930</v>
      </c>
    </row>
    <row r="2830" spans="1:11" x14ac:dyDescent="0.4">
      <c r="A2830" s="8" t="s">
        <v>19985</v>
      </c>
      <c r="B2830" s="8"/>
      <c r="C2830" s="9" t="s">
        <v>20171</v>
      </c>
      <c r="D2830" s="9" t="s">
        <v>20172</v>
      </c>
      <c r="E2830" s="10"/>
      <c r="F2830" s="10"/>
      <c r="G2830" s="8"/>
      <c r="H2830" s="8" t="s">
        <v>20173</v>
      </c>
      <c r="I2830" s="11">
        <v>41625</v>
      </c>
      <c r="J2830" s="11">
        <v>43922</v>
      </c>
      <c r="K2830" s="11">
        <v>46477</v>
      </c>
    </row>
    <row r="2831" spans="1:11" x14ac:dyDescent="0.4">
      <c r="A2831" s="8" t="s">
        <v>19985</v>
      </c>
      <c r="B2831" s="8"/>
      <c r="C2831" s="9" t="s">
        <v>11639</v>
      </c>
      <c r="D2831" s="9" t="s">
        <v>11640</v>
      </c>
      <c r="E2831" s="10"/>
      <c r="F2831" s="10"/>
      <c r="G2831" s="8"/>
      <c r="H2831" s="8" t="s">
        <v>20174</v>
      </c>
      <c r="I2831" s="11">
        <v>41705</v>
      </c>
      <c r="J2831" s="11">
        <v>43770</v>
      </c>
      <c r="K2831" s="11">
        <v>45596</v>
      </c>
    </row>
    <row r="2832" spans="1:11" x14ac:dyDescent="0.4">
      <c r="A2832" s="8" t="s">
        <v>19985</v>
      </c>
      <c r="B2832" s="8"/>
      <c r="C2832" s="9" t="s">
        <v>20175</v>
      </c>
      <c r="D2832" s="9" t="s">
        <v>14607</v>
      </c>
      <c r="E2832" s="10"/>
      <c r="F2832" s="10" t="s">
        <v>14608</v>
      </c>
      <c r="G2832" s="8" t="s">
        <v>20176</v>
      </c>
      <c r="H2832" s="8" t="s">
        <v>20177</v>
      </c>
      <c r="I2832" s="11">
        <v>41752</v>
      </c>
      <c r="J2832" s="11">
        <v>43952</v>
      </c>
      <c r="K2832" s="11">
        <v>46142</v>
      </c>
    </row>
    <row r="2833" spans="1:11" x14ac:dyDescent="0.4">
      <c r="A2833" s="8" t="s">
        <v>19985</v>
      </c>
      <c r="B2833" s="8"/>
      <c r="C2833" s="9" t="s">
        <v>20178</v>
      </c>
      <c r="D2833" s="9" t="s">
        <v>20179</v>
      </c>
      <c r="E2833" s="10"/>
      <c r="F2833" s="10" t="s">
        <v>20180</v>
      </c>
      <c r="G2833" s="8" t="s">
        <v>20181</v>
      </c>
      <c r="H2833" s="8" t="s">
        <v>20182</v>
      </c>
      <c r="I2833" s="11">
        <v>42301</v>
      </c>
      <c r="J2833" s="11">
        <v>42301</v>
      </c>
      <c r="K2833" s="11">
        <v>45565</v>
      </c>
    </row>
    <row r="2834" spans="1:11" x14ac:dyDescent="0.4">
      <c r="A2834" s="8" t="s">
        <v>19985</v>
      </c>
      <c r="B2834" s="8"/>
      <c r="C2834" s="9" t="s">
        <v>20183</v>
      </c>
      <c r="D2834" s="9" t="s">
        <v>20184</v>
      </c>
      <c r="E2834" s="10"/>
      <c r="F2834" s="10"/>
      <c r="G2834" s="8"/>
      <c r="H2834" s="8" t="s">
        <v>20185</v>
      </c>
      <c r="I2834" s="11">
        <v>42626</v>
      </c>
      <c r="J2834" s="11">
        <v>42626</v>
      </c>
      <c r="K2834" s="11">
        <v>45473</v>
      </c>
    </row>
    <row r="2835" spans="1:11" x14ac:dyDescent="0.4">
      <c r="A2835" s="8" t="s">
        <v>19985</v>
      </c>
      <c r="B2835" s="8"/>
      <c r="C2835" s="9" t="s">
        <v>20186</v>
      </c>
      <c r="D2835" s="9" t="s">
        <v>20187</v>
      </c>
      <c r="E2835" s="10"/>
      <c r="F2835" s="10" t="s">
        <v>20188</v>
      </c>
      <c r="G2835" s="8" t="s">
        <v>20189</v>
      </c>
      <c r="H2835" s="8" t="s">
        <v>20190</v>
      </c>
      <c r="I2835" s="11">
        <v>42803</v>
      </c>
      <c r="J2835" s="11">
        <v>42803</v>
      </c>
      <c r="K2835" s="11">
        <v>45596</v>
      </c>
    </row>
    <row r="2836" spans="1:11" x14ac:dyDescent="0.4">
      <c r="A2836" s="8" t="s">
        <v>19985</v>
      </c>
      <c r="B2836" s="8"/>
      <c r="C2836" s="9" t="s">
        <v>20191</v>
      </c>
      <c r="D2836" s="9" t="s">
        <v>20192</v>
      </c>
      <c r="E2836" s="10"/>
      <c r="F2836" s="10" t="s">
        <v>20193</v>
      </c>
      <c r="G2836" s="8" t="s">
        <v>19765</v>
      </c>
      <c r="H2836" s="8" t="s">
        <v>20194</v>
      </c>
      <c r="I2836" s="11">
        <v>42868</v>
      </c>
      <c r="J2836" s="11">
        <v>42868</v>
      </c>
      <c r="K2836" s="11">
        <v>45473</v>
      </c>
    </row>
    <row r="2837" spans="1:11" x14ac:dyDescent="0.4">
      <c r="A2837" s="8" t="s">
        <v>19985</v>
      </c>
      <c r="B2837" s="8"/>
      <c r="C2837" s="9" t="s">
        <v>15437</v>
      </c>
      <c r="D2837" s="9" t="s">
        <v>15438</v>
      </c>
      <c r="E2837" s="10"/>
      <c r="F2837" s="10" t="s">
        <v>13387</v>
      </c>
      <c r="G2837" s="8" t="s">
        <v>13388</v>
      </c>
      <c r="H2837" s="8" t="s">
        <v>20195</v>
      </c>
      <c r="I2837" s="11">
        <v>42951</v>
      </c>
      <c r="J2837" s="11">
        <v>42951</v>
      </c>
      <c r="K2837" s="11">
        <v>45473</v>
      </c>
    </row>
    <row r="2838" spans="1:11" x14ac:dyDescent="0.4">
      <c r="A2838" s="8" t="s">
        <v>19985</v>
      </c>
      <c r="B2838" s="8"/>
      <c r="C2838" s="9" t="s">
        <v>15468</v>
      </c>
      <c r="D2838" s="9" t="s">
        <v>15469</v>
      </c>
      <c r="E2838" s="10"/>
      <c r="F2838" s="10"/>
      <c r="G2838" s="8"/>
      <c r="H2838" s="8" t="s">
        <v>20196</v>
      </c>
      <c r="I2838" s="11">
        <v>43070</v>
      </c>
      <c r="J2838" s="11">
        <v>43070</v>
      </c>
      <c r="K2838" s="11">
        <v>45565</v>
      </c>
    </row>
    <row r="2839" spans="1:11" x14ac:dyDescent="0.4">
      <c r="A2839" s="8" t="s">
        <v>19985</v>
      </c>
      <c r="B2839" s="8"/>
      <c r="C2839" s="9" t="s">
        <v>15491</v>
      </c>
      <c r="D2839" s="9" t="s">
        <v>15492</v>
      </c>
      <c r="E2839" s="10"/>
      <c r="F2839" s="10"/>
      <c r="G2839" s="8"/>
      <c r="H2839" s="8" t="s">
        <v>20197</v>
      </c>
      <c r="I2839" s="11">
        <v>43132</v>
      </c>
      <c r="J2839" s="11">
        <v>43132</v>
      </c>
      <c r="K2839" s="11">
        <v>45565</v>
      </c>
    </row>
    <row r="2840" spans="1:11" x14ac:dyDescent="0.4">
      <c r="A2840" s="8" t="s">
        <v>19985</v>
      </c>
      <c r="B2840" s="8"/>
      <c r="C2840" s="9" t="s">
        <v>15501</v>
      </c>
      <c r="D2840" s="9" t="s">
        <v>15472</v>
      </c>
      <c r="E2840" s="10"/>
      <c r="F2840" s="10"/>
      <c r="G2840" s="8"/>
      <c r="H2840" s="8" t="s">
        <v>20198</v>
      </c>
      <c r="I2840" s="11">
        <v>43131</v>
      </c>
      <c r="J2840" s="11">
        <v>43131</v>
      </c>
      <c r="K2840" s="11">
        <v>45565</v>
      </c>
    </row>
    <row r="2841" spans="1:11" x14ac:dyDescent="0.4">
      <c r="A2841" s="8" t="s">
        <v>19985</v>
      </c>
      <c r="B2841" s="8"/>
      <c r="C2841" s="9" t="s">
        <v>20199</v>
      </c>
      <c r="D2841" s="9" t="s">
        <v>20200</v>
      </c>
      <c r="E2841" s="10"/>
      <c r="F2841" s="10" t="s">
        <v>19182</v>
      </c>
      <c r="G2841" s="8" t="s">
        <v>13777</v>
      </c>
      <c r="H2841" s="8" t="s">
        <v>20201</v>
      </c>
      <c r="I2841" s="11">
        <v>43222</v>
      </c>
      <c r="J2841" s="11">
        <v>43222</v>
      </c>
      <c r="K2841" s="11">
        <v>45930</v>
      </c>
    </row>
    <row r="2842" spans="1:11" x14ac:dyDescent="0.4">
      <c r="A2842" s="8" t="s">
        <v>19985</v>
      </c>
      <c r="B2842" s="8"/>
      <c r="C2842" s="9" t="s">
        <v>15631</v>
      </c>
      <c r="D2842" s="9" t="s">
        <v>15632</v>
      </c>
      <c r="E2842" s="10"/>
      <c r="F2842" s="10" t="s">
        <v>10432</v>
      </c>
      <c r="G2842" s="8" t="s">
        <v>15633</v>
      </c>
      <c r="H2842" s="8" t="s">
        <v>20202</v>
      </c>
      <c r="I2842" s="11">
        <v>43230</v>
      </c>
      <c r="J2842" s="11">
        <v>43230</v>
      </c>
      <c r="K2842" s="11">
        <v>45473</v>
      </c>
    </row>
    <row r="2843" spans="1:11" x14ac:dyDescent="0.4">
      <c r="A2843" s="8" t="s">
        <v>19985</v>
      </c>
      <c r="B2843" s="8"/>
      <c r="C2843" s="9" t="s">
        <v>15648</v>
      </c>
      <c r="D2843" s="9" t="s">
        <v>15649</v>
      </c>
      <c r="E2843" s="10"/>
      <c r="F2843" s="10" t="s">
        <v>15650</v>
      </c>
      <c r="G2843" s="8" t="s">
        <v>15651</v>
      </c>
      <c r="H2843" s="8" t="s">
        <v>20203</v>
      </c>
      <c r="I2843" s="11">
        <v>43252</v>
      </c>
      <c r="J2843" s="11">
        <v>43252</v>
      </c>
      <c r="K2843" s="11">
        <v>45777</v>
      </c>
    </row>
    <row r="2844" spans="1:11" x14ac:dyDescent="0.4">
      <c r="A2844" s="8" t="s">
        <v>19985</v>
      </c>
      <c r="B2844" s="8" t="s">
        <v>405</v>
      </c>
      <c r="C2844" s="9" t="s">
        <v>20204</v>
      </c>
      <c r="D2844" s="9" t="s">
        <v>20205</v>
      </c>
      <c r="E2844" s="10"/>
      <c r="F2844" s="10" t="s">
        <v>2112</v>
      </c>
      <c r="G2844" s="8" t="s">
        <v>20206</v>
      </c>
      <c r="H2844" s="8" t="s">
        <v>20207</v>
      </c>
      <c r="I2844" s="11">
        <v>43257</v>
      </c>
      <c r="J2844" s="11">
        <v>43257</v>
      </c>
      <c r="K2844" s="11">
        <v>45808</v>
      </c>
    </row>
    <row r="2845" spans="1:11" x14ac:dyDescent="0.4">
      <c r="A2845" s="8" t="s">
        <v>19985</v>
      </c>
      <c r="B2845" s="8"/>
      <c r="C2845" s="9" t="s">
        <v>15783</v>
      </c>
      <c r="D2845" s="9" t="s">
        <v>15784</v>
      </c>
      <c r="E2845" s="10"/>
      <c r="F2845" s="10"/>
      <c r="G2845" s="8"/>
      <c r="H2845" s="8" t="s">
        <v>20208</v>
      </c>
      <c r="I2845" s="11">
        <v>43320</v>
      </c>
      <c r="J2845" s="11">
        <v>43320</v>
      </c>
      <c r="K2845" s="11">
        <v>45596</v>
      </c>
    </row>
    <row r="2846" spans="1:11" x14ac:dyDescent="0.4">
      <c r="A2846" s="8" t="s">
        <v>19985</v>
      </c>
      <c r="B2846" s="8"/>
      <c r="C2846" s="9" t="s">
        <v>15845</v>
      </c>
      <c r="D2846" s="9" t="s">
        <v>15846</v>
      </c>
      <c r="E2846" s="10"/>
      <c r="F2846" s="10"/>
      <c r="G2846" s="8"/>
      <c r="H2846" s="8" t="s">
        <v>20209</v>
      </c>
      <c r="I2846" s="11">
        <v>43374</v>
      </c>
      <c r="J2846" s="11">
        <v>43374</v>
      </c>
      <c r="K2846" s="11">
        <v>45747</v>
      </c>
    </row>
    <row r="2847" spans="1:11" x14ac:dyDescent="0.4">
      <c r="A2847" s="8" t="s">
        <v>19985</v>
      </c>
      <c r="B2847" s="8"/>
      <c r="C2847" s="9" t="s">
        <v>15903</v>
      </c>
      <c r="D2847" s="9" t="s">
        <v>12792</v>
      </c>
      <c r="E2847" s="10"/>
      <c r="F2847" s="10"/>
      <c r="G2847" s="8"/>
      <c r="H2847" s="8" t="s">
        <v>20210</v>
      </c>
      <c r="I2847" s="11">
        <v>43392</v>
      </c>
      <c r="J2847" s="11">
        <v>43392</v>
      </c>
      <c r="K2847" s="11">
        <v>45777</v>
      </c>
    </row>
    <row r="2848" spans="1:11" x14ac:dyDescent="0.4">
      <c r="A2848" s="8" t="s">
        <v>19985</v>
      </c>
      <c r="B2848" s="8"/>
      <c r="C2848" s="9" t="s">
        <v>15934</v>
      </c>
      <c r="D2848" s="9" t="s">
        <v>15935</v>
      </c>
      <c r="E2848" s="10"/>
      <c r="F2848" s="10" t="s">
        <v>14400</v>
      </c>
      <c r="G2848" s="8" t="s">
        <v>14401</v>
      </c>
      <c r="H2848" s="8" t="s">
        <v>20211</v>
      </c>
      <c r="I2848" s="11">
        <v>43408</v>
      </c>
      <c r="J2848" s="11">
        <v>43408</v>
      </c>
      <c r="K2848" s="11">
        <v>45747</v>
      </c>
    </row>
    <row r="2849" spans="1:11" x14ac:dyDescent="0.4">
      <c r="A2849" s="8" t="s">
        <v>19985</v>
      </c>
      <c r="B2849" s="8"/>
      <c r="C2849" s="9" t="s">
        <v>16107</v>
      </c>
      <c r="D2849" s="9" t="s">
        <v>16108</v>
      </c>
      <c r="E2849" s="10"/>
      <c r="F2849" s="10"/>
      <c r="G2849" s="8"/>
      <c r="H2849" s="8" t="s">
        <v>20212</v>
      </c>
      <c r="I2849" s="11">
        <v>43511</v>
      </c>
      <c r="J2849" s="11">
        <v>43511</v>
      </c>
      <c r="K2849" s="11">
        <v>45961</v>
      </c>
    </row>
    <row r="2850" spans="1:11" x14ac:dyDescent="0.4">
      <c r="A2850" s="8" t="s">
        <v>19985</v>
      </c>
      <c r="B2850" s="8"/>
      <c r="C2850" s="9" t="s">
        <v>16148</v>
      </c>
      <c r="D2850" s="9" t="s">
        <v>16149</v>
      </c>
      <c r="E2850" s="10"/>
      <c r="F2850" s="10"/>
      <c r="G2850" s="8"/>
      <c r="H2850" s="8" t="s">
        <v>20213</v>
      </c>
      <c r="I2850" s="11">
        <v>43519</v>
      </c>
      <c r="J2850" s="11">
        <v>43519</v>
      </c>
      <c r="K2850" s="11">
        <v>46173</v>
      </c>
    </row>
    <row r="2851" spans="1:11" x14ac:dyDescent="0.4">
      <c r="A2851" s="8" t="s">
        <v>19985</v>
      </c>
      <c r="B2851" s="8"/>
      <c r="C2851" s="9" t="s">
        <v>16173</v>
      </c>
      <c r="D2851" s="9" t="s">
        <v>16174</v>
      </c>
      <c r="E2851" s="10"/>
      <c r="F2851" s="10" t="s">
        <v>16175</v>
      </c>
      <c r="G2851" s="8" t="s">
        <v>16176</v>
      </c>
      <c r="H2851" s="8" t="s">
        <v>20214</v>
      </c>
      <c r="I2851" s="11">
        <v>43524</v>
      </c>
      <c r="J2851" s="11">
        <v>43524</v>
      </c>
      <c r="K2851" s="11">
        <v>45777</v>
      </c>
    </row>
    <row r="2852" spans="1:11" x14ac:dyDescent="0.4">
      <c r="A2852" s="8" t="s">
        <v>19985</v>
      </c>
      <c r="B2852" s="8"/>
      <c r="C2852" s="9" t="s">
        <v>16178</v>
      </c>
      <c r="D2852" s="9" t="s">
        <v>16179</v>
      </c>
      <c r="E2852" s="10"/>
      <c r="F2852" s="10"/>
      <c r="G2852" s="8"/>
      <c r="H2852" s="8" t="s">
        <v>20215</v>
      </c>
      <c r="I2852" s="11">
        <v>43524</v>
      </c>
      <c r="J2852" s="11">
        <v>43524</v>
      </c>
      <c r="K2852" s="11">
        <v>45777</v>
      </c>
    </row>
    <row r="2853" spans="1:11" x14ac:dyDescent="0.4">
      <c r="A2853" s="8" t="s">
        <v>19985</v>
      </c>
      <c r="B2853" s="8" t="s">
        <v>405</v>
      </c>
      <c r="C2853" s="9" t="s">
        <v>20216</v>
      </c>
      <c r="D2853" s="9" t="s">
        <v>14357</v>
      </c>
      <c r="E2853" s="10" t="s">
        <v>20217</v>
      </c>
      <c r="F2853" s="10" t="s">
        <v>19106</v>
      </c>
      <c r="G2853" s="8" t="s">
        <v>19107</v>
      </c>
      <c r="H2853" s="8" t="s">
        <v>20218</v>
      </c>
      <c r="I2853" s="11">
        <v>43551</v>
      </c>
      <c r="J2853" s="11">
        <v>43551</v>
      </c>
      <c r="K2853" s="11">
        <v>45808</v>
      </c>
    </row>
    <row r="2854" spans="1:11" x14ac:dyDescent="0.4">
      <c r="A2854" s="8" t="s">
        <v>19985</v>
      </c>
      <c r="B2854" s="8"/>
      <c r="C2854" s="9" t="s">
        <v>16281</v>
      </c>
      <c r="D2854" s="9" t="s">
        <v>13774</v>
      </c>
      <c r="E2854" s="10"/>
      <c r="F2854" s="10" t="s">
        <v>16282</v>
      </c>
      <c r="G2854" s="8" t="s">
        <v>16283</v>
      </c>
      <c r="H2854" s="8" t="s">
        <v>20219</v>
      </c>
      <c r="I2854" s="11">
        <v>43558</v>
      </c>
      <c r="J2854" s="11">
        <v>43558</v>
      </c>
      <c r="K2854" s="11">
        <v>46142</v>
      </c>
    </row>
    <row r="2855" spans="1:11" x14ac:dyDescent="0.4">
      <c r="A2855" s="8" t="s">
        <v>19985</v>
      </c>
      <c r="B2855" s="8" t="s">
        <v>405</v>
      </c>
      <c r="C2855" s="9" t="s">
        <v>20220</v>
      </c>
      <c r="D2855" s="9" t="s">
        <v>19152</v>
      </c>
      <c r="E2855" s="10"/>
      <c r="F2855" s="10" t="s">
        <v>19047</v>
      </c>
      <c r="G2855" s="8" t="s">
        <v>19170</v>
      </c>
      <c r="H2855" s="8" t="s">
        <v>20221</v>
      </c>
      <c r="I2855" s="11">
        <v>43566</v>
      </c>
      <c r="J2855" s="11">
        <v>43566</v>
      </c>
      <c r="K2855" s="11">
        <v>45808</v>
      </c>
    </row>
    <row r="2856" spans="1:11" x14ac:dyDescent="0.4">
      <c r="A2856" s="8" t="s">
        <v>19985</v>
      </c>
      <c r="B2856" s="8"/>
      <c r="C2856" s="9" t="s">
        <v>16462</v>
      </c>
      <c r="D2856" s="9" t="s">
        <v>16463</v>
      </c>
      <c r="E2856" s="10"/>
      <c r="F2856" s="10"/>
      <c r="G2856" s="8"/>
      <c r="H2856" s="8" t="s">
        <v>20222</v>
      </c>
      <c r="I2856" s="11">
        <v>43641</v>
      </c>
      <c r="J2856" s="11">
        <v>43641</v>
      </c>
      <c r="K2856" s="11">
        <v>45930</v>
      </c>
    </row>
    <row r="2857" spans="1:11" x14ac:dyDescent="0.4">
      <c r="A2857" s="8" t="s">
        <v>19985</v>
      </c>
      <c r="B2857" s="8"/>
      <c r="C2857" s="9" t="s">
        <v>16578</v>
      </c>
      <c r="D2857" s="9" t="s">
        <v>16579</v>
      </c>
      <c r="E2857" s="10"/>
      <c r="F2857" s="10" t="s">
        <v>3481</v>
      </c>
      <c r="G2857" s="8" t="s">
        <v>14917</v>
      </c>
      <c r="H2857" s="8" t="s">
        <v>20223</v>
      </c>
      <c r="I2857" s="11">
        <v>43696</v>
      </c>
      <c r="J2857" s="11">
        <v>43696</v>
      </c>
      <c r="K2857" s="11">
        <v>45930</v>
      </c>
    </row>
    <row r="2858" spans="1:11" x14ac:dyDescent="0.4">
      <c r="A2858" s="8" t="s">
        <v>19985</v>
      </c>
      <c r="B2858" s="8" t="s">
        <v>405</v>
      </c>
      <c r="C2858" s="9" t="s">
        <v>20224</v>
      </c>
      <c r="D2858" s="9" t="s">
        <v>13613</v>
      </c>
      <c r="E2858" s="10" t="s">
        <v>20225</v>
      </c>
      <c r="F2858" s="10"/>
      <c r="G2858" s="8"/>
      <c r="H2858" s="8" t="s">
        <v>20226</v>
      </c>
      <c r="I2858" s="11">
        <v>43755</v>
      </c>
      <c r="J2858" s="11">
        <v>43755</v>
      </c>
      <c r="K2858" s="11">
        <v>46173</v>
      </c>
    </row>
    <row r="2859" spans="1:11" x14ac:dyDescent="0.4">
      <c r="A2859" s="8" t="s">
        <v>19985</v>
      </c>
      <c r="B2859" s="8"/>
      <c r="C2859" s="9" t="s">
        <v>11466</v>
      </c>
      <c r="D2859" s="9" t="s">
        <v>11437</v>
      </c>
      <c r="E2859" s="10" t="s">
        <v>11467</v>
      </c>
      <c r="F2859" s="10" t="s">
        <v>11468</v>
      </c>
      <c r="G2859" s="8" t="s">
        <v>11469</v>
      </c>
      <c r="H2859" s="8" t="s">
        <v>20227</v>
      </c>
      <c r="I2859" s="11">
        <v>43755</v>
      </c>
      <c r="J2859" s="11">
        <v>43755</v>
      </c>
      <c r="K2859" s="11">
        <v>46295</v>
      </c>
    </row>
    <row r="2860" spans="1:11" x14ac:dyDescent="0.4">
      <c r="A2860" s="8" t="s">
        <v>19985</v>
      </c>
      <c r="B2860" s="8"/>
      <c r="C2860" s="9" t="s">
        <v>14280</v>
      </c>
      <c r="D2860" s="9" t="s">
        <v>14281</v>
      </c>
      <c r="E2860" s="10"/>
      <c r="F2860" s="10"/>
      <c r="G2860" s="8"/>
      <c r="H2860" s="8" t="s">
        <v>20228</v>
      </c>
      <c r="I2860" s="11">
        <v>43775</v>
      </c>
      <c r="J2860" s="11">
        <v>43775</v>
      </c>
      <c r="K2860" s="11">
        <v>46203</v>
      </c>
    </row>
    <row r="2861" spans="1:11" x14ac:dyDescent="0.4">
      <c r="A2861" s="8" t="s">
        <v>19985</v>
      </c>
      <c r="B2861" s="8" t="s">
        <v>405</v>
      </c>
      <c r="C2861" s="9" t="s">
        <v>20229</v>
      </c>
      <c r="D2861" s="9" t="s">
        <v>19238</v>
      </c>
      <c r="E2861" s="10"/>
      <c r="F2861" s="10" t="s">
        <v>19047</v>
      </c>
      <c r="G2861" s="8" t="s">
        <v>19170</v>
      </c>
      <c r="H2861" s="8" t="s">
        <v>20230</v>
      </c>
      <c r="I2861" s="11">
        <v>43780</v>
      </c>
      <c r="J2861" s="11">
        <v>43780</v>
      </c>
      <c r="K2861" s="11">
        <v>46173</v>
      </c>
    </row>
    <row r="2862" spans="1:11" x14ac:dyDescent="0.4">
      <c r="A2862" s="8" t="s">
        <v>19985</v>
      </c>
      <c r="B2862" s="8" t="s">
        <v>405</v>
      </c>
      <c r="C2862" s="9" t="s">
        <v>20231</v>
      </c>
      <c r="D2862" s="9" t="s">
        <v>20232</v>
      </c>
      <c r="E2862" s="10"/>
      <c r="F2862" s="10" t="s">
        <v>14395</v>
      </c>
      <c r="G2862" s="8" t="s">
        <v>14396</v>
      </c>
      <c r="H2862" s="8" t="s">
        <v>20233</v>
      </c>
      <c r="I2862" s="11">
        <v>43781</v>
      </c>
      <c r="J2862" s="11">
        <v>43781</v>
      </c>
      <c r="K2862" s="11">
        <v>46173</v>
      </c>
    </row>
    <row r="2863" spans="1:11" x14ac:dyDescent="0.4">
      <c r="A2863" s="8" t="s">
        <v>19985</v>
      </c>
      <c r="B2863" s="8"/>
      <c r="C2863" s="9" t="s">
        <v>16802</v>
      </c>
      <c r="D2863" s="9" t="s">
        <v>16803</v>
      </c>
      <c r="E2863" s="10"/>
      <c r="F2863" s="10"/>
      <c r="G2863" s="8"/>
      <c r="H2863" s="8" t="s">
        <v>20234</v>
      </c>
      <c r="I2863" s="11">
        <v>43784</v>
      </c>
      <c r="J2863" s="11">
        <v>43784</v>
      </c>
      <c r="K2863" s="11">
        <v>46295</v>
      </c>
    </row>
    <row r="2864" spans="1:11" x14ac:dyDescent="0.4">
      <c r="A2864" s="8" t="s">
        <v>19985</v>
      </c>
      <c r="B2864" s="8"/>
      <c r="C2864" s="9" t="s">
        <v>16941</v>
      </c>
      <c r="D2864" s="9" t="s">
        <v>16942</v>
      </c>
      <c r="E2864" s="10"/>
      <c r="F2864" s="10"/>
      <c r="G2864" s="8"/>
      <c r="H2864" s="8" t="s">
        <v>20235</v>
      </c>
      <c r="I2864" s="11">
        <v>43862</v>
      </c>
      <c r="J2864" s="11">
        <v>43862</v>
      </c>
      <c r="K2864" s="11">
        <v>46203</v>
      </c>
    </row>
    <row r="2865" spans="1:11" x14ac:dyDescent="0.4">
      <c r="A2865" s="8" t="s">
        <v>19985</v>
      </c>
      <c r="B2865" s="8"/>
      <c r="C2865" s="9" t="s">
        <v>16944</v>
      </c>
      <c r="D2865" s="9" t="s">
        <v>16945</v>
      </c>
      <c r="E2865" s="10"/>
      <c r="F2865" s="10"/>
      <c r="G2865" s="8"/>
      <c r="H2865" s="8" t="s">
        <v>20236</v>
      </c>
      <c r="I2865" s="11">
        <v>43845</v>
      </c>
      <c r="J2865" s="11">
        <v>43845</v>
      </c>
      <c r="K2865" s="11">
        <v>46568</v>
      </c>
    </row>
    <row r="2866" spans="1:11" x14ac:dyDescent="0.4">
      <c r="A2866" s="8" t="s">
        <v>19985</v>
      </c>
      <c r="B2866" s="8"/>
      <c r="C2866" s="9" t="s">
        <v>16947</v>
      </c>
      <c r="D2866" s="9" t="s">
        <v>16948</v>
      </c>
      <c r="E2866" s="10"/>
      <c r="F2866" s="10" t="s">
        <v>16949</v>
      </c>
      <c r="G2866" s="8" t="s">
        <v>16950</v>
      </c>
      <c r="H2866" s="8" t="s">
        <v>20237</v>
      </c>
      <c r="I2866" s="11">
        <v>43862</v>
      </c>
      <c r="J2866" s="11">
        <v>43862</v>
      </c>
      <c r="K2866" s="11">
        <v>46326</v>
      </c>
    </row>
    <row r="2867" spans="1:11" x14ac:dyDescent="0.4">
      <c r="A2867" s="8" t="s">
        <v>19985</v>
      </c>
      <c r="B2867" s="8"/>
      <c r="C2867" s="9" t="s">
        <v>16952</v>
      </c>
      <c r="D2867" s="9" t="s">
        <v>16953</v>
      </c>
      <c r="E2867" s="10"/>
      <c r="F2867" s="10" t="s">
        <v>16949</v>
      </c>
      <c r="G2867" s="8" t="s">
        <v>16950</v>
      </c>
      <c r="H2867" s="8" t="s">
        <v>20238</v>
      </c>
      <c r="I2867" s="11">
        <v>43862</v>
      </c>
      <c r="J2867" s="11">
        <v>43862</v>
      </c>
      <c r="K2867" s="11">
        <v>46326</v>
      </c>
    </row>
    <row r="2868" spans="1:11" x14ac:dyDescent="0.4">
      <c r="A2868" s="8" t="s">
        <v>19985</v>
      </c>
      <c r="B2868" s="8"/>
      <c r="C2868" s="9" t="s">
        <v>16955</v>
      </c>
      <c r="D2868" s="9" t="s">
        <v>16956</v>
      </c>
      <c r="E2868" s="10"/>
      <c r="F2868" s="10" t="s">
        <v>16949</v>
      </c>
      <c r="G2868" s="8" t="s">
        <v>16950</v>
      </c>
      <c r="H2868" s="8" t="s">
        <v>20239</v>
      </c>
      <c r="I2868" s="11">
        <v>43862</v>
      </c>
      <c r="J2868" s="11">
        <v>43862</v>
      </c>
      <c r="K2868" s="11">
        <v>46295</v>
      </c>
    </row>
    <row r="2869" spans="1:11" x14ac:dyDescent="0.4">
      <c r="A2869" s="8" t="s">
        <v>19985</v>
      </c>
      <c r="B2869" s="8"/>
      <c r="C2869" s="9" t="s">
        <v>16958</v>
      </c>
      <c r="D2869" s="9" t="s">
        <v>16959</v>
      </c>
      <c r="E2869" s="10"/>
      <c r="F2869" s="10" t="s">
        <v>16949</v>
      </c>
      <c r="G2869" s="8" t="s">
        <v>16950</v>
      </c>
      <c r="H2869" s="8" t="s">
        <v>20240</v>
      </c>
      <c r="I2869" s="11">
        <v>43862</v>
      </c>
      <c r="J2869" s="11">
        <v>43862</v>
      </c>
      <c r="K2869" s="11">
        <v>46326</v>
      </c>
    </row>
    <row r="2870" spans="1:11" x14ac:dyDescent="0.4">
      <c r="A2870" s="8" t="s">
        <v>19985</v>
      </c>
      <c r="B2870" s="8"/>
      <c r="C2870" s="9" t="s">
        <v>20241</v>
      </c>
      <c r="D2870" s="9" t="s">
        <v>20242</v>
      </c>
      <c r="E2870" s="10"/>
      <c r="F2870" s="10"/>
      <c r="G2870" s="8"/>
      <c r="H2870" s="8" t="s">
        <v>20243</v>
      </c>
      <c r="I2870" s="11">
        <v>43880</v>
      </c>
      <c r="J2870" s="11">
        <v>43880</v>
      </c>
      <c r="K2870" s="11">
        <v>46477</v>
      </c>
    </row>
    <row r="2871" spans="1:11" x14ac:dyDescent="0.4">
      <c r="A2871" s="8" t="s">
        <v>19985</v>
      </c>
      <c r="B2871" s="8"/>
      <c r="C2871" s="9" t="s">
        <v>17065</v>
      </c>
      <c r="D2871" s="9" t="s">
        <v>17066</v>
      </c>
      <c r="E2871" s="10"/>
      <c r="F2871" s="10"/>
      <c r="G2871" s="8"/>
      <c r="H2871" s="8" t="s">
        <v>20244</v>
      </c>
      <c r="I2871" s="11">
        <v>43893</v>
      </c>
      <c r="J2871" s="11">
        <v>43893</v>
      </c>
      <c r="K2871" s="11">
        <v>46477</v>
      </c>
    </row>
    <row r="2872" spans="1:11" x14ac:dyDescent="0.4">
      <c r="A2872" s="8" t="s">
        <v>19985</v>
      </c>
      <c r="B2872" s="8"/>
      <c r="C2872" s="9" t="s">
        <v>17087</v>
      </c>
      <c r="D2872" s="9" t="s">
        <v>17088</v>
      </c>
      <c r="E2872" s="10"/>
      <c r="F2872" s="10" t="s">
        <v>14400</v>
      </c>
      <c r="G2872" s="8" t="s">
        <v>14401</v>
      </c>
      <c r="H2872" s="8" t="s">
        <v>20245</v>
      </c>
      <c r="I2872" s="11">
        <v>43894</v>
      </c>
      <c r="J2872" s="11">
        <v>43894</v>
      </c>
      <c r="K2872" s="11">
        <v>46112</v>
      </c>
    </row>
    <row r="2873" spans="1:11" x14ac:dyDescent="0.4">
      <c r="A2873" s="8" t="s">
        <v>19985</v>
      </c>
      <c r="B2873" s="8"/>
      <c r="C2873" s="9" t="s">
        <v>17172</v>
      </c>
      <c r="D2873" s="9" t="s">
        <v>17173</v>
      </c>
      <c r="E2873" s="10"/>
      <c r="F2873" s="10"/>
      <c r="G2873" s="8"/>
      <c r="H2873" s="8" t="s">
        <v>20246</v>
      </c>
      <c r="I2873" s="11">
        <v>43922</v>
      </c>
      <c r="J2873" s="11">
        <v>43922</v>
      </c>
      <c r="K2873" s="11">
        <v>46326</v>
      </c>
    </row>
    <row r="2874" spans="1:11" x14ac:dyDescent="0.4">
      <c r="A2874" s="8" t="s">
        <v>19985</v>
      </c>
      <c r="B2874" s="8"/>
      <c r="C2874" s="9" t="s">
        <v>17214</v>
      </c>
      <c r="D2874" s="9" t="s">
        <v>17215</v>
      </c>
      <c r="E2874" s="10"/>
      <c r="F2874" s="10"/>
      <c r="G2874" s="8"/>
      <c r="H2874" s="8" t="s">
        <v>20247</v>
      </c>
      <c r="I2874" s="11">
        <v>43924</v>
      </c>
      <c r="J2874" s="11">
        <v>43924</v>
      </c>
      <c r="K2874" s="11">
        <v>46477</v>
      </c>
    </row>
    <row r="2875" spans="1:11" x14ac:dyDescent="0.4">
      <c r="A2875" s="8" t="s">
        <v>19985</v>
      </c>
      <c r="B2875" s="8"/>
      <c r="C2875" s="9" t="s">
        <v>20248</v>
      </c>
      <c r="D2875" s="9" t="s">
        <v>20249</v>
      </c>
      <c r="E2875" s="10"/>
      <c r="F2875" s="10"/>
      <c r="G2875" s="8"/>
      <c r="H2875" s="8" t="s">
        <v>20250</v>
      </c>
      <c r="I2875" s="11">
        <v>43928</v>
      </c>
      <c r="J2875" s="11">
        <v>43928</v>
      </c>
      <c r="K2875" s="11">
        <v>46660</v>
      </c>
    </row>
    <row r="2876" spans="1:11" x14ac:dyDescent="0.4">
      <c r="A2876" s="8" t="s">
        <v>19985</v>
      </c>
      <c r="B2876" s="8"/>
      <c r="C2876" s="9" t="s">
        <v>18831</v>
      </c>
      <c r="D2876" s="9" t="s">
        <v>20251</v>
      </c>
      <c r="E2876" s="10"/>
      <c r="F2876" s="10"/>
      <c r="G2876" s="8"/>
      <c r="H2876" s="8" t="s">
        <v>20252</v>
      </c>
      <c r="I2876" s="11">
        <v>43965</v>
      </c>
      <c r="J2876" s="11">
        <v>43965</v>
      </c>
      <c r="K2876" s="11">
        <v>46843</v>
      </c>
    </row>
    <row r="2877" spans="1:11" x14ac:dyDescent="0.4">
      <c r="A2877" s="8" t="s">
        <v>20253</v>
      </c>
      <c r="B2877" s="8"/>
      <c r="C2877" s="9" t="s">
        <v>2745</v>
      </c>
      <c r="D2877" s="9" t="s">
        <v>20254</v>
      </c>
      <c r="E2877" s="10"/>
      <c r="F2877" s="10" t="s">
        <v>2745</v>
      </c>
      <c r="G2877" s="8" t="s">
        <v>20254</v>
      </c>
      <c r="H2877" s="8" t="s">
        <v>20255</v>
      </c>
      <c r="I2877" s="11">
        <v>36915</v>
      </c>
      <c r="J2877" s="11">
        <v>43405</v>
      </c>
      <c r="K2877" s="11">
        <v>45596</v>
      </c>
    </row>
    <row r="2878" spans="1:11" x14ac:dyDescent="0.4">
      <c r="A2878" s="8" t="s">
        <v>20256</v>
      </c>
      <c r="B2878" s="8"/>
      <c r="C2878" s="9" t="s">
        <v>20257</v>
      </c>
      <c r="D2878" s="9" t="s">
        <v>20258</v>
      </c>
      <c r="E2878" s="10"/>
      <c r="F2878" s="10" t="s">
        <v>3382</v>
      </c>
      <c r="G2878" s="8" t="s">
        <v>11566</v>
      </c>
      <c r="H2878" s="8" t="s">
        <v>20259</v>
      </c>
      <c r="I2878" s="11">
        <v>32933</v>
      </c>
      <c r="J2878" s="11">
        <v>43556</v>
      </c>
      <c r="K2878" s="11">
        <v>45747</v>
      </c>
    </row>
    <row r="2879" spans="1:11" x14ac:dyDescent="0.4">
      <c r="A2879" s="8" t="s">
        <v>20256</v>
      </c>
      <c r="B2879" s="8"/>
      <c r="C2879" s="9" t="s">
        <v>20260</v>
      </c>
      <c r="D2879" s="9" t="s">
        <v>20261</v>
      </c>
      <c r="E2879" s="10"/>
      <c r="F2879" s="10"/>
      <c r="G2879" s="8"/>
      <c r="H2879" s="8" t="s">
        <v>20262</v>
      </c>
      <c r="I2879" s="11">
        <v>30431</v>
      </c>
      <c r="J2879" s="11">
        <v>43739</v>
      </c>
      <c r="K2879" s="11">
        <v>45565</v>
      </c>
    </row>
    <row r="2880" spans="1:11" x14ac:dyDescent="0.4">
      <c r="D2880" s="13"/>
    </row>
  </sheetData>
  <phoneticPr fontId="1"/>
  <pageMargins left="0.25" right="0.25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新台帳</vt:lpstr>
      <vt:lpstr>旧台帳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戸田　賀子</cp:lastModifiedBy>
  <cp:lastPrinted>2024-05-31T01:08:30Z</cp:lastPrinted>
  <dcterms:created xsi:type="dcterms:W3CDTF">2024-05-31T00:50:42Z</dcterms:created>
  <dcterms:modified xsi:type="dcterms:W3CDTF">2024-06-02T23:40:34Z</dcterms:modified>
</cp:coreProperties>
</file>